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1393\01企画G\23_統計\厚生労働省\01_介護保険事業状況報告\02_月報HP\"/>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M$41</definedName>
    <definedName name="_xlnm.Print_Area" localSheetId="2">'第２-2表'!$A$1:$KM$41</definedName>
    <definedName name="_xlnm.Print_Area" localSheetId="3">'第２-3表'!$A$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I1" i="10" l="1"/>
  <c r="H4" i="1" l="1"/>
  <c r="F1" i="34" l="1"/>
  <c r="G1" i="34" s="1"/>
  <c r="E1" i="34"/>
  <c r="F1" i="6"/>
  <c r="G1" i="6" s="1"/>
  <c r="G1" i="33"/>
  <c r="H1" i="33" s="1"/>
  <c r="F1" i="33"/>
  <c r="H1" i="5"/>
  <c r="I1" i="5" s="1"/>
  <c r="F1" i="5"/>
  <c r="J1" i="30"/>
  <c r="G1" i="25" l="1"/>
  <c r="H1" i="25" s="1"/>
  <c r="F1" i="25"/>
  <c r="J1" i="32" l="1"/>
  <c r="K1" i="32" s="1"/>
  <c r="H1" i="32"/>
  <c r="K1" i="31"/>
  <c r="L1" i="31" s="1"/>
  <c r="I1" i="31"/>
  <c r="L1" i="30"/>
  <c r="M1" i="30" s="1"/>
  <c r="K1" i="29"/>
  <c r="L1" i="29" s="1"/>
  <c r="I1" i="29"/>
  <c r="H1" i="28"/>
  <c r="I1" i="28" s="1"/>
  <c r="F1" i="28"/>
  <c r="E1" i="18" l="1"/>
  <c r="E1" i="26"/>
  <c r="E1" i="6"/>
  <c r="H1" i="24"/>
  <c r="H1" i="14"/>
  <c r="I1" i="23"/>
  <c r="I1" i="13"/>
  <c r="H1" i="4"/>
  <c r="J1" i="22"/>
  <c r="J1" i="11"/>
  <c r="I1" i="21"/>
  <c r="G1" i="9"/>
  <c r="F1" i="19"/>
  <c r="F1" i="8"/>
  <c r="F1" i="18" l="1"/>
  <c r="F1" i="26"/>
  <c r="J1" i="24"/>
  <c r="J1" i="14"/>
  <c r="K1" i="23"/>
  <c r="K1" i="13"/>
  <c r="J1" i="4"/>
  <c r="L1" i="22"/>
  <c r="L1" i="11"/>
  <c r="K1" i="21"/>
  <c r="K1" i="10"/>
  <c r="I1" i="9"/>
  <c r="H1" i="19"/>
  <c r="I1" i="19" s="1"/>
  <c r="H1" i="8"/>
  <c r="I1" i="8" s="1"/>
  <c r="J1" i="9" l="1"/>
  <c r="G1" i="26"/>
  <c r="K1" i="24"/>
  <c r="L1" i="23"/>
  <c r="M1" i="22"/>
  <c r="L1" i="21"/>
  <c r="G1" i="18"/>
  <c r="K1" i="14"/>
  <c r="L1" i="13"/>
  <c r="M1" i="11"/>
  <c r="L1" i="10"/>
  <c r="K1" i="4"/>
</calcChain>
</file>

<file path=xl/sharedStrings.xml><?xml version="1.0" encoding="utf-8"?>
<sst xmlns="http://schemas.openxmlformats.org/spreadsheetml/2006/main" count="5571"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i>
    <t xml:space="preserve">保険給付決定状況 </t>
  </si>
  <si>
    <t>特定入所者介護（介護予防）サービス費　総数　給付費（千円）</t>
    <rPh sb="24" eb="25">
      <t>ヒ</t>
    </rPh>
    <rPh sb="26" eb="28">
      <t>センエン</t>
    </rPh>
    <phoneticPr fontId="4"/>
  </si>
  <si>
    <r>
      <t>８５歳以上９０</t>
    </r>
    <r>
      <rPr>
        <sz val="11"/>
        <rFont val="ＭＳ Ｐゴシック"/>
        <family val="3"/>
        <charset val="128"/>
      </rPr>
      <t>歳未満</t>
    </r>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9"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s>
  <fills count="2">
    <fill>
      <patternFill patternType="none"/>
    </fill>
    <fill>
      <patternFill patternType="gray125"/>
    </fill>
  </fills>
  <borders count="102">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left style="double">
        <color indexed="64"/>
      </left>
      <right/>
      <top style="medium">
        <color indexed="64"/>
      </top>
      <bottom style="thin">
        <color indexed="64"/>
      </bottom>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left style="double">
        <color indexed="64"/>
      </left>
      <right/>
      <top style="thin">
        <color indexed="64"/>
      </top>
      <bottom style="thin">
        <color indexed="64"/>
      </bottom>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left style="double">
        <color indexed="64"/>
      </left>
      <right/>
      <top style="thin">
        <color indexed="64"/>
      </top>
      <bottom style="medium">
        <color indexed="64"/>
      </bottom>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580">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0" fontId="5" fillId="0" borderId="0" xfId="0" applyFont="1" applyAlignment="1">
      <alignment horizontal="left"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66" xfId="1" applyNumberFormat="1" applyFont="1" applyBorder="1" applyAlignment="1">
      <alignment vertical="center"/>
    </xf>
    <xf numFmtId="0" fontId="3" fillId="0" borderId="1" xfId="0" applyFont="1" applyBorder="1" applyAlignment="1">
      <alignment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0" xfId="1" applyNumberFormat="1" applyFont="1" applyBorder="1" applyAlignment="1">
      <alignment vertical="center" shrinkToFit="1"/>
    </xf>
    <xf numFmtId="180" fontId="0" fillId="0" borderId="73"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57" xfId="1" applyNumberFormat="1" applyFont="1" applyBorder="1"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3" fillId="0" borderId="7" xfId="0" applyFont="1" applyBorder="1" applyAlignment="1">
      <alignment vertical="center"/>
    </xf>
    <xf numFmtId="176" fontId="3" fillId="0" borderId="8" xfId="0" applyNumberFormat="1" applyFont="1" applyBorder="1" applyAlignment="1">
      <alignment vertical="center"/>
    </xf>
    <xf numFmtId="176" fontId="3" fillId="0" borderId="9" xfId="0" applyNumberFormat="1" applyFont="1" applyBorder="1" applyAlignment="1">
      <alignment vertical="center"/>
    </xf>
    <xf numFmtId="182" fontId="2" fillId="0" borderId="0" xfId="0" applyNumberFormat="1" applyFont="1" applyAlignment="1">
      <alignment horizontal="center" vertical="center"/>
    </xf>
    <xf numFmtId="0" fontId="0" fillId="0" borderId="10" xfId="0" applyFont="1" applyBorder="1" applyAlignment="1">
      <alignment horizontal="center" vertical="center"/>
    </xf>
    <xf numFmtId="0" fontId="0" fillId="0" borderId="0" xfId="0" applyFont="1" applyBorder="1" applyAlignment="1">
      <alignment vertical="center"/>
    </xf>
    <xf numFmtId="0" fontId="0" fillId="0" borderId="0" xfId="0" applyFont="1" applyAlignment="1">
      <alignment vertical="center"/>
    </xf>
    <xf numFmtId="0" fontId="0" fillId="0" borderId="19" xfId="0" applyFont="1" applyBorder="1" applyAlignment="1">
      <alignment horizontal="center" vertical="center"/>
    </xf>
    <xf numFmtId="0" fontId="0" fillId="0" borderId="9" xfId="0" applyFont="1" applyBorder="1" applyAlignment="1">
      <alignment horizontal="center" vertical="center"/>
    </xf>
    <xf numFmtId="0" fontId="0" fillId="0" borderId="12" xfId="0" applyFont="1" applyBorder="1" applyAlignment="1">
      <alignment horizontal="center" vertical="center"/>
    </xf>
    <xf numFmtId="0" fontId="0" fillId="0" borderId="13" xfId="0" applyFont="1" applyBorder="1" applyAlignment="1">
      <alignment horizontal="center" vertical="center"/>
    </xf>
    <xf numFmtId="0" fontId="0" fillId="0" borderId="26" xfId="0" applyFont="1" applyBorder="1" applyAlignment="1">
      <alignment horizontal="center" vertical="center" wrapText="1"/>
    </xf>
    <xf numFmtId="0" fontId="0" fillId="0" borderId="30" xfId="0" applyFont="1" applyBorder="1" applyAlignment="1">
      <alignment horizontal="center" vertical="center"/>
    </xf>
    <xf numFmtId="0" fontId="0" fillId="0" borderId="96" xfId="0" applyFont="1" applyBorder="1" applyAlignment="1">
      <alignment horizontal="center" vertical="center"/>
    </xf>
    <xf numFmtId="0" fontId="0" fillId="0" borderId="68" xfId="0" applyFont="1" applyBorder="1" applyAlignment="1">
      <alignment horizontal="center" vertical="center"/>
    </xf>
    <xf numFmtId="0" fontId="0" fillId="0" borderId="71" xfId="0" applyFont="1" applyBorder="1" applyAlignment="1">
      <alignment horizontal="center" vertical="center"/>
    </xf>
    <xf numFmtId="0" fontId="0" fillId="0" borderId="69" xfId="0" applyFont="1" applyBorder="1" applyAlignment="1">
      <alignment horizontal="center" vertical="center" wrapText="1"/>
    </xf>
    <xf numFmtId="0" fontId="0" fillId="0" borderId="84" xfId="0" applyFont="1" applyBorder="1" applyAlignment="1">
      <alignment horizontal="center" vertical="center"/>
    </xf>
    <xf numFmtId="0" fontId="0" fillId="0" borderId="86" xfId="0" applyFont="1" applyBorder="1" applyAlignment="1">
      <alignment horizontal="center" vertical="center"/>
    </xf>
    <xf numFmtId="0" fontId="0" fillId="0" borderId="3" xfId="0" applyFont="1" applyBorder="1" applyAlignment="1">
      <alignment horizontal="left" vertical="center" shrinkToFit="1"/>
    </xf>
    <xf numFmtId="178" fontId="0" fillId="0" borderId="49" xfId="0" applyNumberFormat="1" applyFont="1" applyBorder="1" applyAlignment="1">
      <alignment vertical="center"/>
    </xf>
    <xf numFmtId="178" fontId="0" fillId="0" borderId="42" xfId="0" applyNumberFormat="1" applyFont="1" applyBorder="1" applyAlignment="1">
      <alignment vertical="center"/>
    </xf>
    <xf numFmtId="178" fontId="0" fillId="0" borderId="43" xfId="0" applyNumberFormat="1" applyFont="1" applyBorder="1" applyAlignment="1">
      <alignment vertical="center"/>
    </xf>
    <xf numFmtId="178" fontId="0" fillId="0" borderId="44" xfId="0" applyNumberFormat="1" applyFont="1" applyBorder="1" applyAlignment="1">
      <alignment vertical="center"/>
    </xf>
    <xf numFmtId="178" fontId="0" fillId="0" borderId="45" xfId="0" applyNumberFormat="1" applyFont="1" applyBorder="1" applyAlignment="1">
      <alignment vertical="center"/>
    </xf>
    <xf numFmtId="178" fontId="0" fillId="0" borderId="34" xfId="1" applyNumberFormat="1" applyFont="1" applyBorder="1" applyAlignment="1">
      <alignment vertical="center"/>
    </xf>
    <xf numFmtId="178" fontId="0" fillId="0" borderId="35" xfId="1" applyNumberFormat="1" applyFont="1" applyBorder="1" applyAlignment="1">
      <alignment vertical="center"/>
    </xf>
    <xf numFmtId="178" fontId="0" fillId="0" borderId="36" xfId="1" applyNumberFormat="1" applyFont="1" applyBorder="1" applyAlignment="1">
      <alignment vertical="center"/>
    </xf>
    <xf numFmtId="178" fontId="0" fillId="0" borderId="37" xfId="1" applyNumberFormat="1" applyFont="1" applyBorder="1" applyAlignment="1">
      <alignment vertical="center"/>
    </xf>
    <xf numFmtId="178" fontId="0" fillId="0" borderId="55" xfId="0" applyNumberFormat="1" applyFont="1" applyBorder="1" applyAlignment="1">
      <alignment vertical="center"/>
    </xf>
    <xf numFmtId="0" fontId="0" fillId="0" borderId="7" xfId="0" applyFont="1" applyBorder="1" applyAlignment="1">
      <alignment horizontal="left" vertical="center" shrinkToFit="1"/>
    </xf>
    <xf numFmtId="178" fontId="0" fillId="0" borderId="8" xfId="0" applyNumberFormat="1" applyFont="1" applyBorder="1" applyAlignment="1">
      <alignment vertical="center"/>
    </xf>
    <xf numFmtId="178" fontId="0" fillId="0" borderId="5" xfId="0" applyNumberFormat="1" applyFont="1" applyBorder="1" applyAlignment="1">
      <alignment vertical="center"/>
    </xf>
    <xf numFmtId="178" fontId="0" fillId="0" borderId="46" xfId="0" applyNumberFormat="1" applyFont="1" applyBorder="1" applyAlignment="1">
      <alignment vertical="center"/>
    </xf>
    <xf numFmtId="178" fontId="0" fillId="0" borderId="47" xfId="0" applyNumberFormat="1" applyFont="1" applyBorder="1" applyAlignment="1">
      <alignment vertical="center"/>
    </xf>
    <xf numFmtId="178" fontId="0" fillId="0" borderId="48" xfId="0" applyNumberFormat="1" applyFont="1" applyBorder="1" applyAlignment="1">
      <alignment vertical="center"/>
    </xf>
    <xf numFmtId="178" fontId="0" fillId="0" borderId="8" xfId="1" applyNumberFormat="1" applyFont="1" applyBorder="1" applyAlignment="1">
      <alignment vertical="center"/>
    </xf>
    <xf numFmtId="178" fontId="0" fillId="0" borderId="5" xfId="1" applyNumberFormat="1" applyFont="1" applyBorder="1" applyAlignment="1">
      <alignment vertical="center"/>
    </xf>
    <xf numFmtId="178" fontId="0" fillId="0" borderId="38" xfId="1" applyNumberFormat="1" applyFont="1" applyBorder="1" applyAlignment="1">
      <alignment vertical="center"/>
    </xf>
    <xf numFmtId="178" fontId="0" fillId="0" borderId="39" xfId="1" applyNumberFormat="1" applyFont="1" applyBorder="1" applyAlignment="1">
      <alignment vertical="center"/>
    </xf>
    <xf numFmtId="178" fontId="0" fillId="0" borderId="54" xfId="0" applyNumberFormat="1" applyFont="1" applyBorder="1" applyAlignment="1">
      <alignment vertical="center"/>
    </xf>
    <xf numFmtId="0" fontId="0" fillId="0" borderId="7" xfId="0" applyFont="1" applyBorder="1" applyAlignment="1">
      <alignment horizontal="left" vertical="center"/>
    </xf>
    <xf numFmtId="178" fontId="0" fillId="0" borderId="49" xfId="1" applyNumberFormat="1" applyFont="1" applyBorder="1" applyAlignment="1">
      <alignment vertical="center"/>
    </xf>
    <xf numFmtId="0" fontId="0" fillId="0" borderId="14" xfId="0" applyFont="1" applyBorder="1" applyAlignment="1">
      <alignment horizontal="left" vertical="center"/>
    </xf>
    <xf numFmtId="178" fontId="0" fillId="0" borderId="9" xfId="0" applyNumberFormat="1" applyFont="1" applyBorder="1" applyAlignment="1">
      <alignment vertical="center"/>
    </xf>
    <xf numFmtId="178" fontId="0" fillId="0" borderId="12" xfId="0" applyNumberFormat="1" applyFont="1" applyBorder="1" applyAlignment="1">
      <alignment vertical="center"/>
    </xf>
    <xf numFmtId="178" fontId="0" fillId="0" borderId="13" xfId="0" applyNumberFormat="1" applyFont="1" applyBorder="1" applyAlignment="1">
      <alignment vertical="center"/>
    </xf>
    <xf numFmtId="178" fontId="0" fillId="0" borderId="50" xfId="0" applyNumberFormat="1" applyFont="1" applyBorder="1" applyAlignment="1">
      <alignment vertical="center"/>
    </xf>
    <xf numFmtId="178" fontId="0" fillId="0" borderId="30" xfId="0" applyNumberFormat="1" applyFont="1" applyBorder="1" applyAlignment="1">
      <alignment vertical="center"/>
    </xf>
    <xf numFmtId="178" fontId="0" fillId="0" borderId="9" xfId="1" applyNumberFormat="1" applyFont="1" applyBorder="1" applyAlignment="1">
      <alignment vertical="center"/>
    </xf>
    <xf numFmtId="178" fontId="0" fillId="0" borderId="12" xfId="1" applyNumberFormat="1" applyFont="1" applyBorder="1" applyAlignment="1">
      <alignment vertical="center"/>
    </xf>
    <xf numFmtId="178" fontId="0" fillId="0" borderId="25" xfId="1" applyNumberFormat="1" applyFont="1" applyBorder="1" applyAlignment="1">
      <alignment vertical="center"/>
    </xf>
    <xf numFmtId="178" fontId="0" fillId="0" borderId="40" xfId="1" applyNumberFormat="1" applyFont="1" applyBorder="1" applyAlignment="1">
      <alignment vertical="center"/>
    </xf>
    <xf numFmtId="178" fontId="0" fillId="0" borderId="33" xfId="0" applyNumberFormat="1" applyFont="1" applyBorder="1" applyAlignment="1">
      <alignment vertical="center"/>
    </xf>
    <xf numFmtId="0" fontId="0" fillId="0" borderId="15" xfId="0" applyFont="1" applyBorder="1" applyAlignment="1">
      <alignment horizontal="center" vertical="center"/>
    </xf>
    <xf numFmtId="0" fontId="0" fillId="0" borderId="16" xfId="0" applyFont="1" applyBorder="1" applyAlignment="1">
      <alignment horizontal="center" vertical="center"/>
    </xf>
    <xf numFmtId="0" fontId="0" fillId="0" borderId="2" xfId="0" applyFont="1" applyBorder="1" applyAlignment="1">
      <alignment horizontal="center" vertical="center"/>
    </xf>
    <xf numFmtId="0" fontId="0" fillId="0" borderId="17" xfId="0" applyFont="1" applyBorder="1" applyAlignment="1">
      <alignment horizontal="center" vertical="center"/>
    </xf>
    <xf numFmtId="0" fontId="0" fillId="0" borderId="18" xfId="0" applyFont="1" applyBorder="1" applyAlignment="1">
      <alignment horizontal="center" vertical="center" wrapText="1"/>
    </xf>
    <xf numFmtId="176" fontId="0" fillId="0" borderId="34" xfId="1" applyNumberFormat="1" applyFont="1" applyBorder="1" applyAlignment="1">
      <alignment vertical="center"/>
    </xf>
    <xf numFmtId="176" fontId="0" fillId="0" borderId="35" xfId="1" applyNumberFormat="1" applyFont="1" applyBorder="1" applyAlignment="1">
      <alignment vertical="center"/>
    </xf>
    <xf numFmtId="176" fontId="0" fillId="0" borderId="36" xfId="1" applyNumberFormat="1" applyFont="1" applyBorder="1" applyAlignment="1">
      <alignment vertical="center"/>
    </xf>
    <xf numFmtId="176" fontId="0" fillId="0" borderId="51" xfId="1" applyNumberFormat="1" applyFont="1" applyBorder="1" applyAlignment="1">
      <alignment vertical="center"/>
    </xf>
    <xf numFmtId="176" fontId="0" fillId="0" borderId="37" xfId="1" applyNumberFormat="1" applyFont="1" applyBorder="1" applyAlignment="1">
      <alignment vertical="center"/>
    </xf>
    <xf numFmtId="176" fontId="0" fillId="0" borderId="52" xfId="1" applyNumberFormat="1" applyFont="1" applyBorder="1" applyAlignment="1">
      <alignment vertical="center"/>
    </xf>
    <xf numFmtId="176" fontId="0" fillId="0" borderId="8" xfId="1" applyNumberFormat="1" applyFont="1" applyBorder="1" applyAlignment="1">
      <alignment vertical="center"/>
    </xf>
    <xf numFmtId="176" fontId="0" fillId="0" borderId="5" xfId="1" applyNumberFormat="1" applyFont="1" applyBorder="1" applyAlignment="1">
      <alignment vertical="center"/>
    </xf>
    <xf numFmtId="176" fontId="0" fillId="0" borderId="38" xfId="1" applyNumberFormat="1" applyFont="1" applyBorder="1" applyAlignment="1">
      <alignment vertical="center"/>
    </xf>
    <xf numFmtId="176" fontId="0" fillId="0" borderId="53" xfId="1" applyNumberFormat="1" applyFont="1" applyBorder="1" applyAlignment="1">
      <alignment vertical="center"/>
    </xf>
    <xf numFmtId="176" fontId="0" fillId="0" borderId="39" xfId="1" applyNumberFormat="1" applyFont="1" applyBorder="1" applyAlignment="1">
      <alignment vertical="center"/>
    </xf>
    <xf numFmtId="176" fontId="0" fillId="0" borderId="54" xfId="1" applyNumberFormat="1" applyFont="1" applyBorder="1" applyAlignment="1">
      <alignment vertical="center"/>
    </xf>
    <xf numFmtId="176" fontId="0" fillId="0" borderId="9" xfId="1" applyNumberFormat="1" applyFont="1" applyBorder="1" applyAlignment="1">
      <alignment vertical="center"/>
    </xf>
    <xf numFmtId="176" fontId="0" fillId="0" borderId="12" xfId="1" applyNumberFormat="1" applyFont="1" applyBorder="1" applyAlignment="1">
      <alignment vertical="center"/>
    </xf>
    <xf numFmtId="176" fontId="0" fillId="0" borderId="25" xfId="1" applyNumberFormat="1" applyFont="1" applyBorder="1" applyAlignment="1">
      <alignment vertical="center"/>
    </xf>
    <xf numFmtId="176" fontId="0" fillId="0" borderId="26" xfId="1" applyNumberFormat="1" applyFont="1" applyBorder="1" applyAlignment="1">
      <alignment vertical="center"/>
    </xf>
    <xf numFmtId="176" fontId="0" fillId="0" borderId="40" xfId="1" applyNumberFormat="1" applyFont="1" applyBorder="1" applyAlignment="1">
      <alignment vertical="center"/>
    </xf>
    <xf numFmtId="176" fontId="0" fillId="0" borderId="33" xfId="1" applyNumberFormat="1" applyFont="1" applyBorder="1" applyAlignment="1">
      <alignment vertical="center"/>
    </xf>
    <xf numFmtId="0" fontId="5" fillId="0" borderId="0" xfId="3" applyFont="1">
      <alignment vertical="center"/>
    </xf>
    <xf numFmtId="0" fontId="2" fillId="0" borderId="0" xfId="3" applyFont="1">
      <alignment vertical="center"/>
    </xf>
    <xf numFmtId="0" fontId="2" fillId="0" borderId="9" xfId="3" applyFont="1" applyBorder="1" applyAlignment="1">
      <alignment horizontal="center" vertical="center"/>
    </xf>
    <xf numFmtId="0" fontId="2" fillId="0" borderId="12" xfId="3" applyFont="1" applyBorder="1" applyAlignment="1">
      <alignment horizontal="center" vertical="center"/>
    </xf>
    <xf numFmtId="0" fontId="2" fillId="0" borderId="66" xfId="3" applyFont="1" applyBorder="1" applyAlignment="1">
      <alignment horizontal="center" vertical="center"/>
    </xf>
    <xf numFmtId="0" fontId="2" fillId="0" borderId="26" xfId="3" applyFont="1" applyBorder="1" applyAlignment="1">
      <alignment horizontal="center" vertical="center" wrapText="1"/>
    </xf>
    <xf numFmtId="0" fontId="2" fillId="0" borderId="13" xfId="3" applyFont="1" applyBorder="1" applyAlignment="1">
      <alignment horizontal="center" vertical="center"/>
    </xf>
    <xf numFmtId="0" fontId="2" fillId="0" borderId="25" xfId="3" applyFont="1" applyBorder="1" applyAlignment="1">
      <alignment horizontal="center" vertical="center"/>
    </xf>
    <xf numFmtId="0" fontId="2" fillId="0" borderId="3" xfId="0" applyFont="1" applyBorder="1" applyAlignment="1">
      <alignment horizontal="left" vertical="center" shrinkToFit="1"/>
    </xf>
    <xf numFmtId="38" fontId="2" fillId="0" borderId="49" xfId="1" applyFont="1" applyBorder="1" applyAlignment="1">
      <alignment vertical="center"/>
    </xf>
    <xf numFmtId="38" fontId="2" fillId="0" borderId="42" xfId="1" applyFont="1" applyBorder="1" applyAlignment="1">
      <alignment vertical="center"/>
    </xf>
    <xf numFmtId="38" fontId="2" fillId="0" borderId="57" xfId="1" applyFont="1" applyBorder="1" applyAlignment="1">
      <alignment vertical="center"/>
    </xf>
    <xf numFmtId="38" fontId="2" fillId="0" borderId="90" xfId="1" applyFont="1" applyBorder="1" applyAlignment="1">
      <alignment vertical="center"/>
    </xf>
    <xf numFmtId="38" fontId="2" fillId="0" borderId="73" xfId="1" applyFont="1" applyBorder="1" applyAlignment="1">
      <alignment vertical="center"/>
    </xf>
    <xf numFmtId="38" fontId="2" fillId="0" borderId="89" xfId="1" applyFont="1" applyBorder="1" applyAlignment="1">
      <alignment vertical="center"/>
    </xf>
    <xf numFmtId="38" fontId="2" fillId="0" borderId="4" xfId="1" applyFont="1" applyBorder="1" applyAlignment="1">
      <alignment vertical="center"/>
    </xf>
    <xf numFmtId="0" fontId="2" fillId="0" borderId="7" xfId="0" applyFont="1" applyBorder="1" applyAlignment="1">
      <alignment horizontal="left" vertical="center" shrinkToFit="1"/>
    </xf>
    <xf numFmtId="38" fontId="2" fillId="0" borderId="8" xfId="1" applyFont="1" applyBorder="1" applyAlignment="1">
      <alignment vertical="center"/>
    </xf>
    <xf numFmtId="38" fontId="2" fillId="0" borderId="5" xfId="1" applyFont="1" applyBorder="1" applyAlignment="1">
      <alignment vertical="center"/>
    </xf>
    <xf numFmtId="38" fontId="2" fillId="0" borderId="56" xfId="1" applyFont="1" applyBorder="1" applyAlignment="1">
      <alignment vertical="center"/>
    </xf>
    <xf numFmtId="38" fontId="2" fillId="0" borderId="53" xfId="1" applyFont="1" applyBorder="1" applyAlignment="1">
      <alignment vertical="center"/>
    </xf>
    <xf numFmtId="38" fontId="2" fillId="0" borderId="46" xfId="1" applyFont="1" applyBorder="1" applyAlignment="1">
      <alignment vertical="center"/>
    </xf>
    <xf numFmtId="38" fontId="2" fillId="0" borderId="39" xfId="1" applyFont="1" applyBorder="1" applyAlignment="1">
      <alignment vertical="center"/>
    </xf>
    <xf numFmtId="38" fontId="2" fillId="0" borderId="38" xfId="1" applyFont="1" applyBorder="1" applyAlignment="1">
      <alignment vertical="center"/>
    </xf>
    <xf numFmtId="0" fontId="2" fillId="0" borderId="7" xfId="0" applyFont="1" applyBorder="1" applyAlignment="1">
      <alignment horizontal="left" vertical="center"/>
    </xf>
    <xf numFmtId="0" fontId="2" fillId="0" borderId="14" xfId="0" applyFont="1" applyBorder="1" applyAlignment="1">
      <alignment horizontal="left" vertical="center"/>
    </xf>
    <xf numFmtId="38" fontId="2" fillId="0" borderId="9" xfId="1" applyFont="1" applyBorder="1" applyAlignment="1">
      <alignment vertical="center"/>
    </xf>
    <xf numFmtId="38" fontId="2" fillId="0" borderId="12" xfId="1" applyFont="1" applyBorder="1" applyAlignment="1">
      <alignment vertical="center"/>
    </xf>
    <xf numFmtId="38" fontId="2" fillId="0" borderId="66" xfId="1" applyFont="1" applyBorder="1" applyAlignment="1">
      <alignment vertical="center"/>
    </xf>
    <xf numFmtId="38" fontId="2" fillId="0" borderId="26" xfId="1" applyFont="1" applyBorder="1" applyAlignment="1">
      <alignment vertical="center"/>
    </xf>
    <xf numFmtId="38" fontId="2" fillId="0" borderId="13" xfId="1" applyFont="1" applyBorder="1" applyAlignment="1">
      <alignment vertical="center"/>
    </xf>
    <xf numFmtId="38" fontId="2" fillId="0" borderId="40" xfId="1" applyFont="1" applyBorder="1" applyAlignment="1">
      <alignment vertical="center"/>
    </xf>
    <xf numFmtId="38" fontId="2" fillId="0" borderId="25" xfId="1" applyFont="1" applyBorder="1" applyAlignment="1">
      <alignment vertical="center"/>
    </xf>
    <xf numFmtId="0" fontId="0" fillId="0" borderId="0" xfId="3" applyFont="1">
      <alignment vertical="center"/>
    </xf>
    <xf numFmtId="182" fontId="0" fillId="0" borderId="0" xfId="0" applyNumberFormat="1" applyFont="1" applyAlignment="1">
      <alignment horizontal="center" vertical="center"/>
    </xf>
    <xf numFmtId="0" fontId="0" fillId="0" borderId="9" xfId="3" applyFont="1" applyBorder="1" applyAlignment="1">
      <alignment horizontal="center" vertical="center"/>
    </xf>
    <xf numFmtId="0" fontId="0" fillId="0" borderId="12" xfId="3" applyFont="1" applyBorder="1" applyAlignment="1">
      <alignment horizontal="center" vertical="center"/>
    </xf>
    <xf numFmtId="0" fontId="0" fillId="0" borderId="66" xfId="3" applyFont="1" applyBorder="1" applyAlignment="1">
      <alignment horizontal="center" vertical="center"/>
    </xf>
    <xf numFmtId="0" fontId="0" fillId="0" borderId="26" xfId="3" applyFont="1" applyBorder="1" applyAlignment="1">
      <alignment horizontal="center" vertical="center" wrapText="1"/>
    </xf>
    <xf numFmtId="0" fontId="0" fillId="0" borderId="13" xfId="3" applyFont="1" applyBorder="1" applyAlignment="1">
      <alignment horizontal="center" vertical="center"/>
    </xf>
    <xf numFmtId="0" fontId="0" fillId="0" borderId="25" xfId="3" applyFont="1" applyBorder="1" applyAlignment="1">
      <alignment horizontal="center" vertical="center"/>
    </xf>
    <xf numFmtId="38" fontId="0" fillId="0" borderId="49" xfId="1" applyFont="1" applyBorder="1" applyAlignment="1">
      <alignment vertical="center"/>
    </xf>
    <xf numFmtId="38" fontId="0" fillId="0" borderId="42" xfId="1" applyFont="1" applyBorder="1" applyAlignment="1">
      <alignment vertical="center"/>
    </xf>
    <xf numFmtId="38" fontId="0" fillId="0" borderId="57" xfId="1" applyFont="1" applyBorder="1" applyAlignment="1">
      <alignment vertical="center"/>
    </xf>
    <xf numFmtId="38" fontId="0" fillId="0" borderId="90" xfId="1" applyFont="1" applyBorder="1" applyAlignment="1">
      <alignment vertical="center"/>
    </xf>
    <xf numFmtId="38" fontId="0" fillId="0" borderId="73" xfId="1" applyFont="1" applyBorder="1" applyAlignment="1">
      <alignment vertical="center"/>
    </xf>
    <xf numFmtId="38" fontId="0" fillId="0" borderId="89" xfId="1" applyFont="1" applyBorder="1" applyAlignment="1">
      <alignment vertical="center"/>
    </xf>
    <xf numFmtId="38" fontId="0" fillId="0" borderId="4" xfId="1" applyFont="1" applyBorder="1" applyAlignment="1">
      <alignment vertical="center"/>
    </xf>
    <xf numFmtId="38" fontId="0" fillId="0" borderId="8" xfId="1" applyFont="1" applyBorder="1" applyAlignment="1">
      <alignment vertical="center"/>
    </xf>
    <xf numFmtId="38" fontId="0" fillId="0" borderId="5" xfId="1" applyFont="1" applyBorder="1" applyAlignment="1">
      <alignment vertical="center"/>
    </xf>
    <xf numFmtId="38" fontId="0" fillId="0" borderId="56" xfId="1" applyFont="1" applyBorder="1" applyAlignment="1">
      <alignment vertical="center"/>
    </xf>
    <xf numFmtId="38" fontId="0" fillId="0" borderId="53" xfId="1" applyFont="1" applyBorder="1" applyAlignment="1">
      <alignment vertical="center"/>
    </xf>
    <xf numFmtId="38" fontId="0" fillId="0" borderId="46" xfId="1" applyFont="1" applyBorder="1" applyAlignment="1">
      <alignment vertical="center"/>
    </xf>
    <xf numFmtId="38" fontId="0" fillId="0" borderId="39" xfId="1" applyFont="1" applyBorder="1" applyAlignment="1">
      <alignment vertical="center"/>
    </xf>
    <xf numFmtId="38" fontId="0" fillId="0" borderId="38" xfId="1" applyFont="1" applyBorder="1" applyAlignment="1">
      <alignment vertical="center"/>
    </xf>
    <xf numFmtId="38" fontId="0" fillId="0" borderId="9" xfId="1" applyFont="1" applyBorder="1" applyAlignment="1">
      <alignment vertical="center"/>
    </xf>
    <xf numFmtId="38" fontId="0" fillId="0" borderId="12" xfId="1" applyFont="1" applyBorder="1" applyAlignment="1">
      <alignment vertical="center"/>
    </xf>
    <xf numFmtId="38" fontId="0" fillId="0" borderId="66" xfId="1" applyFont="1" applyBorder="1" applyAlignment="1">
      <alignment vertical="center"/>
    </xf>
    <xf numFmtId="38" fontId="0" fillId="0" borderId="26" xfId="1" applyFont="1" applyBorder="1" applyAlignment="1">
      <alignment vertical="center"/>
    </xf>
    <xf numFmtId="38" fontId="0" fillId="0" borderId="13" xfId="1" applyFont="1" applyBorder="1" applyAlignment="1">
      <alignment vertical="center"/>
    </xf>
    <xf numFmtId="38" fontId="0" fillId="0" borderId="40" xfId="1" applyFont="1" applyBorder="1" applyAlignment="1">
      <alignment vertical="center"/>
    </xf>
    <xf numFmtId="38" fontId="0" fillId="0" borderId="25" xfId="1" applyFont="1" applyBorder="1" applyAlignment="1">
      <alignment vertical="center"/>
    </xf>
    <xf numFmtId="0" fontId="0" fillId="0" borderId="33" xfId="3" applyFont="1" applyBorder="1" applyAlignment="1">
      <alignment horizontal="center" vertical="center"/>
    </xf>
    <xf numFmtId="0" fontId="0" fillId="0" borderId="72" xfId="3" applyFont="1" applyBorder="1" applyAlignment="1">
      <alignment horizontal="center" vertical="center"/>
    </xf>
    <xf numFmtId="38" fontId="0" fillId="0" borderId="74" xfId="1" applyFont="1" applyBorder="1" applyAlignment="1">
      <alignment vertical="center"/>
    </xf>
    <xf numFmtId="38" fontId="0" fillId="0" borderId="65" xfId="1" applyFont="1" applyBorder="1" applyAlignment="1">
      <alignment vertical="center"/>
    </xf>
    <xf numFmtId="38" fontId="0" fillId="0" borderId="72" xfId="1" applyFont="1" applyBorder="1" applyAlignment="1">
      <alignment vertical="center"/>
    </xf>
    <xf numFmtId="0" fontId="0" fillId="0" borderId="0" xfId="0" applyFont="1" applyBorder="1" applyAlignment="1">
      <alignment horizontal="center" vertical="center"/>
    </xf>
    <xf numFmtId="0" fontId="0" fillId="0" borderId="0" xfId="0" applyFont="1" applyBorder="1" applyAlignment="1">
      <alignment horizontal="right" vertical="center"/>
    </xf>
    <xf numFmtId="177" fontId="0" fillId="0" borderId="34" xfId="1" applyNumberFormat="1" applyFont="1" applyBorder="1" applyAlignment="1">
      <alignment vertical="center"/>
    </xf>
    <xf numFmtId="177" fontId="0" fillId="0" borderId="35" xfId="1" applyNumberFormat="1" applyFont="1" applyBorder="1" applyAlignment="1">
      <alignment vertical="center"/>
    </xf>
    <xf numFmtId="177" fontId="0" fillId="0" borderId="36" xfId="1" applyNumberFormat="1" applyFont="1" applyBorder="1" applyAlignment="1">
      <alignment vertical="center"/>
    </xf>
    <xf numFmtId="177" fontId="0" fillId="0" borderId="51" xfId="1" applyNumberFormat="1" applyFont="1" applyBorder="1" applyAlignment="1">
      <alignment vertical="center"/>
    </xf>
    <xf numFmtId="177" fontId="0" fillId="0" borderId="37" xfId="1" applyNumberFormat="1" applyFont="1" applyBorder="1" applyAlignment="1">
      <alignment vertical="center"/>
    </xf>
    <xf numFmtId="177" fontId="0" fillId="0" borderId="52" xfId="1" applyNumberFormat="1" applyFont="1" applyBorder="1" applyAlignment="1">
      <alignment vertical="center"/>
    </xf>
    <xf numFmtId="177" fontId="0" fillId="0" borderId="8" xfId="1" applyNumberFormat="1" applyFont="1" applyBorder="1" applyAlignment="1">
      <alignment vertical="center"/>
    </xf>
    <xf numFmtId="177" fontId="0" fillId="0" borderId="5" xfId="1" applyNumberFormat="1" applyFont="1" applyBorder="1" applyAlignment="1">
      <alignment vertical="center"/>
    </xf>
    <xf numFmtId="177" fontId="0" fillId="0" borderId="38" xfId="1" applyNumberFormat="1" applyFont="1" applyBorder="1" applyAlignment="1">
      <alignment vertical="center"/>
    </xf>
    <xf numFmtId="177" fontId="0" fillId="0" borderId="53" xfId="1" applyNumberFormat="1" applyFont="1" applyBorder="1" applyAlignment="1">
      <alignment vertical="center"/>
    </xf>
    <xf numFmtId="177" fontId="0" fillId="0" borderId="39" xfId="1" applyNumberFormat="1" applyFont="1" applyBorder="1" applyAlignment="1">
      <alignment vertical="center"/>
    </xf>
    <xf numFmtId="177" fontId="0" fillId="0" borderId="54" xfId="1" applyNumberFormat="1" applyFont="1" applyBorder="1" applyAlignment="1">
      <alignment vertical="center"/>
    </xf>
    <xf numFmtId="177" fontId="0" fillId="0" borderId="9" xfId="1" applyNumberFormat="1" applyFont="1" applyBorder="1" applyAlignment="1">
      <alignment vertical="center"/>
    </xf>
    <xf numFmtId="177" fontId="0" fillId="0" borderId="12" xfId="1" applyNumberFormat="1" applyFont="1" applyBorder="1" applyAlignment="1">
      <alignment vertical="center"/>
    </xf>
    <xf numFmtId="177" fontId="0" fillId="0" borderId="25" xfId="1" applyNumberFormat="1" applyFont="1" applyBorder="1" applyAlignment="1">
      <alignment vertical="center"/>
    </xf>
    <xf numFmtId="177" fontId="0" fillId="0" borderId="26" xfId="1" applyNumberFormat="1" applyFont="1" applyBorder="1" applyAlignment="1">
      <alignment vertical="center"/>
    </xf>
    <xf numFmtId="177" fontId="0" fillId="0" borderId="40" xfId="1" applyNumberFormat="1" applyFont="1" applyBorder="1" applyAlignment="1">
      <alignment vertical="center"/>
    </xf>
    <xf numFmtId="177" fontId="0" fillId="0" borderId="33" xfId="1" applyNumberFormat="1" applyFont="1" applyBorder="1" applyAlignment="1">
      <alignment vertical="center"/>
    </xf>
    <xf numFmtId="0" fontId="0" fillId="0" borderId="20" xfId="0" applyFont="1" applyBorder="1" applyAlignment="1">
      <alignment horizontal="center" vertical="center" wrapText="1"/>
    </xf>
    <xf numFmtId="38" fontId="0" fillId="0" borderId="21" xfId="1" applyFont="1" applyBorder="1" applyAlignment="1">
      <alignment horizontal="center" vertical="center" wrapText="1"/>
    </xf>
    <xf numFmtId="0" fontId="0" fillId="0" borderId="22" xfId="0" applyFont="1" applyBorder="1" applyAlignment="1">
      <alignment horizontal="center" vertical="center" wrapText="1"/>
    </xf>
    <xf numFmtId="38" fontId="0" fillId="0" borderId="23" xfId="1" applyFont="1" applyBorder="1" applyAlignment="1">
      <alignment horizontal="center" vertical="center" wrapText="1"/>
    </xf>
    <xf numFmtId="0" fontId="0" fillId="0" borderId="23" xfId="0" applyFont="1" applyBorder="1" applyAlignment="1">
      <alignment horizontal="center" vertical="center" wrapText="1"/>
    </xf>
    <xf numFmtId="38" fontId="0" fillId="0" borderId="24" xfId="1" applyFont="1" applyBorder="1" applyAlignment="1">
      <alignment horizontal="center" vertical="center" wrapText="1"/>
    </xf>
    <xf numFmtId="0" fontId="0" fillId="0" borderId="11" xfId="0" applyFont="1" applyBorder="1" applyAlignment="1">
      <alignment horizontal="center" vertical="center" wrapText="1"/>
    </xf>
    <xf numFmtId="177" fontId="0" fillId="0" borderId="43" xfId="1" applyNumberFormat="1" applyFont="1" applyBorder="1" applyAlignment="1">
      <alignment vertical="center"/>
    </xf>
    <xf numFmtId="177" fontId="0" fillId="0" borderId="58" xfId="1" applyNumberFormat="1" applyFont="1" applyBorder="1" applyAlignment="1">
      <alignment vertical="center"/>
    </xf>
    <xf numFmtId="177" fontId="0" fillId="0" borderId="45" xfId="1" applyNumberFormat="1" applyFont="1" applyBorder="1" applyAlignment="1">
      <alignment vertical="center"/>
    </xf>
    <xf numFmtId="38" fontId="0" fillId="0" borderId="0" xfId="1" applyFont="1" applyAlignment="1">
      <alignment vertical="center"/>
    </xf>
    <xf numFmtId="177" fontId="0" fillId="0" borderId="46" xfId="1" applyNumberFormat="1" applyFont="1" applyBorder="1" applyAlignment="1">
      <alignment vertical="center"/>
    </xf>
    <xf numFmtId="177" fontId="0" fillId="0" borderId="56" xfId="1" applyNumberFormat="1" applyFont="1" applyBorder="1" applyAlignment="1">
      <alignment vertical="center"/>
    </xf>
    <xf numFmtId="177" fontId="0" fillId="0" borderId="48" xfId="1" applyNumberFormat="1" applyFont="1" applyBorder="1" applyAlignment="1">
      <alignment vertical="center"/>
    </xf>
    <xf numFmtId="177" fontId="0" fillId="0" borderId="13" xfId="1" applyNumberFormat="1" applyFont="1" applyBorder="1" applyAlignment="1">
      <alignment vertical="center"/>
    </xf>
    <xf numFmtId="177" fontId="0" fillId="0" borderId="66" xfId="1" applyNumberFormat="1" applyFont="1" applyBorder="1" applyAlignment="1">
      <alignment vertical="center"/>
    </xf>
    <xf numFmtId="177" fontId="0" fillId="0" borderId="30" xfId="1" applyNumberFormat="1" applyFont="1" applyBorder="1" applyAlignment="1">
      <alignment vertical="center"/>
    </xf>
    <xf numFmtId="38" fontId="0" fillId="0" borderId="0" xfId="1" applyFont="1" applyBorder="1" applyAlignment="1">
      <alignment vertical="center"/>
    </xf>
    <xf numFmtId="0" fontId="0" fillId="0" borderId="0" xfId="0" applyFont="1" applyFill="1" applyAlignment="1">
      <alignment vertical="center"/>
    </xf>
    <xf numFmtId="182" fontId="0" fillId="0" borderId="0" xfId="0" applyNumberFormat="1" applyFont="1" applyBorder="1" applyAlignment="1">
      <alignment horizontal="center" vertical="center"/>
    </xf>
    <xf numFmtId="0" fontId="0" fillId="0" borderId="33" xfId="0" applyFont="1" applyBorder="1" applyAlignment="1">
      <alignment horizontal="center" vertical="center"/>
    </xf>
    <xf numFmtId="0" fontId="0" fillId="0" borderId="25" xfId="0" applyFont="1" applyBorder="1" applyAlignment="1">
      <alignment horizontal="center" vertical="center"/>
    </xf>
    <xf numFmtId="0" fontId="0" fillId="0" borderId="20" xfId="0" applyFont="1" applyBorder="1" applyAlignment="1">
      <alignment horizontal="center" vertical="center"/>
    </xf>
    <xf numFmtId="0" fontId="0" fillId="0" borderId="23" xfId="0" applyFont="1" applyBorder="1" applyAlignment="1">
      <alignment horizontal="center" vertical="center"/>
    </xf>
    <xf numFmtId="0" fontId="0" fillId="0" borderId="24" xfId="0" applyFont="1" applyBorder="1" applyAlignment="1">
      <alignment horizontal="center" vertical="center"/>
    </xf>
    <xf numFmtId="0" fontId="0" fillId="0" borderId="21" xfId="0" applyFont="1" applyBorder="1" applyAlignment="1">
      <alignment horizontal="center" vertical="center"/>
    </xf>
    <xf numFmtId="179" fontId="0" fillId="0" borderId="55" xfId="0" applyNumberFormat="1" applyFont="1" applyBorder="1" applyAlignment="1">
      <alignment shrinkToFit="1"/>
    </xf>
    <xf numFmtId="179" fontId="0" fillId="0" borderId="42" xfId="0" applyNumberFormat="1" applyFont="1" applyBorder="1" applyAlignment="1">
      <alignment shrinkToFit="1"/>
    </xf>
    <xf numFmtId="179" fontId="0" fillId="0" borderId="73" xfId="0" applyNumberFormat="1" applyFont="1" applyBorder="1" applyAlignment="1">
      <alignment shrinkToFit="1"/>
    </xf>
    <xf numFmtId="179" fontId="0" fillId="0" borderId="74" xfId="0" applyNumberFormat="1" applyFont="1" applyBorder="1" applyAlignment="1">
      <alignment shrinkToFit="1"/>
    </xf>
    <xf numFmtId="179" fontId="0" fillId="0" borderId="57" xfId="0" applyNumberFormat="1" applyFont="1" applyBorder="1" applyAlignment="1">
      <alignment shrinkToFit="1"/>
    </xf>
    <xf numFmtId="179" fontId="0" fillId="0" borderId="37" xfId="0" applyNumberFormat="1" applyFont="1" applyBorder="1" applyAlignment="1">
      <alignment shrinkToFit="1"/>
    </xf>
    <xf numFmtId="179" fontId="0" fillId="0" borderId="43" xfId="0" applyNumberFormat="1" applyFont="1" applyBorder="1" applyAlignment="1">
      <alignment shrinkToFit="1"/>
    </xf>
    <xf numFmtId="179" fontId="0" fillId="0" borderId="51" xfId="0" applyNumberFormat="1" applyFont="1" applyBorder="1" applyAlignment="1">
      <alignment shrinkToFit="1"/>
    </xf>
    <xf numFmtId="179" fontId="0" fillId="0" borderId="35" xfId="0" applyNumberFormat="1" applyFont="1" applyBorder="1" applyAlignment="1">
      <alignment shrinkToFit="1"/>
    </xf>
    <xf numFmtId="179" fontId="0" fillId="0" borderId="34" xfId="0" applyNumberFormat="1" applyFont="1" applyBorder="1" applyAlignment="1">
      <alignment shrinkToFit="1"/>
    </xf>
    <xf numFmtId="179" fontId="0" fillId="0" borderId="60" xfId="0" applyNumberFormat="1" applyFont="1" applyBorder="1" applyAlignment="1">
      <alignment shrinkToFit="1"/>
    </xf>
    <xf numFmtId="179" fontId="0" fillId="0" borderId="36" xfId="0" applyNumberFormat="1" applyFont="1" applyBorder="1" applyAlignment="1">
      <alignment shrinkToFit="1"/>
    </xf>
    <xf numFmtId="179" fontId="0" fillId="0" borderId="52" xfId="0" applyNumberFormat="1" applyFont="1" applyBorder="1" applyAlignment="1">
      <alignment shrinkToFit="1"/>
    </xf>
    <xf numFmtId="179" fontId="0" fillId="0" borderId="44" xfId="0" applyNumberFormat="1" applyFont="1" applyBorder="1" applyAlignment="1">
      <alignment shrinkToFit="1"/>
    </xf>
    <xf numFmtId="179" fontId="0" fillId="0" borderId="75" xfId="0" applyNumberFormat="1" applyFont="1" applyBorder="1" applyAlignment="1">
      <alignment shrinkToFit="1"/>
    </xf>
    <xf numFmtId="179" fontId="0" fillId="0" borderId="58" xfId="0" applyNumberFormat="1" applyFont="1" applyBorder="1" applyAlignment="1">
      <alignment shrinkToFit="1"/>
    </xf>
    <xf numFmtId="179" fontId="0" fillId="0" borderId="59" xfId="0" applyNumberFormat="1" applyFont="1" applyBorder="1" applyAlignment="1">
      <alignment shrinkToFit="1"/>
    </xf>
    <xf numFmtId="179" fontId="0" fillId="0" borderId="27" xfId="0" applyNumberFormat="1" applyFont="1" applyBorder="1" applyAlignment="1">
      <alignment shrinkToFit="1"/>
    </xf>
    <xf numFmtId="180" fontId="0" fillId="0" borderId="3" xfId="2" applyNumberFormat="1" applyFont="1" applyBorder="1" applyAlignment="1">
      <alignment vertical="center" shrinkToFit="1"/>
    </xf>
    <xf numFmtId="180" fontId="0" fillId="0" borderId="35" xfId="2" applyNumberFormat="1" applyFont="1" applyBorder="1" applyAlignment="1">
      <alignment vertical="center" shrinkToFit="1"/>
    </xf>
    <xf numFmtId="180" fontId="0" fillId="0" borderId="57" xfId="2" applyNumberFormat="1" applyFont="1" applyBorder="1" applyAlignment="1">
      <alignment vertical="center" shrinkToFit="1"/>
    </xf>
    <xf numFmtId="180" fontId="0" fillId="0" borderId="51" xfId="2" applyNumberFormat="1" applyFont="1" applyBorder="1" applyAlignment="1">
      <alignment vertical="center" shrinkToFit="1"/>
    </xf>
    <xf numFmtId="180" fontId="0" fillId="0" borderId="52" xfId="2" applyNumberFormat="1" applyFont="1" applyBorder="1" applyAlignment="1">
      <alignment vertical="center" shrinkToFit="1"/>
    </xf>
    <xf numFmtId="180" fontId="0" fillId="0" borderId="58" xfId="2" applyNumberFormat="1" applyFont="1" applyBorder="1" applyAlignment="1">
      <alignment vertical="center" shrinkToFit="1"/>
    </xf>
    <xf numFmtId="180" fontId="0" fillId="0" borderId="43" xfId="2" applyNumberFormat="1" applyFont="1" applyBorder="1" applyAlignment="1">
      <alignment vertical="center" shrinkToFit="1"/>
    </xf>
    <xf numFmtId="180" fontId="0" fillId="0" borderId="59" xfId="2" applyNumberFormat="1" applyFont="1" applyBorder="1" applyAlignment="1">
      <alignment vertical="center" shrinkToFit="1"/>
    </xf>
    <xf numFmtId="180" fontId="0" fillId="0" borderId="34" xfId="1" applyNumberFormat="1" applyFont="1" applyFill="1" applyBorder="1" applyAlignment="1">
      <alignment vertical="center" shrinkToFit="1"/>
    </xf>
    <xf numFmtId="180" fontId="0" fillId="0" borderId="35" xfId="1" applyNumberFormat="1" applyFont="1" applyFill="1" applyBorder="1" applyAlignment="1">
      <alignment vertical="center" shrinkToFit="1"/>
    </xf>
    <xf numFmtId="180" fontId="0" fillId="0" borderId="43" xfId="1" applyNumberFormat="1" applyFont="1" applyFill="1" applyBorder="1" applyAlignment="1">
      <alignment vertical="center" shrinkToFit="1"/>
    </xf>
    <xf numFmtId="180" fontId="0" fillId="0" borderId="35" xfId="0" applyNumberFormat="1" applyFont="1" applyBorder="1" applyAlignment="1">
      <alignment shrinkToFit="1"/>
    </xf>
    <xf numFmtId="180" fontId="0" fillId="0" borderId="36" xfId="0" applyNumberFormat="1" applyFont="1" applyBorder="1" applyAlignment="1">
      <alignment shrinkToFit="1"/>
    </xf>
    <xf numFmtId="180" fontId="0" fillId="0" borderId="37" xfId="0" applyNumberFormat="1" applyFont="1" applyBorder="1" applyAlignment="1">
      <alignment shrinkToFit="1"/>
    </xf>
    <xf numFmtId="180" fontId="0" fillId="0" borderId="34" xfId="0" applyNumberFormat="1" applyFont="1" applyBorder="1" applyAlignment="1">
      <alignment shrinkToFit="1"/>
    </xf>
    <xf numFmtId="180" fontId="0" fillId="0" borderId="43" xfId="0" applyNumberFormat="1" applyFont="1" applyBorder="1" applyAlignment="1">
      <alignment shrinkToFit="1"/>
    </xf>
    <xf numFmtId="180" fontId="0" fillId="0" borderId="58" xfId="0" applyNumberFormat="1" applyFont="1" applyBorder="1" applyAlignment="1">
      <alignment shrinkToFit="1"/>
    </xf>
    <xf numFmtId="180" fontId="0" fillId="0" borderId="51" xfId="0" applyNumberFormat="1" applyFont="1" applyBorder="1" applyAlignment="1">
      <alignment shrinkToFit="1"/>
    </xf>
    <xf numFmtId="180" fontId="0" fillId="0" borderId="34" xfId="1" applyNumberFormat="1" applyFont="1" applyFill="1" applyBorder="1" applyAlignment="1">
      <alignment shrinkToFit="1"/>
    </xf>
    <xf numFmtId="180" fontId="0" fillId="0" borderId="52" xfId="0" applyNumberFormat="1" applyFont="1" applyBorder="1" applyAlignment="1">
      <alignment shrinkToFit="1"/>
    </xf>
    <xf numFmtId="180" fontId="0" fillId="0" borderId="45" xfId="0" applyNumberFormat="1" applyFont="1" applyBorder="1" applyAlignment="1">
      <alignment shrinkToFit="1"/>
    </xf>
    <xf numFmtId="0" fontId="0" fillId="0" borderId="0" xfId="0" applyFont="1" applyAlignment="1">
      <alignment vertical="center" shrinkToFit="1"/>
    </xf>
    <xf numFmtId="179" fontId="0" fillId="0" borderId="54" xfId="0" applyNumberFormat="1" applyFont="1" applyBorder="1" applyAlignment="1">
      <alignment shrinkToFit="1"/>
    </xf>
    <xf numFmtId="179" fontId="0" fillId="0" borderId="5" xfId="0" applyNumberFormat="1" applyFont="1" applyBorder="1" applyAlignment="1">
      <alignment shrinkToFit="1"/>
    </xf>
    <xf numFmtId="179" fontId="0" fillId="0" borderId="46" xfId="0" applyNumberFormat="1" applyFont="1" applyBorder="1" applyAlignment="1">
      <alignment shrinkToFit="1"/>
    </xf>
    <xf numFmtId="179" fontId="0" fillId="0" borderId="56" xfId="0" applyNumberFormat="1" applyFont="1" applyBorder="1" applyAlignment="1">
      <alignment shrinkToFit="1"/>
    </xf>
    <xf numFmtId="179" fontId="0" fillId="0" borderId="39" xfId="0" applyNumberFormat="1" applyFont="1" applyBorder="1" applyAlignment="1">
      <alignment shrinkToFit="1"/>
    </xf>
    <xf numFmtId="179" fontId="0" fillId="0" borderId="38" xfId="0" applyNumberFormat="1" applyFont="1" applyBorder="1" applyAlignment="1">
      <alignment shrinkToFit="1"/>
    </xf>
    <xf numFmtId="179" fontId="0" fillId="0" borderId="53" xfId="0" applyNumberFormat="1" applyFont="1" applyBorder="1" applyAlignment="1">
      <alignment shrinkToFit="1"/>
    </xf>
    <xf numFmtId="179" fontId="0" fillId="0" borderId="8" xfId="0" applyNumberFormat="1" applyFont="1" applyBorder="1" applyAlignment="1">
      <alignment shrinkToFit="1"/>
    </xf>
    <xf numFmtId="179" fontId="0" fillId="0" borderId="48" xfId="0" applyNumberFormat="1" applyFont="1" applyBorder="1" applyAlignment="1">
      <alignment shrinkToFit="1"/>
    </xf>
    <xf numFmtId="180" fontId="0" fillId="0" borderId="7" xfId="2" applyNumberFormat="1" applyFont="1" applyBorder="1" applyAlignment="1">
      <alignment vertical="center" shrinkToFit="1"/>
    </xf>
    <xf numFmtId="180" fontId="0" fillId="0" borderId="5" xfId="2" applyNumberFormat="1" applyFont="1" applyBorder="1" applyAlignment="1">
      <alignment vertical="center" shrinkToFit="1"/>
    </xf>
    <xf numFmtId="180" fontId="0" fillId="0" borderId="56" xfId="2" applyNumberFormat="1" applyFont="1" applyBorder="1" applyAlignment="1">
      <alignment vertical="center" shrinkToFit="1"/>
    </xf>
    <xf numFmtId="180" fontId="0" fillId="0" borderId="61" xfId="2" applyNumberFormat="1" applyFont="1" applyBorder="1" applyAlignment="1">
      <alignment vertical="center" shrinkToFit="1"/>
    </xf>
    <xf numFmtId="180" fontId="0" fillId="0" borderId="62" xfId="2" applyNumberFormat="1" applyFont="1" applyBorder="1" applyAlignment="1">
      <alignment vertical="center" shrinkToFit="1"/>
    </xf>
    <xf numFmtId="180" fontId="0" fillId="0" borderId="63" xfId="2" applyNumberFormat="1" applyFont="1" applyBorder="1" applyAlignment="1">
      <alignment vertical="center" shrinkToFit="1"/>
    </xf>
    <xf numFmtId="180" fontId="0" fillId="0" borderId="0" xfId="2" applyNumberFormat="1" applyFont="1" applyBorder="1" applyAlignment="1">
      <alignment vertical="center" shrinkToFit="1"/>
    </xf>
    <xf numFmtId="180" fontId="0" fillId="0" borderId="64" xfId="2" applyNumberFormat="1" applyFont="1" applyBorder="1" applyAlignment="1">
      <alignment vertical="center" shrinkToFit="1"/>
    </xf>
    <xf numFmtId="180" fontId="0" fillId="0" borderId="48" xfId="2" applyNumberFormat="1" applyFont="1" applyBorder="1" applyAlignment="1">
      <alignment vertical="center" shrinkToFit="1"/>
    </xf>
    <xf numFmtId="180" fontId="0" fillId="0" borderId="8" xfId="1" applyNumberFormat="1" applyFont="1" applyFill="1" applyBorder="1" applyAlignment="1">
      <alignment vertical="center" shrinkToFit="1"/>
    </xf>
    <xf numFmtId="180" fontId="0" fillId="0" borderId="5" xfId="1" applyNumberFormat="1" applyFont="1" applyFill="1" applyBorder="1" applyAlignment="1">
      <alignment vertical="center" shrinkToFit="1"/>
    </xf>
    <xf numFmtId="180" fontId="0" fillId="0" borderId="46" xfId="1" applyNumberFormat="1" applyFont="1" applyFill="1" applyBorder="1" applyAlignment="1">
      <alignment vertical="center" shrinkToFit="1"/>
    </xf>
    <xf numFmtId="180" fontId="0" fillId="0" borderId="5" xfId="0" applyNumberFormat="1" applyFont="1" applyBorder="1" applyAlignment="1">
      <alignment shrinkToFit="1"/>
    </xf>
    <xf numFmtId="180" fontId="0" fillId="0" borderId="38" xfId="0" applyNumberFormat="1" applyFont="1" applyBorder="1" applyAlignment="1">
      <alignment shrinkToFit="1"/>
    </xf>
    <xf numFmtId="180" fontId="0" fillId="0" borderId="39" xfId="0" applyNumberFormat="1" applyFont="1" applyBorder="1" applyAlignment="1">
      <alignment shrinkToFit="1"/>
    </xf>
    <xf numFmtId="180" fontId="0" fillId="0" borderId="8" xfId="0" applyNumberFormat="1" applyFont="1" applyBorder="1" applyAlignment="1">
      <alignment shrinkToFit="1"/>
    </xf>
    <xf numFmtId="180" fontId="0" fillId="0" borderId="46" xfId="0" applyNumberFormat="1" applyFont="1" applyBorder="1" applyAlignment="1">
      <alignment shrinkToFit="1"/>
    </xf>
    <xf numFmtId="180" fontId="0" fillId="0" borderId="56" xfId="0" applyNumberFormat="1" applyFont="1" applyBorder="1" applyAlignment="1">
      <alignment shrinkToFit="1"/>
    </xf>
    <xf numFmtId="180" fontId="0" fillId="0" borderId="53" xfId="0" applyNumberFormat="1" applyFont="1" applyBorder="1" applyAlignment="1">
      <alignment shrinkToFit="1"/>
    </xf>
    <xf numFmtId="180" fontId="0" fillId="0" borderId="8" xfId="1" applyNumberFormat="1" applyFont="1" applyFill="1" applyBorder="1" applyAlignment="1">
      <alignment shrinkToFit="1"/>
    </xf>
    <xf numFmtId="180" fontId="0" fillId="0" borderId="54" xfId="0" applyNumberFormat="1" applyFont="1" applyBorder="1" applyAlignment="1">
      <alignment shrinkToFit="1"/>
    </xf>
    <xf numFmtId="180" fontId="0" fillId="0" borderId="48" xfId="0" applyNumberFormat="1" applyFont="1" applyBorder="1" applyAlignment="1">
      <alignment shrinkToFit="1"/>
    </xf>
    <xf numFmtId="179" fontId="0" fillId="0" borderId="54" xfId="0" applyNumberFormat="1" applyFont="1" applyBorder="1"/>
    <xf numFmtId="179" fontId="0" fillId="0" borderId="5" xfId="0" applyNumberFormat="1" applyFont="1" applyBorder="1"/>
    <xf numFmtId="179" fontId="0" fillId="0" borderId="46" xfId="0" applyNumberFormat="1" applyFont="1" applyBorder="1"/>
    <xf numFmtId="179" fontId="0" fillId="0" borderId="56" xfId="0" applyNumberFormat="1" applyFont="1" applyBorder="1"/>
    <xf numFmtId="179" fontId="0" fillId="0" borderId="39" xfId="0" applyNumberFormat="1" applyFont="1" applyBorder="1"/>
    <xf numFmtId="179" fontId="0" fillId="0" borderId="38" xfId="0" applyNumberFormat="1" applyFont="1" applyBorder="1"/>
    <xf numFmtId="179" fontId="0" fillId="0" borderId="53" xfId="0" applyNumberFormat="1" applyFont="1" applyBorder="1"/>
    <xf numFmtId="179" fontId="0" fillId="0" borderId="8" xfId="0" applyNumberFormat="1" applyFont="1" applyBorder="1"/>
    <xf numFmtId="179" fontId="0" fillId="0" borderId="48" xfId="0" applyNumberFormat="1" applyFont="1" applyBorder="1"/>
    <xf numFmtId="180" fontId="0" fillId="0" borderId="7" xfId="2" applyNumberFormat="1" applyFont="1" applyBorder="1">
      <alignment vertical="center"/>
    </xf>
    <xf numFmtId="180" fontId="0" fillId="0" borderId="5" xfId="2" applyNumberFormat="1" applyFont="1" applyBorder="1">
      <alignment vertical="center"/>
    </xf>
    <xf numFmtId="180" fontId="0" fillId="0" borderId="56" xfId="2" applyNumberFormat="1" applyFont="1" applyBorder="1">
      <alignment vertical="center"/>
    </xf>
    <xf numFmtId="180" fontId="0" fillId="0" borderId="53" xfId="2" applyNumberFormat="1" applyFont="1" applyBorder="1">
      <alignment vertical="center"/>
    </xf>
    <xf numFmtId="180" fontId="0" fillId="0" borderId="54" xfId="2" applyNumberFormat="1" applyFont="1" applyBorder="1">
      <alignment vertical="center"/>
    </xf>
    <xf numFmtId="180" fontId="0" fillId="0" borderId="46" xfId="2" applyNumberFormat="1" applyFont="1" applyBorder="1">
      <alignment vertical="center"/>
    </xf>
    <xf numFmtId="180" fontId="0" fillId="0" borderId="48" xfId="2" applyNumberFormat="1" applyFont="1" applyBorder="1">
      <alignment vertical="center"/>
    </xf>
    <xf numFmtId="180" fontId="0" fillId="0" borderId="8" xfId="1" applyNumberFormat="1" applyFont="1" applyFill="1" applyBorder="1" applyAlignment="1">
      <alignment vertical="center"/>
    </xf>
    <xf numFmtId="180" fontId="0" fillId="0" borderId="5" xfId="1" applyNumberFormat="1" applyFont="1" applyFill="1" applyBorder="1" applyAlignment="1">
      <alignment vertical="center"/>
    </xf>
    <xf numFmtId="180" fontId="0" fillId="0" borderId="46" xfId="1" applyNumberFormat="1" applyFont="1" applyFill="1" applyBorder="1" applyAlignment="1">
      <alignment vertical="center"/>
    </xf>
    <xf numFmtId="180" fontId="0" fillId="0" borderId="5" xfId="0" applyNumberFormat="1" applyFont="1" applyBorder="1"/>
    <xf numFmtId="180" fontId="0" fillId="0" borderId="38" xfId="0" applyNumberFormat="1" applyFont="1" applyBorder="1"/>
    <xf numFmtId="180" fontId="0" fillId="0" borderId="39" xfId="0" applyNumberFormat="1" applyFont="1" applyBorder="1"/>
    <xf numFmtId="180" fontId="0" fillId="0" borderId="8" xfId="0" applyNumberFormat="1" applyFont="1" applyBorder="1"/>
    <xf numFmtId="180" fontId="0" fillId="0" borderId="46" xfId="0" applyNumberFormat="1" applyFont="1" applyBorder="1"/>
    <xf numFmtId="180" fontId="0" fillId="0" borderId="56" xfId="0" applyNumberFormat="1" applyFont="1" applyBorder="1"/>
    <xf numFmtId="180" fontId="0" fillId="0" borderId="53" xfId="0" applyNumberFormat="1" applyFont="1" applyBorder="1"/>
    <xf numFmtId="180" fontId="0" fillId="0" borderId="8" xfId="1" applyNumberFormat="1" applyFont="1" applyFill="1" applyBorder="1" applyAlignment="1"/>
    <xf numFmtId="180" fontId="0" fillId="0" borderId="54" xfId="0" applyNumberFormat="1" applyFont="1" applyBorder="1"/>
    <xf numFmtId="180" fontId="0" fillId="0" borderId="48" xfId="0" applyNumberFormat="1" applyFont="1" applyBorder="1"/>
    <xf numFmtId="180" fontId="0" fillId="0" borderId="61" xfId="2" applyNumberFormat="1" applyFont="1" applyBorder="1">
      <alignment vertical="center"/>
    </xf>
    <xf numFmtId="180" fontId="0" fillId="0" borderId="62" xfId="2" applyNumberFormat="1" applyFont="1" applyBorder="1">
      <alignment vertical="center"/>
    </xf>
    <xf numFmtId="180" fontId="0" fillId="0" borderId="63" xfId="2" applyNumberFormat="1" applyFont="1" applyBorder="1">
      <alignment vertical="center"/>
    </xf>
    <xf numFmtId="180" fontId="0" fillId="0" borderId="0" xfId="2" applyNumberFormat="1" applyFont="1" applyBorder="1">
      <alignment vertical="center"/>
    </xf>
    <xf numFmtId="180" fontId="0" fillId="0" borderId="64" xfId="2" applyNumberFormat="1" applyFont="1" applyBorder="1">
      <alignment vertical="center"/>
    </xf>
    <xf numFmtId="180" fontId="0" fillId="0" borderId="3" xfId="2" applyNumberFormat="1" applyFont="1" applyBorder="1">
      <alignment vertical="center"/>
    </xf>
    <xf numFmtId="180" fontId="0" fillId="0" borderId="42" xfId="2" applyNumberFormat="1" applyFont="1" applyBorder="1">
      <alignment vertical="center"/>
    </xf>
    <xf numFmtId="180" fontId="0" fillId="0" borderId="57" xfId="2" applyNumberFormat="1" applyFont="1" applyBorder="1">
      <alignment vertical="center"/>
    </xf>
    <xf numFmtId="180" fontId="0" fillId="0" borderId="59" xfId="2" applyNumberFormat="1" applyFont="1" applyBorder="1">
      <alignment vertical="center"/>
    </xf>
    <xf numFmtId="179" fontId="0" fillId="0" borderId="57" xfId="0" applyNumberFormat="1" applyFont="1" applyBorder="1"/>
    <xf numFmtId="179" fontId="0" fillId="0" borderId="73" xfId="0" applyNumberFormat="1" applyFont="1" applyBorder="1"/>
    <xf numFmtId="179" fontId="0" fillId="0" borderId="42" xfId="0" applyNumberFormat="1" applyFont="1" applyBorder="1"/>
    <xf numFmtId="179" fontId="0" fillId="0" borderId="47" xfId="0" applyNumberFormat="1" applyFont="1" applyBorder="1"/>
    <xf numFmtId="179" fontId="0" fillId="0" borderId="64" xfId="0" applyNumberFormat="1" applyFont="1" applyBorder="1"/>
    <xf numFmtId="179" fontId="0" fillId="0" borderId="62" xfId="0" applyNumberFormat="1" applyFont="1" applyBorder="1"/>
    <xf numFmtId="179" fontId="0" fillId="0" borderId="0" xfId="0" applyNumberFormat="1" applyFont="1" applyBorder="1"/>
    <xf numFmtId="179" fontId="0" fillId="0" borderId="33" xfId="0" applyNumberFormat="1" applyFont="1" applyBorder="1"/>
    <xf numFmtId="179" fontId="0" fillId="0" borderId="12" xfId="0" applyNumberFormat="1" applyFont="1" applyBorder="1"/>
    <xf numFmtId="179" fontId="0" fillId="0" borderId="13" xfId="0" applyNumberFormat="1" applyFont="1" applyBorder="1"/>
    <xf numFmtId="179" fontId="0" fillId="0" borderId="66" xfId="0" applyNumberFormat="1" applyFont="1" applyBorder="1"/>
    <xf numFmtId="179" fontId="0" fillId="0" borderId="40" xfId="0" applyNumberFormat="1" applyFont="1" applyBorder="1"/>
    <xf numFmtId="179" fontId="0" fillId="0" borderId="25" xfId="0" applyNumberFormat="1" applyFont="1" applyBorder="1"/>
    <xf numFmtId="179" fontId="0" fillId="0" borderId="26" xfId="0" applyNumberFormat="1" applyFont="1" applyBorder="1"/>
    <xf numFmtId="179" fontId="0" fillId="0" borderId="9" xfId="0" applyNumberFormat="1" applyFont="1" applyBorder="1"/>
    <xf numFmtId="179" fontId="0" fillId="0" borderId="30" xfId="0" applyNumberFormat="1" applyFont="1" applyBorder="1"/>
    <xf numFmtId="180" fontId="0" fillId="0" borderId="14" xfId="2" applyNumberFormat="1" applyFont="1" applyBorder="1">
      <alignment vertical="center"/>
    </xf>
    <xf numFmtId="180" fontId="0" fillId="0" borderId="12" xfId="2" applyNumberFormat="1" applyFont="1" applyBorder="1">
      <alignment vertical="center"/>
    </xf>
    <xf numFmtId="180" fontId="0" fillId="0" borderId="66" xfId="2" applyNumberFormat="1" applyFont="1" applyBorder="1">
      <alignment vertical="center"/>
    </xf>
    <xf numFmtId="180" fontId="0" fillId="0" borderId="67" xfId="2" applyNumberFormat="1" applyFont="1" applyBorder="1">
      <alignment vertical="center"/>
    </xf>
    <xf numFmtId="180" fontId="0" fillId="0" borderId="68" xfId="2" applyNumberFormat="1" applyFont="1" applyBorder="1">
      <alignment vertical="center"/>
    </xf>
    <xf numFmtId="180" fontId="0" fillId="0" borderId="69" xfId="2" applyNumberFormat="1" applyFont="1" applyBorder="1">
      <alignment vertical="center"/>
    </xf>
    <xf numFmtId="180" fontId="0" fillId="0" borderId="70" xfId="2" applyNumberFormat="1" applyFont="1" applyBorder="1">
      <alignment vertical="center"/>
    </xf>
    <xf numFmtId="180" fontId="0" fillId="0" borderId="71" xfId="2" applyNumberFormat="1" applyFont="1" applyBorder="1">
      <alignment vertical="center"/>
    </xf>
    <xf numFmtId="180" fontId="0" fillId="0" borderId="30" xfId="2" applyNumberFormat="1" applyFont="1" applyBorder="1">
      <alignment vertical="center"/>
    </xf>
    <xf numFmtId="180" fontId="0" fillId="0" borderId="9" xfId="1" applyNumberFormat="1" applyFont="1" applyFill="1" applyBorder="1" applyAlignment="1">
      <alignment vertical="center"/>
    </xf>
    <xf numFmtId="180" fontId="0" fillId="0" borderId="12" xfId="1" applyNumberFormat="1" applyFont="1" applyFill="1" applyBorder="1" applyAlignment="1">
      <alignment vertical="center"/>
    </xf>
    <xf numFmtId="180" fontId="0" fillId="0" borderId="13" xfId="1" applyNumberFormat="1" applyFont="1" applyFill="1" applyBorder="1" applyAlignment="1">
      <alignment vertical="center"/>
    </xf>
    <xf numFmtId="180" fontId="0" fillId="0" borderId="12" xfId="0" applyNumberFormat="1" applyFont="1" applyBorder="1"/>
    <xf numFmtId="180" fontId="0" fillId="0" borderId="25" xfId="0" applyNumberFormat="1" applyFont="1" applyBorder="1"/>
    <xf numFmtId="180" fontId="0" fillId="0" borderId="40" xfId="0" applyNumberFormat="1" applyFont="1" applyBorder="1"/>
    <xf numFmtId="180" fontId="0" fillId="0" borderId="9" xfId="0" applyNumberFormat="1" applyFont="1" applyBorder="1"/>
    <xf numFmtId="180" fontId="0" fillId="0" borderId="13" xfId="0" applyNumberFormat="1" applyFont="1" applyBorder="1"/>
    <xf numFmtId="180" fontId="0" fillId="0" borderId="66" xfId="0" applyNumberFormat="1" applyFont="1" applyBorder="1"/>
    <xf numFmtId="180" fontId="0" fillId="0" borderId="26" xfId="0" applyNumberFormat="1" applyFont="1" applyBorder="1"/>
    <xf numFmtId="180" fontId="0" fillId="0" borderId="9" xfId="1" applyNumberFormat="1" applyFont="1" applyFill="1" applyBorder="1" applyAlignment="1"/>
    <xf numFmtId="180" fontId="0" fillId="0" borderId="33" xfId="0" applyNumberFormat="1" applyFont="1" applyBorder="1"/>
    <xf numFmtId="180" fontId="0" fillId="0" borderId="30" xfId="0" applyNumberFormat="1" applyFont="1" applyBorder="1"/>
    <xf numFmtId="180" fontId="0" fillId="0" borderId="51" xfId="1" applyNumberFormat="1" applyFont="1" applyFill="1" applyBorder="1" applyAlignment="1">
      <alignment vertical="center" shrinkToFit="1"/>
    </xf>
    <xf numFmtId="180" fontId="0" fillId="0" borderId="53" xfId="1" applyNumberFormat="1" applyFont="1" applyFill="1" applyBorder="1" applyAlignment="1">
      <alignment vertical="center" shrinkToFit="1"/>
    </xf>
    <xf numFmtId="180" fontId="0" fillId="0" borderId="53" xfId="1" applyNumberFormat="1" applyFont="1" applyFill="1" applyBorder="1" applyAlignment="1">
      <alignment vertical="center"/>
    </xf>
    <xf numFmtId="180" fontId="0" fillId="0" borderId="26" xfId="1" applyNumberFormat="1" applyFont="1" applyFill="1" applyBorder="1" applyAlignment="1">
      <alignment vertical="center"/>
    </xf>
    <xf numFmtId="180" fontId="0" fillId="0" borderId="90" xfId="1" applyNumberFormat="1" applyFont="1" applyFill="1" applyBorder="1" applyAlignment="1">
      <alignment vertical="center" shrinkToFit="1"/>
    </xf>
    <xf numFmtId="0" fontId="0" fillId="0" borderId="0" xfId="0" applyFont="1" applyBorder="1" applyAlignment="1">
      <alignment vertical="center" shrinkToFit="1"/>
    </xf>
    <xf numFmtId="0" fontId="0" fillId="0" borderId="78" xfId="0" applyFont="1" applyBorder="1" applyAlignment="1">
      <alignment horizontal="left" vertical="center" shrinkToFit="1"/>
    </xf>
    <xf numFmtId="0" fontId="0" fillId="0" borderId="32" xfId="0" applyFont="1" applyBorder="1" applyAlignment="1">
      <alignment horizontal="left" vertical="center" shrinkToFit="1"/>
    </xf>
    <xf numFmtId="0" fontId="0" fillId="0" borderId="32" xfId="0" applyFont="1" applyBorder="1" applyAlignment="1">
      <alignment horizontal="left" vertical="center"/>
    </xf>
    <xf numFmtId="0" fontId="0" fillId="0" borderId="19" xfId="0" applyFont="1" applyBorder="1" applyAlignment="1">
      <alignment horizontal="left" vertical="center"/>
    </xf>
    <xf numFmtId="178" fontId="0" fillId="0" borderId="51" xfId="0" applyNumberFormat="1" applyFont="1" applyBorder="1" applyAlignment="1">
      <alignment vertical="center"/>
    </xf>
    <xf numFmtId="178" fontId="0" fillId="0" borderId="53" xfId="0" applyNumberFormat="1" applyFont="1" applyBorder="1" applyAlignment="1">
      <alignment vertical="center"/>
    </xf>
    <xf numFmtId="178" fontId="0" fillId="0" borderId="26" xfId="0" applyNumberFormat="1" applyFont="1" applyBorder="1" applyAlignment="1">
      <alignment vertical="center"/>
    </xf>
    <xf numFmtId="178" fontId="0" fillId="0" borderId="51" xfId="1" applyNumberFormat="1" applyFont="1" applyBorder="1" applyAlignment="1">
      <alignment vertical="center"/>
    </xf>
    <xf numFmtId="178" fontId="0" fillId="0" borderId="53" xfId="1" applyNumberFormat="1" applyFont="1" applyBorder="1" applyAlignment="1">
      <alignment vertical="center"/>
    </xf>
    <xf numFmtId="178" fontId="0" fillId="0" borderId="26" xfId="1" applyNumberFormat="1" applyFont="1" applyBorder="1" applyAlignment="1">
      <alignment vertical="center"/>
    </xf>
    <xf numFmtId="183" fontId="5" fillId="0" borderId="0" xfId="0" applyNumberFormat="1" applyFont="1" applyAlignment="1">
      <alignment horizontal="left" vertical="center" shrinkToFit="1"/>
    </xf>
    <xf numFmtId="0" fontId="5" fillId="0" borderId="0" xfId="0" applyFont="1" applyAlignment="1">
      <alignment horizontal="center" vertical="center"/>
    </xf>
    <xf numFmtId="0" fontId="3" fillId="0" borderId="95" xfId="0" applyFont="1" applyBorder="1" applyAlignment="1">
      <alignment horizontal="center" vertical="center"/>
    </xf>
    <xf numFmtId="0" fontId="3" fillId="0" borderId="77" xfId="0" applyFont="1" applyBorder="1" applyAlignment="1">
      <alignment horizontal="center" vertical="center"/>
    </xf>
    <xf numFmtId="0" fontId="3" fillId="0" borderId="10" xfId="0" applyFont="1" applyBorder="1" applyAlignment="1">
      <alignment horizontal="center" vertical="center"/>
    </xf>
    <xf numFmtId="0" fontId="0" fillId="0" borderId="87" xfId="0" applyFont="1" applyBorder="1" applyAlignment="1">
      <alignment horizontal="left" vertical="center"/>
    </xf>
    <xf numFmtId="0" fontId="0" fillId="0" borderId="88" xfId="0" applyFont="1" applyBorder="1" applyAlignment="1">
      <alignment horizontal="left" vertical="center"/>
    </xf>
    <xf numFmtId="0" fontId="0" fillId="0" borderId="1" xfId="0" applyFont="1" applyBorder="1" applyAlignment="1">
      <alignment horizontal="left" vertical="center"/>
    </xf>
    <xf numFmtId="0" fontId="0" fillId="0" borderId="77" xfId="0" applyFont="1" applyBorder="1" applyAlignment="1">
      <alignment horizontal="left" vertical="center"/>
    </xf>
    <xf numFmtId="0" fontId="0" fillId="0" borderId="10" xfId="0" applyFont="1" applyBorder="1" applyAlignment="1">
      <alignment horizontal="left" vertical="center"/>
    </xf>
    <xf numFmtId="0" fontId="0" fillId="0" borderId="1" xfId="0" applyFont="1" applyBorder="1" applyAlignment="1">
      <alignment horizontal="center" vertical="center"/>
    </xf>
    <xf numFmtId="0" fontId="0" fillId="0" borderId="77" xfId="0" applyFont="1" applyBorder="1" applyAlignment="1">
      <alignment horizontal="center" vertical="center"/>
    </xf>
    <xf numFmtId="0" fontId="0" fillId="0" borderId="10" xfId="0" applyFont="1" applyBorder="1" applyAlignment="1">
      <alignment horizontal="center" vertical="center"/>
    </xf>
    <xf numFmtId="0" fontId="0" fillId="0" borderId="85" xfId="0" applyFont="1" applyBorder="1" applyAlignment="1">
      <alignment horizontal="center" vertical="center"/>
    </xf>
    <xf numFmtId="0" fontId="0" fillId="0" borderId="70" xfId="0" applyFont="1" applyBorder="1" applyAlignment="1">
      <alignment horizontal="center" vertical="center"/>
    </xf>
    <xf numFmtId="0" fontId="0" fillId="0" borderId="86"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0" fillId="0" borderId="92" xfId="0" applyFont="1" applyBorder="1" applyAlignment="1">
      <alignment horizontal="center" vertical="center"/>
    </xf>
    <xf numFmtId="0" fontId="0" fillId="0" borderId="87" xfId="0" applyFont="1" applyBorder="1" applyAlignment="1">
      <alignment horizontal="center" vertical="center"/>
    </xf>
    <xf numFmtId="0" fontId="0" fillId="0" borderId="88" xfId="0" applyFont="1" applyBorder="1" applyAlignment="1">
      <alignment horizontal="center" vertical="center"/>
    </xf>
    <xf numFmtId="0" fontId="0" fillId="0" borderId="28" xfId="0" applyFont="1" applyBorder="1" applyAlignment="1">
      <alignment horizontal="center" vertical="center"/>
    </xf>
    <xf numFmtId="185" fontId="0" fillId="0" borderId="0" xfId="0" applyNumberFormat="1" applyFont="1" applyBorder="1" applyAlignment="1">
      <alignment horizontal="center" vertical="center"/>
    </xf>
    <xf numFmtId="186" fontId="5" fillId="0" borderId="0" xfId="0" applyNumberFormat="1" applyFont="1" applyBorder="1" applyAlignment="1">
      <alignment horizontal="right" vertical="center"/>
    </xf>
    <xf numFmtId="0" fontId="0" fillId="0" borderId="16" xfId="0" applyFont="1" applyBorder="1" applyAlignment="1">
      <alignment horizontal="center" vertical="center"/>
    </xf>
    <xf numFmtId="0" fontId="0" fillId="0" borderId="2" xfId="0" applyFont="1" applyBorder="1" applyAlignment="1">
      <alignment horizontal="center" vertical="center"/>
    </xf>
    <xf numFmtId="0" fontId="0" fillId="0" borderId="80" xfId="0" applyFont="1" applyBorder="1" applyAlignment="1">
      <alignment horizontal="center" vertical="center"/>
    </xf>
    <xf numFmtId="182" fontId="0" fillId="0" borderId="0" xfId="0" applyNumberFormat="1" applyFont="1" applyAlignment="1">
      <alignment horizontal="center" vertical="center"/>
    </xf>
    <xf numFmtId="0" fontId="2" fillId="0" borderId="18" xfId="3" applyFont="1" applyBorder="1" applyAlignment="1">
      <alignment horizontal="center" vertical="center"/>
    </xf>
    <xf numFmtId="0" fontId="2" fillId="0" borderId="2" xfId="3" applyFont="1" applyBorder="1" applyAlignment="1">
      <alignment horizontal="center" vertical="center"/>
    </xf>
    <xf numFmtId="0" fontId="2" fillId="0" borderId="80" xfId="3" applyFont="1" applyBorder="1" applyAlignment="1">
      <alignment horizontal="center" vertical="center"/>
    </xf>
    <xf numFmtId="0" fontId="2" fillId="0" borderId="97" xfId="3" applyFont="1" applyBorder="1" applyAlignment="1">
      <alignment horizontal="center" vertical="center"/>
    </xf>
    <xf numFmtId="0" fontId="2" fillId="0" borderId="98" xfId="3" applyFont="1" applyBorder="1" applyAlignment="1">
      <alignment horizontal="center" vertical="center"/>
    </xf>
    <xf numFmtId="0" fontId="2" fillId="0" borderId="99" xfId="3" applyFont="1" applyBorder="1" applyAlignment="1">
      <alignment horizontal="center" vertical="center"/>
    </xf>
    <xf numFmtId="0" fontId="2" fillId="0" borderId="51" xfId="3" applyFont="1" applyBorder="1" applyAlignment="1">
      <alignment horizontal="center" vertical="center"/>
    </xf>
    <xf numFmtId="0" fontId="2" fillId="0" borderId="35" xfId="3" applyFont="1" applyBorder="1" applyAlignment="1">
      <alignment horizontal="center" vertical="center"/>
    </xf>
    <xf numFmtId="0" fontId="2" fillId="0" borderId="36" xfId="3" applyFont="1" applyBorder="1" applyAlignment="1">
      <alignment horizontal="center" vertical="center"/>
    </xf>
    <xf numFmtId="0" fontId="2" fillId="0" borderId="37" xfId="3" applyFont="1" applyBorder="1" applyAlignment="1">
      <alignment horizontal="center" vertical="center"/>
    </xf>
    <xf numFmtId="0" fontId="2" fillId="0" borderId="40" xfId="3" applyFont="1" applyBorder="1" applyAlignment="1">
      <alignment horizontal="center" vertical="center"/>
    </xf>
    <xf numFmtId="0" fontId="2" fillId="0" borderId="34" xfId="3" applyFont="1" applyBorder="1" applyAlignment="1">
      <alignment horizontal="center" vertical="center"/>
    </xf>
    <xf numFmtId="182" fontId="2" fillId="0" borderId="0" xfId="0" applyNumberFormat="1" applyFont="1" applyAlignment="1">
      <alignment horizontal="center" vertical="center"/>
    </xf>
    <xf numFmtId="0" fontId="2" fillId="0" borderId="1" xfId="3" applyFont="1" applyBorder="1" applyAlignment="1">
      <alignment horizontal="center" vertical="center"/>
    </xf>
    <xf numFmtId="0" fontId="2" fillId="0" borderId="28" xfId="3" applyFont="1" applyBorder="1" applyAlignment="1">
      <alignment horizontal="center" vertical="center"/>
    </xf>
    <xf numFmtId="0" fontId="2" fillId="0" borderId="85" xfId="3" applyFont="1" applyBorder="1" applyAlignment="1">
      <alignment horizontal="center" vertical="center"/>
    </xf>
    <xf numFmtId="0" fontId="2" fillId="0" borderId="43" xfId="3" applyFont="1" applyBorder="1" applyAlignment="1">
      <alignment horizontal="center" vertical="center"/>
    </xf>
    <xf numFmtId="0" fontId="0" fillId="0" borderId="97" xfId="3" applyFont="1" applyBorder="1" applyAlignment="1">
      <alignment horizontal="center" vertical="center"/>
    </xf>
    <xf numFmtId="0" fontId="0" fillId="0" borderId="98" xfId="3" applyFont="1" applyBorder="1" applyAlignment="1">
      <alignment horizontal="center" vertical="center"/>
    </xf>
    <xf numFmtId="0" fontId="0" fillId="0" borderId="99" xfId="3" applyFont="1" applyBorder="1" applyAlignment="1">
      <alignment horizontal="center" vertical="center"/>
    </xf>
    <xf numFmtId="0" fontId="0" fillId="0" borderId="1" xfId="3" applyFont="1" applyBorder="1" applyAlignment="1">
      <alignment horizontal="center" vertical="center"/>
    </xf>
    <xf numFmtId="0" fontId="0" fillId="0" borderId="28" xfId="3" applyFont="1" applyBorder="1" applyAlignment="1">
      <alignment horizontal="center" vertical="center"/>
    </xf>
    <xf numFmtId="0" fontId="0" fillId="0" borderId="85" xfId="3" applyFont="1" applyBorder="1" applyAlignment="1">
      <alignment horizontal="center" vertical="center"/>
    </xf>
    <xf numFmtId="0" fontId="0" fillId="0" borderId="37" xfId="3" applyFont="1" applyBorder="1" applyAlignment="1">
      <alignment horizontal="center" vertical="center"/>
    </xf>
    <xf numFmtId="0" fontId="0" fillId="0" borderId="40" xfId="3" applyFont="1" applyBorder="1" applyAlignment="1">
      <alignment horizontal="center" vertical="center"/>
    </xf>
    <xf numFmtId="0" fontId="0" fillId="0" borderId="34" xfId="3" applyFont="1" applyBorder="1" applyAlignment="1">
      <alignment horizontal="center" vertical="center"/>
    </xf>
    <xf numFmtId="0" fontId="0" fillId="0" borderId="35" xfId="3" applyFont="1" applyBorder="1" applyAlignment="1">
      <alignment horizontal="center" vertical="center"/>
    </xf>
    <xf numFmtId="0" fontId="0" fillId="0" borderId="36" xfId="3" applyFont="1" applyBorder="1" applyAlignment="1">
      <alignment horizontal="center" vertical="center"/>
    </xf>
    <xf numFmtId="0" fontId="0" fillId="0" borderId="51" xfId="3" applyFont="1" applyBorder="1" applyAlignment="1">
      <alignment horizontal="center" vertical="center"/>
    </xf>
    <xf numFmtId="0" fontId="0" fillId="0" borderId="43" xfId="3" applyFont="1" applyBorder="1" applyAlignment="1">
      <alignment horizontal="center" vertical="center"/>
    </xf>
    <xf numFmtId="0" fontId="0" fillId="0" borderId="18" xfId="3" applyFont="1" applyBorder="1" applyAlignment="1">
      <alignment horizontal="center" vertical="center"/>
    </xf>
    <xf numFmtId="0" fontId="0" fillId="0" borderId="2" xfId="3" applyFont="1" applyBorder="1" applyAlignment="1">
      <alignment horizontal="center" vertical="center"/>
    </xf>
    <xf numFmtId="0" fontId="0" fillId="0" borderId="80" xfId="3" applyFont="1" applyBorder="1" applyAlignment="1">
      <alignment horizontal="center" vertical="center"/>
    </xf>
    <xf numFmtId="0" fontId="0" fillId="0" borderId="92" xfId="3" applyFont="1" applyBorder="1" applyAlignment="1">
      <alignment horizontal="center" vertical="center"/>
    </xf>
    <xf numFmtId="0" fontId="0" fillId="0" borderId="87" xfId="3" applyFont="1" applyBorder="1" applyAlignment="1">
      <alignment horizontal="center" vertical="center"/>
    </xf>
    <xf numFmtId="0" fontId="0" fillId="0" borderId="88" xfId="3" applyFont="1" applyBorder="1" applyAlignment="1">
      <alignment horizontal="center" vertical="center"/>
    </xf>
    <xf numFmtId="0" fontId="0" fillId="0" borderId="81" xfId="3" applyFont="1" applyBorder="1" applyAlignment="1">
      <alignment horizontal="center" vertical="center"/>
    </xf>
    <xf numFmtId="0" fontId="0" fillId="0" borderId="82" xfId="3" applyFont="1" applyBorder="1" applyAlignment="1">
      <alignment horizontal="center" vertical="center"/>
    </xf>
    <xf numFmtId="0" fontId="0" fillId="0" borderId="91" xfId="3" applyFont="1" applyBorder="1" applyAlignment="1">
      <alignment horizontal="center" vertical="center"/>
    </xf>
    <xf numFmtId="0" fontId="0" fillId="0" borderId="77" xfId="3" applyFont="1" applyBorder="1" applyAlignment="1">
      <alignment horizontal="center" vertical="center"/>
    </xf>
    <xf numFmtId="0" fontId="0" fillId="0" borderId="10" xfId="3" applyFont="1" applyBorder="1" applyAlignment="1">
      <alignment horizontal="center" vertical="center"/>
    </xf>
    <xf numFmtId="0" fontId="0" fillId="0" borderId="52" xfId="3" applyFont="1" applyBorder="1" applyAlignment="1">
      <alignment horizontal="center" vertical="center"/>
    </xf>
    <xf numFmtId="0" fontId="0" fillId="0" borderId="93" xfId="3" applyFont="1" applyBorder="1" applyAlignment="1">
      <alignment horizontal="center" vertical="center"/>
    </xf>
    <xf numFmtId="0" fontId="0" fillId="0" borderId="84" xfId="3" applyFont="1" applyBorder="1" applyAlignment="1">
      <alignment horizontal="center" vertical="center"/>
    </xf>
    <xf numFmtId="0" fontId="0" fillId="0" borderId="60" xfId="3" applyFont="1" applyBorder="1" applyAlignment="1">
      <alignment horizontal="center" vertical="center"/>
    </xf>
    <xf numFmtId="0" fontId="0" fillId="0" borderId="58" xfId="3" applyFont="1" applyBorder="1" applyAlignment="1">
      <alignment horizontal="center" vertical="center"/>
    </xf>
    <xf numFmtId="0" fontId="0" fillId="0" borderId="44" xfId="3" applyFont="1" applyBorder="1" applyAlignment="1">
      <alignment horizontal="center" vertical="center"/>
    </xf>
    <xf numFmtId="0" fontId="0" fillId="0" borderId="27" xfId="3" applyFont="1" applyBorder="1" applyAlignment="1">
      <alignment horizontal="center" vertical="center"/>
    </xf>
    <xf numFmtId="0" fontId="0" fillId="0" borderId="8" xfId="3" applyFont="1" applyBorder="1" applyAlignment="1">
      <alignment horizontal="center" vertical="center"/>
    </xf>
    <xf numFmtId="0" fontId="0" fillId="0" borderId="9" xfId="3" applyFont="1" applyBorder="1" applyAlignment="1">
      <alignment horizontal="center" vertical="center"/>
    </xf>
    <xf numFmtId="0" fontId="0" fillId="0" borderId="79" xfId="3" applyFont="1" applyBorder="1" applyAlignment="1">
      <alignment horizontal="center" vertical="center"/>
    </xf>
    <xf numFmtId="0" fontId="0" fillId="0" borderId="5" xfId="3" applyFont="1" applyBorder="1" applyAlignment="1">
      <alignment horizontal="center" vertical="center"/>
    </xf>
    <xf numFmtId="0" fontId="0" fillId="0" borderId="46" xfId="3" applyFont="1" applyBorder="1" applyAlignment="1">
      <alignment horizontal="center" vertical="center"/>
    </xf>
    <xf numFmtId="0" fontId="0" fillId="0" borderId="54" xfId="3" applyFont="1" applyBorder="1" applyAlignment="1">
      <alignment horizontal="center" vertical="center"/>
    </xf>
    <xf numFmtId="0" fontId="0" fillId="0" borderId="38" xfId="3" applyFont="1" applyBorder="1" applyAlignment="1">
      <alignment horizontal="center" vertical="center"/>
    </xf>
    <xf numFmtId="0" fontId="0" fillId="0" borderId="39" xfId="3" applyFont="1" applyBorder="1" applyAlignment="1">
      <alignment horizontal="center" vertical="center"/>
    </xf>
    <xf numFmtId="0" fontId="0" fillId="0" borderId="8" xfId="0" applyFont="1" applyBorder="1" applyAlignment="1">
      <alignment horizontal="center" vertical="center"/>
    </xf>
    <xf numFmtId="0" fontId="0" fillId="0" borderId="5" xfId="0" applyFont="1" applyBorder="1" applyAlignment="1">
      <alignment horizontal="center" vertical="center"/>
    </xf>
    <xf numFmtId="0" fontId="0" fillId="0" borderId="38" xfId="0" applyFont="1" applyBorder="1" applyAlignment="1">
      <alignment horizontal="center" vertical="center"/>
    </xf>
    <xf numFmtId="0" fontId="0" fillId="0" borderId="65" xfId="0" applyFont="1" applyBorder="1" applyAlignment="1">
      <alignment horizontal="center" vertical="center"/>
    </xf>
    <xf numFmtId="0" fontId="0" fillId="0" borderId="56" xfId="0" applyFont="1" applyBorder="1" applyAlignment="1">
      <alignment horizontal="center" vertical="center"/>
    </xf>
    <xf numFmtId="0" fontId="0" fillId="0" borderId="47" xfId="0" applyFont="1" applyBorder="1" applyAlignment="1">
      <alignment horizontal="center" vertical="center"/>
    </xf>
    <xf numFmtId="0" fontId="0" fillId="0" borderId="48" xfId="0" applyFont="1" applyBorder="1" applyAlignment="1">
      <alignment horizontal="center" vertical="center" wrapText="1"/>
    </xf>
    <xf numFmtId="0" fontId="0" fillId="0" borderId="29" xfId="0" applyFont="1" applyBorder="1" applyAlignment="1">
      <alignment horizontal="center" vertical="center" wrapText="1"/>
    </xf>
    <xf numFmtId="0" fontId="0" fillId="0" borderId="59" xfId="0" applyFont="1" applyBorder="1" applyAlignment="1">
      <alignment horizontal="center" vertical="center" wrapText="1"/>
    </xf>
    <xf numFmtId="0" fontId="0" fillId="0" borderId="55" xfId="0" applyFont="1" applyBorder="1" applyAlignment="1">
      <alignment horizontal="center" vertical="center"/>
    </xf>
    <xf numFmtId="0" fontId="0" fillId="0" borderId="42" xfId="0" applyFont="1" applyBorder="1" applyAlignment="1">
      <alignment horizontal="center" vertical="center"/>
    </xf>
    <xf numFmtId="0" fontId="0" fillId="0" borderId="4" xfId="0" applyFont="1" applyBorder="1" applyAlignment="1">
      <alignment horizontal="center" vertical="center"/>
    </xf>
    <xf numFmtId="0" fontId="0" fillId="0" borderId="74" xfId="0" applyFont="1" applyBorder="1" applyAlignment="1">
      <alignment horizontal="center" vertical="center"/>
    </xf>
    <xf numFmtId="0" fontId="0" fillId="0" borderId="75" xfId="0" applyFont="1" applyBorder="1" applyAlignment="1">
      <alignment horizontal="center" vertical="center"/>
    </xf>
    <xf numFmtId="0" fontId="0" fillId="0" borderId="56" xfId="0" applyFont="1" applyBorder="1" applyAlignment="1">
      <alignment horizontal="center" vertical="center" wrapText="1"/>
    </xf>
    <xf numFmtId="0" fontId="0" fillId="0" borderId="76" xfId="0" applyFont="1" applyBorder="1" applyAlignment="1">
      <alignment horizontal="center" vertical="center" wrapText="1"/>
    </xf>
    <xf numFmtId="0" fontId="0" fillId="0" borderId="49" xfId="0" applyFont="1" applyBorder="1" applyAlignment="1">
      <alignment horizontal="center" vertical="center"/>
    </xf>
    <xf numFmtId="0" fontId="0" fillId="0" borderId="1" xfId="0" applyFont="1" applyBorder="1" applyAlignment="1">
      <alignment vertical="center"/>
    </xf>
    <xf numFmtId="0" fontId="0" fillId="0" borderId="77" xfId="0" applyFont="1" applyBorder="1" applyAlignment="1">
      <alignment vertical="center"/>
    </xf>
    <xf numFmtId="0" fontId="0" fillId="0" borderId="10" xfId="0" applyFont="1" applyBorder="1" applyAlignment="1">
      <alignment vertical="center"/>
    </xf>
    <xf numFmtId="0" fontId="0" fillId="0" borderId="81" xfId="0" applyFont="1" applyBorder="1" applyAlignment="1">
      <alignment horizontal="center" vertical="center"/>
    </xf>
    <xf numFmtId="0" fontId="0" fillId="0" borderId="82" xfId="0" applyFont="1" applyBorder="1" applyAlignment="1">
      <alignment horizontal="center" vertical="center"/>
    </xf>
    <xf numFmtId="0" fontId="0" fillId="0" borderId="78" xfId="0" applyFont="1" applyBorder="1" applyAlignment="1">
      <alignment horizontal="center" vertical="center"/>
    </xf>
    <xf numFmtId="0" fontId="0" fillId="0" borderId="77" xfId="0" applyFont="1" applyBorder="1" applyAlignment="1"/>
    <xf numFmtId="0" fontId="0" fillId="0" borderId="10" xfId="0" applyFont="1" applyBorder="1" applyAlignment="1"/>
    <xf numFmtId="0" fontId="0" fillId="0" borderId="57" xfId="0" applyFont="1" applyBorder="1" applyAlignment="1">
      <alignment horizontal="center" vertical="center" wrapText="1"/>
    </xf>
    <xf numFmtId="182" fontId="0" fillId="0" borderId="0" xfId="0" applyNumberFormat="1" applyFont="1" applyAlignment="1">
      <alignment horizontal="left" vertical="center"/>
    </xf>
    <xf numFmtId="0" fontId="0" fillId="0" borderId="89" xfId="0" applyFont="1" applyBorder="1" applyAlignment="1">
      <alignment horizontal="center" vertical="center"/>
    </xf>
    <xf numFmtId="0" fontId="0" fillId="0" borderId="83" xfId="0" applyFont="1" applyBorder="1" applyAlignment="1">
      <alignment horizontal="center" vertical="center"/>
    </xf>
    <xf numFmtId="0" fontId="0" fillId="0" borderId="53" xfId="0" applyFont="1" applyBorder="1" applyAlignment="1">
      <alignment horizontal="center" vertical="center"/>
    </xf>
    <xf numFmtId="0" fontId="0" fillId="0" borderId="46" xfId="0" applyFont="1" applyBorder="1" applyAlignment="1">
      <alignment horizontal="center" vertical="center"/>
    </xf>
    <xf numFmtId="0" fontId="0" fillId="0" borderId="39" xfId="0" applyFont="1" applyBorder="1" applyAlignment="1">
      <alignment horizontal="center" vertical="center"/>
    </xf>
    <xf numFmtId="0" fontId="0" fillId="0" borderId="90" xfId="0" applyFont="1" applyBorder="1" applyAlignment="1">
      <alignment horizontal="center" vertical="center"/>
    </xf>
    <xf numFmtId="0" fontId="0" fillId="0" borderId="73" xfId="0" applyFont="1" applyBorder="1" applyAlignment="1">
      <alignment horizontal="center" vertical="center"/>
    </xf>
    <xf numFmtId="0" fontId="0" fillId="0" borderId="0" xfId="0" applyFont="1" applyBorder="1" applyAlignment="1">
      <alignment horizontal="center" vertical="center"/>
    </xf>
    <xf numFmtId="0" fontId="0" fillId="0" borderId="101" xfId="0" applyFont="1" applyBorder="1" applyAlignment="1">
      <alignment horizontal="center" vertical="center"/>
    </xf>
    <xf numFmtId="0" fontId="0" fillId="0" borderId="28"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101" xfId="0" applyFont="1" applyFill="1" applyBorder="1" applyAlignment="1">
      <alignment horizontal="center" vertical="center"/>
    </xf>
    <xf numFmtId="0" fontId="0" fillId="0" borderId="3" xfId="0" applyFont="1" applyFill="1" applyBorder="1" applyAlignment="1">
      <alignment horizontal="center" vertical="center"/>
    </xf>
    <xf numFmtId="0" fontId="0" fillId="0" borderId="57" xfId="0" applyFont="1" applyFill="1" applyBorder="1" applyAlignment="1">
      <alignment horizontal="center" vertical="center"/>
    </xf>
    <xf numFmtId="0" fontId="0" fillId="0" borderId="59" xfId="0" applyFont="1" applyFill="1" applyBorder="1" applyAlignment="1">
      <alignment horizontal="center" vertical="center"/>
    </xf>
    <xf numFmtId="0" fontId="0" fillId="0" borderId="1" xfId="0" applyFont="1" applyFill="1" applyBorder="1" applyAlignment="1">
      <alignment horizontal="center" vertical="center"/>
    </xf>
    <xf numFmtId="0" fontId="0" fillId="0" borderId="77" xfId="0" applyFont="1" applyFill="1" applyBorder="1" applyAlignment="1">
      <alignment horizontal="center" vertical="center"/>
    </xf>
    <xf numFmtId="0" fontId="0" fillId="0" borderId="10" xfId="0" applyFont="1" applyFill="1" applyBorder="1" applyAlignment="1">
      <alignment horizontal="center" vertical="center"/>
    </xf>
    <xf numFmtId="182" fontId="0" fillId="0" borderId="0" xfId="0" applyNumberFormat="1" applyFont="1" applyBorder="1" applyAlignment="1">
      <alignment horizontal="center" vertical="center"/>
    </xf>
    <xf numFmtId="0" fontId="0" fillId="0" borderId="29" xfId="0" applyFont="1" applyBorder="1" applyAlignment="1">
      <alignment horizontal="center" vertical="center"/>
    </xf>
    <xf numFmtId="0" fontId="0" fillId="0" borderId="66" xfId="0" applyFont="1" applyBorder="1" applyAlignment="1">
      <alignment horizontal="center" vertical="center"/>
    </xf>
    <xf numFmtId="0" fontId="0" fillId="0" borderId="40" xfId="0" applyFont="1" applyBorder="1" applyAlignment="1">
      <alignment horizontal="center" vertical="center"/>
    </xf>
    <xf numFmtId="0" fontId="0" fillId="0" borderId="30" xfId="0" applyFont="1" applyBorder="1" applyAlignment="1">
      <alignment horizontal="center" vertical="center"/>
    </xf>
    <xf numFmtId="0" fontId="0" fillId="0" borderId="94" xfId="0" applyFont="1" applyBorder="1" applyAlignment="1">
      <alignment horizontal="center" vertical="center"/>
    </xf>
    <xf numFmtId="0" fontId="0" fillId="0" borderId="84" xfId="0" applyFont="1" applyBorder="1" applyAlignment="1">
      <alignment horizontal="center" vertical="center"/>
    </xf>
    <xf numFmtId="0" fontId="0" fillId="0" borderId="31" xfId="0" applyFont="1" applyBorder="1" applyAlignment="1">
      <alignment horizontal="center" vertical="center"/>
    </xf>
    <xf numFmtId="0" fontId="0" fillId="0" borderId="32" xfId="0" applyFont="1" applyBorder="1" applyAlignment="1">
      <alignment horizontal="center" vertical="center"/>
    </xf>
    <xf numFmtId="0" fontId="0" fillId="0" borderId="19" xfId="0" applyFont="1" applyBorder="1" applyAlignment="1">
      <alignment horizontal="center" vertical="center"/>
    </xf>
    <xf numFmtId="0" fontId="0" fillId="0" borderId="77" xfId="0" applyFont="1" applyBorder="1" applyAlignment="1">
      <alignment vertical="top"/>
    </xf>
    <xf numFmtId="0" fontId="0" fillId="0" borderId="0" xfId="0" applyFont="1" applyBorder="1" applyAlignment="1">
      <alignment vertical="top"/>
    </xf>
    <xf numFmtId="0" fontId="0" fillId="0" borderId="57" xfId="0" applyFont="1" applyBorder="1" applyAlignment="1">
      <alignment vertical="top"/>
    </xf>
    <xf numFmtId="0" fontId="0" fillId="0" borderId="16" xfId="0" applyFont="1" applyBorder="1" applyAlignment="1">
      <alignment vertical="center"/>
    </xf>
    <xf numFmtId="0" fontId="0" fillId="0" borderId="2" xfId="0" applyFont="1" applyBorder="1" applyAlignment="1">
      <alignment vertical="center"/>
    </xf>
    <xf numFmtId="0" fontId="0" fillId="0" borderId="80" xfId="0" applyFont="1" applyBorder="1" applyAlignment="1">
      <alignment vertical="center"/>
    </xf>
    <xf numFmtId="0" fontId="0" fillId="0" borderId="34" xfId="0" applyFont="1" applyBorder="1" applyAlignment="1">
      <alignment horizontal="center" vertical="center"/>
    </xf>
    <xf numFmtId="0" fontId="0" fillId="0" borderId="35" xfId="0" applyFont="1" applyBorder="1" applyAlignment="1">
      <alignment horizontal="center" vertical="center"/>
    </xf>
    <xf numFmtId="0" fontId="0" fillId="0" borderId="79" xfId="0" applyFont="1" applyBorder="1" applyAlignment="1">
      <alignment horizontal="center" vertical="center"/>
    </xf>
    <xf numFmtId="0" fontId="0" fillId="0" borderId="9" xfId="0" applyFont="1" applyBorder="1" applyAlignment="1">
      <alignment horizontal="center" vertical="center"/>
    </xf>
    <xf numFmtId="0" fontId="0" fillId="0" borderId="12" xfId="0" applyFont="1" applyBorder="1" applyAlignment="1">
      <alignment horizontal="center" vertical="center"/>
    </xf>
    <xf numFmtId="0" fontId="0" fillId="0" borderId="41" xfId="0" applyFont="1" applyBorder="1" applyAlignment="1">
      <alignment horizontal="center" vertical="center"/>
    </xf>
    <xf numFmtId="0" fontId="0" fillId="0" borderId="72" xfId="0" applyFont="1" applyBorder="1" applyAlignment="1">
      <alignment horizontal="center" vertical="center"/>
    </xf>
    <xf numFmtId="0" fontId="0" fillId="0" borderId="7" xfId="0" applyFont="1" applyBorder="1" applyAlignment="1">
      <alignment horizontal="center" vertical="center"/>
    </xf>
    <xf numFmtId="0" fontId="0" fillId="0" borderId="48" xfId="0" applyFont="1" applyBorder="1" applyAlignment="1">
      <alignment horizontal="center" vertical="center"/>
    </xf>
    <xf numFmtId="182" fontId="0" fillId="0" borderId="0" xfId="0" applyNumberFormat="1" applyFont="1" applyBorder="1" applyAlignment="1">
      <alignment horizontal="left" vertical="center"/>
    </xf>
    <xf numFmtId="0" fontId="0" fillId="0" borderId="97" xfId="0" applyFont="1" applyBorder="1" applyAlignment="1">
      <alignment horizontal="center" vertical="center"/>
    </xf>
    <xf numFmtId="0" fontId="0" fillId="0" borderId="98" xfId="0" applyFont="1" applyBorder="1" applyAlignment="1">
      <alignment horizontal="center" vertical="center"/>
    </xf>
    <xf numFmtId="0" fontId="0" fillId="0" borderId="99" xfId="0" applyFont="1" applyBorder="1" applyAlignment="1">
      <alignment horizontal="center" vertical="center"/>
    </xf>
    <xf numFmtId="0" fontId="0" fillId="0" borderId="27" xfId="0" applyFont="1" applyBorder="1" applyAlignment="1">
      <alignment horizontal="center" vertical="center"/>
    </xf>
    <xf numFmtId="0" fontId="0" fillId="0" borderId="14" xfId="0" applyFont="1" applyBorder="1" applyAlignment="1">
      <alignment horizontal="center" vertical="center"/>
    </xf>
    <xf numFmtId="0" fontId="0" fillId="0" borderId="100" xfId="0" applyFont="1"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0.7773437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419" t="s">
        <v>0</v>
      </c>
      <c r="F1" s="419"/>
      <c r="G1" s="419"/>
      <c r="H1" s="419"/>
      <c r="I1" s="2"/>
      <c r="J1" s="2"/>
      <c r="K1" s="2"/>
      <c r="L1" s="2"/>
    </row>
    <row r="2" spans="1:13" ht="24" customHeight="1" x14ac:dyDescent="0.2">
      <c r="A2" s="2"/>
      <c r="B2" s="2"/>
      <c r="C2" s="2"/>
      <c r="D2" s="2"/>
      <c r="E2" s="2"/>
      <c r="F2" s="41">
        <v>6</v>
      </c>
      <c r="G2" s="16">
        <v>10</v>
      </c>
      <c r="H2" s="2"/>
      <c r="I2" s="2"/>
      <c r="J2" s="2"/>
      <c r="K2" s="2"/>
      <c r="L2" s="2"/>
      <c r="M2" s="2"/>
    </row>
    <row r="3" spans="1:13" ht="24" customHeight="1" x14ac:dyDescent="0.2"/>
    <row r="4" spans="1:13" ht="20.25" customHeight="1" x14ac:dyDescent="0.2">
      <c r="D4" s="3"/>
      <c r="E4" s="4" t="s">
        <v>1</v>
      </c>
      <c r="F4" s="3"/>
      <c r="H4" s="23">
        <f>G2</f>
        <v>10</v>
      </c>
    </row>
    <row r="5" spans="1:13" ht="10.5" customHeight="1" thickBot="1" x14ac:dyDescent="0.25">
      <c r="E5" s="5"/>
    </row>
    <row r="6" spans="1:13" ht="21" customHeight="1" x14ac:dyDescent="0.2">
      <c r="E6" s="38"/>
      <c r="F6" s="420" t="s">
        <v>2</v>
      </c>
      <c r="G6" s="421"/>
      <c r="H6" s="421"/>
      <c r="I6" s="422"/>
    </row>
    <row r="7" spans="1:13" ht="21" customHeight="1" x14ac:dyDescent="0.2">
      <c r="E7" s="6"/>
      <c r="F7" s="7"/>
      <c r="G7" s="8" t="s">
        <v>3</v>
      </c>
      <c r="H7" s="39" t="s">
        <v>147</v>
      </c>
      <c r="I7" s="40" t="s">
        <v>146</v>
      </c>
    </row>
    <row r="8" spans="1:13" ht="21" customHeight="1" x14ac:dyDescent="0.2">
      <c r="E8" s="65" t="s">
        <v>4</v>
      </c>
      <c r="F8" s="43">
        <v>2357296</v>
      </c>
      <c r="G8" s="43">
        <v>982000</v>
      </c>
      <c r="H8" s="43">
        <v>957585</v>
      </c>
      <c r="I8" s="44">
        <v>417711</v>
      </c>
    </row>
    <row r="9" spans="1:13" ht="21" customHeight="1" x14ac:dyDescent="0.2">
      <c r="E9" s="66" t="s">
        <v>5</v>
      </c>
      <c r="F9" s="45">
        <v>941967</v>
      </c>
      <c r="G9" s="45">
        <v>392821</v>
      </c>
      <c r="H9" s="45">
        <v>376559</v>
      </c>
      <c r="I9" s="46">
        <v>172587</v>
      </c>
    </row>
    <row r="10" spans="1:13" ht="21" customHeight="1" x14ac:dyDescent="0.2">
      <c r="E10" s="66" t="s">
        <v>6</v>
      </c>
      <c r="F10" s="45">
        <v>311181</v>
      </c>
      <c r="G10" s="45">
        <v>136670</v>
      </c>
      <c r="H10" s="45">
        <v>120347</v>
      </c>
      <c r="I10" s="46">
        <v>54164</v>
      </c>
    </row>
    <row r="11" spans="1:13" ht="21" customHeight="1" x14ac:dyDescent="0.2">
      <c r="E11" s="66" t="s">
        <v>14</v>
      </c>
      <c r="F11" s="45">
        <v>189507</v>
      </c>
      <c r="G11" s="45">
        <v>79270</v>
      </c>
      <c r="H11" s="45">
        <v>79540</v>
      </c>
      <c r="I11" s="46">
        <v>30697</v>
      </c>
    </row>
    <row r="12" spans="1:13" ht="21" customHeight="1" x14ac:dyDescent="0.2">
      <c r="E12" s="66" t="s">
        <v>7</v>
      </c>
      <c r="F12" s="45">
        <v>124659</v>
      </c>
      <c r="G12" s="45">
        <v>48719</v>
      </c>
      <c r="H12" s="45">
        <v>52710</v>
      </c>
      <c r="I12" s="46">
        <v>23230</v>
      </c>
    </row>
    <row r="13" spans="1:13" ht="21" customHeight="1" x14ac:dyDescent="0.2">
      <c r="E13" s="66" t="s">
        <v>8</v>
      </c>
      <c r="F13" s="45">
        <v>74004</v>
      </c>
      <c r="G13" s="45">
        <v>31219</v>
      </c>
      <c r="H13" s="45">
        <v>30446</v>
      </c>
      <c r="I13" s="46">
        <v>12339</v>
      </c>
    </row>
    <row r="14" spans="1:13" ht="21" customHeight="1" x14ac:dyDescent="0.2">
      <c r="E14" s="66" t="s">
        <v>9</v>
      </c>
      <c r="F14" s="45">
        <v>53384</v>
      </c>
      <c r="G14" s="45">
        <v>19486</v>
      </c>
      <c r="H14" s="45">
        <v>21908</v>
      </c>
      <c r="I14" s="46">
        <v>11990</v>
      </c>
    </row>
    <row r="15" spans="1:13" ht="21" customHeight="1" x14ac:dyDescent="0.2">
      <c r="E15" s="66" t="s">
        <v>10</v>
      </c>
      <c r="F15" s="45">
        <v>109155</v>
      </c>
      <c r="G15" s="45">
        <v>44469</v>
      </c>
      <c r="H15" s="45">
        <v>44689</v>
      </c>
      <c r="I15" s="46">
        <v>19997</v>
      </c>
    </row>
    <row r="16" spans="1:13" ht="21" customHeight="1" x14ac:dyDescent="0.2">
      <c r="E16" s="66" t="s">
        <v>11</v>
      </c>
      <c r="F16" s="45">
        <v>57697</v>
      </c>
      <c r="G16" s="45">
        <v>24239</v>
      </c>
      <c r="H16" s="45">
        <v>23136</v>
      </c>
      <c r="I16" s="46">
        <v>10322</v>
      </c>
    </row>
    <row r="17" spans="5:13" ht="21" customHeight="1" x14ac:dyDescent="0.2">
      <c r="E17" s="66" t="s">
        <v>12</v>
      </c>
      <c r="F17" s="45">
        <v>66288</v>
      </c>
      <c r="G17" s="45">
        <v>26958</v>
      </c>
      <c r="H17" s="45">
        <v>27117</v>
      </c>
      <c r="I17" s="46">
        <v>12213</v>
      </c>
    </row>
    <row r="18" spans="5:13" ht="21" customHeight="1" x14ac:dyDescent="0.2">
      <c r="E18" s="66" t="s">
        <v>13</v>
      </c>
      <c r="F18" s="45">
        <v>18427</v>
      </c>
      <c r="G18" s="45">
        <v>6697</v>
      </c>
      <c r="H18" s="45">
        <v>7598</v>
      </c>
      <c r="I18" s="46">
        <v>4132</v>
      </c>
      <c r="M18" s="1" t="s">
        <v>87</v>
      </c>
    </row>
    <row r="19" spans="5:13" ht="21" customHeight="1" x14ac:dyDescent="0.2">
      <c r="E19" s="66" t="s">
        <v>15</v>
      </c>
      <c r="F19" s="45">
        <v>15846</v>
      </c>
      <c r="G19" s="45">
        <v>6520</v>
      </c>
      <c r="H19" s="45">
        <v>6477</v>
      </c>
      <c r="I19" s="46">
        <v>2849</v>
      </c>
    </row>
    <row r="20" spans="5:13" ht="21" customHeight="1" x14ac:dyDescent="0.2">
      <c r="E20" s="66" t="s">
        <v>16</v>
      </c>
      <c r="F20" s="45">
        <v>49746</v>
      </c>
      <c r="G20" s="45">
        <v>21397</v>
      </c>
      <c r="H20" s="45">
        <v>21019</v>
      </c>
      <c r="I20" s="46">
        <v>7330</v>
      </c>
    </row>
    <row r="21" spans="5:13" ht="21" customHeight="1" x14ac:dyDescent="0.2">
      <c r="E21" s="66" t="s">
        <v>17</v>
      </c>
      <c r="F21" s="45">
        <v>59074</v>
      </c>
      <c r="G21" s="45">
        <v>25366</v>
      </c>
      <c r="H21" s="45">
        <v>25027</v>
      </c>
      <c r="I21" s="46">
        <v>8681</v>
      </c>
    </row>
    <row r="22" spans="5:13" ht="21" customHeight="1" x14ac:dyDescent="0.2">
      <c r="E22" s="66" t="s">
        <v>18</v>
      </c>
      <c r="F22" s="45">
        <v>58563</v>
      </c>
      <c r="G22" s="45">
        <v>24481</v>
      </c>
      <c r="H22" s="45">
        <v>24561</v>
      </c>
      <c r="I22" s="46">
        <v>9521</v>
      </c>
    </row>
    <row r="23" spans="5:13" ht="21" customHeight="1" x14ac:dyDescent="0.2">
      <c r="E23" s="66" t="s">
        <v>19</v>
      </c>
      <c r="F23" s="45">
        <v>26781</v>
      </c>
      <c r="G23" s="45">
        <v>11154</v>
      </c>
      <c r="H23" s="45">
        <v>11279</v>
      </c>
      <c r="I23" s="46">
        <v>4348</v>
      </c>
    </row>
    <row r="24" spans="5:13" ht="21" customHeight="1" x14ac:dyDescent="0.2">
      <c r="E24" s="66" t="s">
        <v>20</v>
      </c>
      <c r="F24" s="45">
        <v>34388</v>
      </c>
      <c r="G24" s="45">
        <v>14563</v>
      </c>
      <c r="H24" s="45">
        <v>14523</v>
      </c>
      <c r="I24" s="46">
        <v>5302</v>
      </c>
    </row>
    <row r="25" spans="5:13" ht="21" customHeight="1" x14ac:dyDescent="0.2">
      <c r="E25" s="66" t="s">
        <v>21</v>
      </c>
      <c r="F25" s="45">
        <v>34709</v>
      </c>
      <c r="G25" s="45">
        <v>14709</v>
      </c>
      <c r="H25" s="45">
        <v>14533</v>
      </c>
      <c r="I25" s="46">
        <v>5467</v>
      </c>
    </row>
    <row r="26" spans="5:13" ht="21" customHeight="1" x14ac:dyDescent="0.2">
      <c r="E26" s="66" t="s">
        <v>22</v>
      </c>
      <c r="F26" s="45">
        <v>13629</v>
      </c>
      <c r="G26" s="45">
        <v>5410</v>
      </c>
      <c r="H26" s="45">
        <v>5711</v>
      </c>
      <c r="I26" s="46">
        <v>2508</v>
      </c>
    </row>
    <row r="27" spans="5:13" ht="21" customHeight="1" x14ac:dyDescent="0.2">
      <c r="E27" s="66" t="s">
        <v>23</v>
      </c>
      <c r="F27" s="45">
        <v>22694</v>
      </c>
      <c r="G27" s="45">
        <v>8764</v>
      </c>
      <c r="H27" s="45">
        <v>10368</v>
      </c>
      <c r="I27" s="46">
        <v>3562</v>
      </c>
    </row>
    <row r="28" spans="5:13" ht="21" customHeight="1" x14ac:dyDescent="0.2">
      <c r="E28" s="66" t="s">
        <v>24</v>
      </c>
      <c r="F28" s="45">
        <v>10090</v>
      </c>
      <c r="G28" s="45">
        <v>3620</v>
      </c>
      <c r="H28" s="45">
        <v>4354</v>
      </c>
      <c r="I28" s="46">
        <v>2116</v>
      </c>
    </row>
    <row r="29" spans="5:13" ht="21" customHeight="1" x14ac:dyDescent="0.2">
      <c r="E29" s="66" t="s">
        <v>25</v>
      </c>
      <c r="F29" s="45">
        <v>13541</v>
      </c>
      <c r="G29" s="45">
        <v>5867</v>
      </c>
      <c r="H29" s="45">
        <v>5679</v>
      </c>
      <c r="I29" s="46">
        <v>1995</v>
      </c>
    </row>
    <row r="30" spans="5:13" ht="21" customHeight="1" x14ac:dyDescent="0.2">
      <c r="E30" s="66" t="s">
        <v>26</v>
      </c>
      <c r="F30" s="45">
        <v>11087</v>
      </c>
      <c r="G30" s="45">
        <v>4338</v>
      </c>
      <c r="H30" s="45">
        <v>4760</v>
      </c>
      <c r="I30" s="46">
        <v>1989</v>
      </c>
    </row>
    <row r="31" spans="5:13" ht="21" customHeight="1" x14ac:dyDescent="0.2">
      <c r="E31" s="66" t="s">
        <v>27</v>
      </c>
      <c r="F31" s="45">
        <v>9831</v>
      </c>
      <c r="G31" s="45">
        <v>3698</v>
      </c>
      <c r="H31" s="45">
        <v>4177</v>
      </c>
      <c r="I31" s="46">
        <v>1956</v>
      </c>
    </row>
    <row r="32" spans="5:13" ht="21" customHeight="1" x14ac:dyDescent="0.2">
      <c r="E32" s="66" t="s">
        <v>28</v>
      </c>
      <c r="F32" s="45">
        <v>3219</v>
      </c>
      <c r="G32" s="45">
        <v>1363</v>
      </c>
      <c r="H32" s="45">
        <v>1391</v>
      </c>
      <c r="I32" s="46">
        <v>465</v>
      </c>
    </row>
    <row r="33" spans="5:9" ht="21" customHeight="1" x14ac:dyDescent="0.2">
      <c r="E33" s="66" t="s">
        <v>29</v>
      </c>
      <c r="F33" s="45">
        <v>4985</v>
      </c>
      <c r="G33" s="45">
        <v>2068</v>
      </c>
      <c r="H33" s="45">
        <v>2146</v>
      </c>
      <c r="I33" s="46">
        <v>771</v>
      </c>
    </row>
    <row r="34" spans="5:9" ht="21" customHeight="1" x14ac:dyDescent="0.2">
      <c r="E34" s="66" t="s">
        <v>30</v>
      </c>
      <c r="F34" s="45">
        <v>3726</v>
      </c>
      <c r="G34" s="45">
        <v>1505</v>
      </c>
      <c r="H34" s="45">
        <v>1509</v>
      </c>
      <c r="I34" s="46">
        <v>712</v>
      </c>
    </row>
    <row r="35" spans="5:9" ht="21" customHeight="1" x14ac:dyDescent="0.2">
      <c r="E35" s="66" t="s">
        <v>31</v>
      </c>
      <c r="F35" s="45">
        <v>3999</v>
      </c>
      <c r="G35" s="45">
        <v>1770</v>
      </c>
      <c r="H35" s="45">
        <v>1506</v>
      </c>
      <c r="I35" s="46">
        <v>723</v>
      </c>
    </row>
    <row r="36" spans="5:9" ht="21" customHeight="1" x14ac:dyDescent="0.2">
      <c r="E36" s="66" t="s">
        <v>32</v>
      </c>
      <c r="F36" s="45">
        <v>4709</v>
      </c>
      <c r="G36" s="45">
        <v>1971</v>
      </c>
      <c r="H36" s="45">
        <v>1926</v>
      </c>
      <c r="I36" s="46">
        <v>812</v>
      </c>
    </row>
    <row r="37" spans="5:9" ht="21" customHeight="1" x14ac:dyDescent="0.2">
      <c r="E37" s="66" t="s">
        <v>33</v>
      </c>
      <c r="F37" s="45">
        <v>4089</v>
      </c>
      <c r="G37" s="45">
        <v>1679</v>
      </c>
      <c r="H37" s="45">
        <v>1682</v>
      </c>
      <c r="I37" s="46">
        <v>728</v>
      </c>
    </row>
    <row r="38" spans="5:9" ht="21" customHeight="1" x14ac:dyDescent="0.2">
      <c r="E38" s="66" t="s">
        <v>34</v>
      </c>
      <c r="F38" s="45">
        <v>3019</v>
      </c>
      <c r="G38" s="45">
        <v>1223</v>
      </c>
      <c r="H38" s="45">
        <v>1248</v>
      </c>
      <c r="I38" s="46">
        <v>548</v>
      </c>
    </row>
    <row r="39" spans="5:9" ht="21" customHeight="1" x14ac:dyDescent="0.2">
      <c r="E39" s="66" t="s">
        <v>35</v>
      </c>
      <c r="F39" s="45">
        <v>9811</v>
      </c>
      <c r="G39" s="45">
        <v>3869</v>
      </c>
      <c r="H39" s="45">
        <v>4104</v>
      </c>
      <c r="I39" s="46">
        <v>1838</v>
      </c>
    </row>
    <row r="40" spans="5:9" ht="21" customHeight="1" x14ac:dyDescent="0.2">
      <c r="E40" s="66" t="s">
        <v>36</v>
      </c>
      <c r="F40" s="45">
        <v>12411</v>
      </c>
      <c r="G40" s="45">
        <v>5610</v>
      </c>
      <c r="H40" s="45">
        <v>5146</v>
      </c>
      <c r="I40" s="46">
        <v>1655</v>
      </c>
    </row>
    <row r="41" spans="5:9" ht="21" customHeight="1" thickBot="1" x14ac:dyDescent="0.25">
      <c r="E41" s="67" t="s">
        <v>37</v>
      </c>
      <c r="F41" s="47">
        <v>1080</v>
      </c>
      <c r="G41" s="47">
        <v>507</v>
      </c>
      <c r="H41" s="47">
        <v>409</v>
      </c>
      <c r="I41" s="48">
        <v>164</v>
      </c>
    </row>
  </sheetData>
  <mergeCells count="2">
    <mergeCell ref="E1:H1"/>
    <mergeCell ref="F6:I6"/>
  </mergeCells>
  <phoneticPr fontId="4"/>
  <pageMargins left="0.78740157480314965" right="0.78740157480314965" top="0.98425196850393704" bottom="0.98425196850393704" header="0.51181102362204722" footer="0.51181102362204722"/>
  <pageSetup paperSize="9" scale="87"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88671875" style="175" customWidth="1"/>
    <col min="18" max="27" width="9" style="175"/>
    <col min="28" max="28" width="7.77734375" style="175" customWidth="1"/>
    <col min="29" max="38" width="9" style="175"/>
    <col min="39" max="39" width="6.77734375" style="175" customWidth="1"/>
    <col min="40" max="49" width="9" style="175"/>
    <col min="50" max="50" width="7.77734375" style="175" customWidth="1"/>
    <col min="51" max="60" width="9" style="175"/>
    <col min="61" max="61" width="7.4414062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6384" width="9" style="175"/>
  </cols>
  <sheetData>
    <row r="1" spans="2:112" ht="24" customHeight="1" x14ac:dyDescent="0.2">
      <c r="B1" s="142" t="s">
        <v>121</v>
      </c>
      <c r="J1" s="442">
        <f>第１表!F2</f>
        <v>6</v>
      </c>
      <c r="K1" s="442"/>
      <c r="L1" s="18">
        <f>第１表!G2</f>
        <v>10</v>
      </c>
      <c r="M1" s="446">
        <f>IF(L1&lt;3,L1+12-2,L1-2)</f>
        <v>8</v>
      </c>
      <c r="N1" s="446"/>
    </row>
    <row r="2" spans="2:112" ht="24" customHeight="1" thickBot="1" x14ac:dyDescent="0.25">
      <c r="B2" s="142" t="s">
        <v>128</v>
      </c>
    </row>
    <row r="3" spans="2:112" ht="21" customHeight="1" thickBot="1" x14ac:dyDescent="0.25">
      <c r="B3" s="483"/>
      <c r="C3" s="486" t="s">
        <v>111</v>
      </c>
      <c r="D3" s="486"/>
      <c r="E3" s="486"/>
      <c r="F3" s="486"/>
      <c r="G3" s="486"/>
      <c r="H3" s="486"/>
      <c r="I3" s="486"/>
      <c r="J3" s="486"/>
      <c r="K3" s="486"/>
      <c r="L3" s="486"/>
      <c r="M3" s="487"/>
      <c r="N3" s="481" t="s">
        <v>110</v>
      </c>
      <c r="O3" s="481"/>
      <c r="P3" s="481"/>
      <c r="Q3" s="481"/>
      <c r="R3" s="481"/>
      <c r="S3" s="481"/>
      <c r="T3" s="481"/>
      <c r="U3" s="481"/>
      <c r="V3" s="481"/>
      <c r="W3" s="481"/>
      <c r="X3" s="482"/>
      <c r="Y3" s="480" t="s">
        <v>109</v>
      </c>
      <c r="Z3" s="481"/>
      <c r="AA3" s="481"/>
      <c r="AB3" s="481"/>
      <c r="AC3" s="481"/>
      <c r="AD3" s="481"/>
      <c r="AE3" s="481"/>
      <c r="AF3" s="481"/>
      <c r="AG3" s="481"/>
      <c r="AH3" s="481"/>
      <c r="AI3" s="482"/>
      <c r="AJ3" s="480" t="s">
        <v>108</v>
      </c>
      <c r="AK3" s="481"/>
      <c r="AL3" s="481"/>
      <c r="AM3" s="481"/>
      <c r="AN3" s="481"/>
      <c r="AO3" s="481"/>
      <c r="AP3" s="481"/>
      <c r="AQ3" s="481"/>
      <c r="AR3" s="481"/>
      <c r="AS3" s="481"/>
      <c r="AT3" s="482"/>
      <c r="AU3" s="480" t="s">
        <v>107</v>
      </c>
      <c r="AV3" s="481"/>
      <c r="AW3" s="481"/>
      <c r="AX3" s="481"/>
      <c r="AY3" s="481"/>
      <c r="AZ3" s="481"/>
      <c r="BA3" s="481"/>
      <c r="BB3" s="481"/>
      <c r="BC3" s="481"/>
      <c r="BD3" s="481"/>
      <c r="BE3" s="482"/>
      <c r="BF3" s="480" t="s">
        <v>106</v>
      </c>
      <c r="BG3" s="481"/>
      <c r="BH3" s="481"/>
      <c r="BI3" s="481"/>
      <c r="BJ3" s="481"/>
      <c r="BK3" s="481"/>
      <c r="BL3" s="481"/>
      <c r="BM3" s="481"/>
      <c r="BN3" s="481"/>
      <c r="BO3" s="481"/>
      <c r="BP3" s="482"/>
      <c r="BQ3" s="480" t="s">
        <v>105</v>
      </c>
      <c r="BR3" s="481"/>
      <c r="BS3" s="481"/>
      <c r="BT3" s="481"/>
      <c r="BU3" s="481"/>
      <c r="BV3" s="481"/>
      <c r="BW3" s="481"/>
      <c r="BX3" s="481"/>
      <c r="BY3" s="481"/>
      <c r="BZ3" s="481"/>
      <c r="CA3" s="482"/>
      <c r="CB3" s="480" t="s">
        <v>125</v>
      </c>
      <c r="CC3" s="481"/>
      <c r="CD3" s="481"/>
      <c r="CE3" s="481"/>
      <c r="CF3" s="481"/>
      <c r="CG3" s="481"/>
      <c r="CH3" s="481"/>
      <c r="CI3" s="481"/>
      <c r="CJ3" s="481"/>
      <c r="CK3" s="481"/>
      <c r="CL3" s="482"/>
      <c r="CM3" s="480" t="s">
        <v>158</v>
      </c>
      <c r="CN3" s="481"/>
      <c r="CO3" s="481"/>
      <c r="CP3" s="481"/>
      <c r="CQ3" s="481"/>
      <c r="CR3" s="481"/>
      <c r="CS3" s="481"/>
      <c r="CT3" s="481"/>
      <c r="CU3" s="481"/>
      <c r="CV3" s="481"/>
      <c r="CW3" s="482"/>
      <c r="CX3" s="480" t="s">
        <v>154</v>
      </c>
      <c r="CY3" s="481"/>
      <c r="CZ3" s="481"/>
      <c r="DA3" s="481"/>
      <c r="DB3" s="481"/>
      <c r="DC3" s="481"/>
      <c r="DD3" s="481"/>
      <c r="DE3" s="481"/>
      <c r="DF3" s="481"/>
      <c r="DG3" s="481"/>
      <c r="DH3" s="482"/>
    </row>
    <row r="4" spans="2:112" ht="21" customHeight="1" x14ac:dyDescent="0.2">
      <c r="B4" s="484"/>
      <c r="C4" s="488" t="s">
        <v>61</v>
      </c>
      <c r="D4" s="473"/>
      <c r="E4" s="474"/>
      <c r="F4" s="475" t="s">
        <v>62</v>
      </c>
      <c r="G4" s="473"/>
      <c r="H4" s="473"/>
      <c r="I4" s="473"/>
      <c r="J4" s="473"/>
      <c r="K4" s="473"/>
      <c r="L4" s="476"/>
      <c r="M4" s="470" t="s">
        <v>52</v>
      </c>
      <c r="N4" s="488" t="s">
        <v>61</v>
      </c>
      <c r="O4" s="473"/>
      <c r="P4" s="474"/>
      <c r="Q4" s="475" t="s">
        <v>62</v>
      </c>
      <c r="R4" s="473"/>
      <c r="S4" s="473"/>
      <c r="T4" s="473"/>
      <c r="U4" s="473"/>
      <c r="V4" s="473"/>
      <c r="W4" s="474"/>
      <c r="X4" s="470" t="s">
        <v>52</v>
      </c>
      <c r="Y4" s="472" t="s">
        <v>61</v>
      </c>
      <c r="Z4" s="473"/>
      <c r="AA4" s="476"/>
      <c r="AB4" s="475" t="s">
        <v>62</v>
      </c>
      <c r="AC4" s="473"/>
      <c r="AD4" s="473"/>
      <c r="AE4" s="473"/>
      <c r="AF4" s="473"/>
      <c r="AG4" s="473"/>
      <c r="AH4" s="474"/>
      <c r="AI4" s="470" t="s">
        <v>52</v>
      </c>
      <c r="AJ4" s="472" t="s">
        <v>61</v>
      </c>
      <c r="AK4" s="473"/>
      <c r="AL4" s="474"/>
      <c r="AM4" s="475" t="s">
        <v>62</v>
      </c>
      <c r="AN4" s="473"/>
      <c r="AO4" s="473"/>
      <c r="AP4" s="473"/>
      <c r="AQ4" s="473"/>
      <c r="AR4" s="473"/>
      <c r="AS4" s="474"/>
      <c r="AT4" s="470" t="s">
        <v>52</v>
      </c>
      <c r="AU4" s="472" t="s">
        <v>61</v>
      </c>
      <c r="AV4" s="473"/>
      <c r="AW4" s="476"/>
      <c r="AX4" s="475" t="s">
        <v>62</v>
      </c>
      <c r="AY4" s="473"/>
      <c r="AZ4" s="473"/>
      <c r="BA4" s="473"/>
      <c r="BB4" s="473"/>
      <c r="BC4" s="473"/>
      <c r="BD4" s="476"/>
      <c r="BE4" s="470" t="s">
        <v>52</v>
      </c>
      <c r="BF4" s="472" t="s">
        <v>61</v>
      </c>
      <c r="BG4" s="473"/>
      <c r="BH4" s="474"/>
      <c r="BI4" s="475" t="s">
        <v>62</v>
      </c>
      <c r="BJ4" s="473"/>
      <c r="BK4" s="473"/>
      <c r="BL4" s="473"/>
      <c r="BM4" s="473"/>
      <c r="BN4" s="473"/>
      <c r="BO4" s="474"/>
      <c r="BP4" s="470" t="s">
        <v>52</v>
      </c>
      <c r="BQ4" s="472" t="s">
        <v>61</v>
      </c>
      <c r="BR4" s="473"/>
      <c r="BS4" s="474"/>
      <c r="BT4" s="475" t="s">
        <v>62</v>
      </c>
      <c r="BU4" s="473"/>
      <c r="BV4" s="473"/>
      <c r="BW4" s="473"/>
      <c r="BX4" s="473"/>
      <c r="BY4" s="473"/>
      <c r="BZ4" s="474"/>
      <c r="CA4" s="470" t="s">
        <v>52</v>
      </c>
      <c r="CB4" s="472" t="s">
        <v>61</v>
      </c>
      <c r="CC4" s="473"/>
      <c r="CD4" s="474"/>
      <c r="CE4" s="475" t="s">
        <v>62</v>
      </c>
      <c r="CF4" s="473"/>
      <c r="CG4" s="473"/>
      <c r="CH4" s="473"/>
      <c r="CI4" s="473"/>
      <c r="CJ4" s="473"/>
      <c r="CK4" s="474"/>
      <c r="CL4" s="470" t="s">
        <v>52</v>
      </c>
      <c r="CM4" s="472" t="s">
        <v>61</v>
      </c>
      <c r="CN4" s="473"/>
      <c r="CO4" s="474"/>
      <c r="CP4" s="475" t="s">
        <v>62</v>
      </c>
      <c r="CQ4" s="473"/>
      <c r="CR4" s="473"/>
      <c r="CS4" s="473"/>
      <c r="CT4" s="473"/>
      <c r="CU4" s="473"/>
      <c r="CV4" s="474"/>
      <c r="CW4" s="470" t="s">
        <v>52</v>
      </c>
      <c r="CX4" s="472" t="s">
        <v>61</v>
      </c>
      <c r="CY4" s="473"/>
      <c r="CZ4" s="474"/>
      <c r="DA4" s="475" t="s">
        <v>62</v>
      </c>
      <c r="DB4" s="473"/>
      <c r="DC4" s="473"/>
      <c r="DD4" s="473"/>
      <c r="DE4" s="473"/>
      <c r="DF4" s="473"/>
      <c r="DG4" s="474"/>
      <c r="DH4" s="470" t="s">
        <v>52</v>
      </c>
    </row>
    <row r="5" spans="2:112" ht="30" customHeight="1" thickBot="1" x14ac:dyDescent="0.25">
      <c r="B5" s="485"/>
      <c r="C5" s="204" t="s">
        <v>43</v>
      </c>
      <c r="D5" s="178" t="s">
        <v>44</v>
      </c>
      <c r="E5" s="179" t="s">
        <v>45</v>
      </c>
      <c r="F5" s="180" t="s">
        <v>83</v>
      </c>
      <c r="G5" s="178" t="s">
        <v>47</v>
      </c>
      <c r="H5" s="178" t="s">
        <v>48</v>
      </c>
      <c r="I5" s="178" t="s">
        <v>49</v>
      </c>
      <c r="J5" s="178" t="s">
        <v>50</v>
      </c>
      <c r="K5" s="178" t="s">
        <v>51</v>
      </c>
      <c r="L5" s="181" t="s">
        <v>45</v>
      </c>
      <c r="M5" s="471"/>
      <c r="N5" s="204" t="s">
        <v>43</v>
      </c>
      <c r="O5" s="178" t="s">
        <v>44</v>
      </c>
      <c r="P5" s="182" t="s">
        <v>45</v>
      </c>
      <c r="Q5" s="180" t="s">
        <v>83</v>
      </c>
      <c r="R5" s="178" t="s">
        <v>47</v>
      </c>
      <c r="S5" s="178" t="s">
        <v>48</v>
      </c>
      <c r="T5" s="178" t="s">
        <v>49</v>
      </c>
      <c r="U5" s="178" t="s">
        <v>50</v>
      </c>
      <c r="V5" s="178" t="s">
        <v>51</v>
      </c>
      <c r="W5" s="182" t="s">
        <v>45</v>
      </c>
      <c r="X5" s="471"/>
      <c r="Y5" s="177" t="s">
        <v>43</v>
      </c>
      <c r="Z5" s="178" t="s">
        <v>44</v>
      </c>
      <c r="AA5" s="181" t="s">
        <v>45</v>
      </c>
      <c r="AB5" s="180" t="s">
        <v>83</v>
      </c>
      <c r="AC5" s="178" t="s">
        <v>47</v>
      </c>
      <c r="AD5" s="178" t="s">
        <v>48</v>
      </c>
      <c r="AE5" s="178" t="s">
        <v>49</v>
      </c>
      <c r="AF5" s="178" t="s">
        <v>50</v>
      </c>
      <c r="AG5" s="178" t="s">
        <v>51</v>
      </c>
      <c r="AH5" s="182" t="s">
        <v>45</v>
      </c>
      <c r="AI5" s="471"/>
      <c r="AJ5" s="177" t="s">
        <v>43</v>
      </c>
      <c r="AK5" s="178" t="s">
        <v>44</v>
      </c>
      <c r="AL5" s="182" t="s">
        <v>45</v>
      </c>
      <c r="AM5" s="180" t="s">
        <v>83</v>
      </c>
      <c r="AN5" s="178" t="s">
        <v>47</v>
      </c>
      <c r="AO5" s="178" t="s">
        <v>48</v>
      </c>
      <c r="AP5" s="178" t="s">
        <v>49</v>
      </c>
      <c r="AQ5" s="178" t="s">
        <v>50</v>
      </c>
      <c r="AR5" s="178" t="s">
        <v>51</v>
      </c>
      <c r="AS5" s="182" t="s">
        <v>45</v>
      </c>
      <c r="AT5" s="471"/>
      <c r="AU5" s="177" t="s">
        <v>43</v>
      </c>
      <c r="AV5" s="178" t="s">
        <v>44</v>
      </c>
      <c r="AW5" s="181" t="s">
        <v>45</v>
      </c>
      <c r="AX5" s="180" t="s">
        <v>83</v>
      </c>
      <c r="AY5" s="178" t="s">
        <v>47</v>
      </c>
      <c r="AZ5" s="178" t="s">
        <v>48</v>
      </c>
      <c r="BA5" s="178" t="s">
        <v>49</v>
      </c>
      <c r="BB5" s="178" t="s">
        <v>50</v>
      </c>
      <c r="BC5" s="178" t="s">
        <v>51</v>
      </c>
      <c r="BD5" s="181" t="s">
        <v>45</v>
      </c>
      <c r="BE5" s="471"/>
      <c r="BF5" s="177" t="s">
        <v>43</v>
      </c>
      <c r="BG5" s="178" t="s">
        <v>44</v>
      </c>
      <c r="BH5" s="182" t="s">
        <v>45</v>
      </c>
      <c r="BI5" s="180" t="s">
        <v>83</v>
      </c>
      <c r="BJ5" s="178" t="s">
        <v>47</v>
      </c>
      <c r="BK5" s="178" t="s">
        <v>48</v>
      </c>
      <c r="BL5" s="178" t="s">
        <v>49</v>
      </c>
      <c r="BM5" s="178" t="s">
        <v>50</v>
      </c>
      <c r="BN5" s="178" t="s">
        <v>51</v>
      </c>
      <c r="BO5" s="182" t="s">
        <v>45</v>
      </c>
      <c r="BP5" s="471"/>
      <c r="BQ5" s="177" t="s">
        <v>43</v>
      </c>
      <c r="BR5" s="178" t="s">
        <v>44</v>
      </c>
      <c r="BS5" s="182" t="s">
        <v>45</v>
      </c>
      <c r="BT5" s="180" t="s">
        <v>83</v>
      </c>
      <c r="BU5" s="178" t="s">
        <v>47</v>
      </c>
      <c r="BV5" s="178" t="s">
        <v>48</v>
      </c>
      <c r="BW5" s="178" t="s">
        <v>49</v>
      </c>
      <c r="BX5" s="178" t="s">
        <v>50</v>
      </c>
      <c r="BY5" s="178" t="s">
        <v>51</v>
      </c>
      <c r="BZ5" s="182" t="s">
        <v>45</v>
      </c>
      <c r="CA5" s="471"/>
      <c r="CB5" s="177" t="s">
        <v>43</v>
      </c>
      <c r="CC5" s="178" t="s">
        <v>44</v>
      </c>
      <c r="CD5" s="182" t="s">
        <v>45</v>
      </c>
      <c r="CE5" s="180" t="s">
        <v>83</v>
      </c>
      <c r="CF5" s="178" t="s">
        <v>47</v>
      </c>
      <c r="CG5" s="178" t="s">
        <v>48</v>
      </c>
      <c r="CH5" s="178" t="s">
        <v>49</v>
      </c>
      <c r="CI5" s="178" t="s">
        <v>50</v>
      </c>
      <c r="CJ5" s="178" t="s">
        <v>51</v>
      </c>
      <c r="CK5" s="182" t="s">
        <v>45</v>
      </c>
      <c r="CL5" s="471"/>
      <c r="CM5" s="177" t="s">
        <v>43</v>
      </c>
      <c r="CN5" s="178" t="s">
        <v>44</v>
      </c>
      <c r="CO5" s="182" t="s">
        <v>45</v>
      </c>
      <c r="CP5" s="180" t="s">
        <v>83</v>
      </c>
      <c r="CQ5" s="178" t="s">
        <v>47</v>
      </c>
      <c r="CR5" s="178" t="s">
        <v>48</v>
      </c>
      <c r="CS5" s="178" t="s">
        <v>49</v>
      </c>
      <c r="CT5" s="178" t="s">
        <v>50</v>
      </c>
      <c r="CU5" s="178" t="s">
        <v>51</v>
      </c>
      <c r="CV5" s="182" t="s">
        <v>45</v>
      </c>
      <c r="CW5" s="471"/>
      <c r="CX5" s="177" t="s">
        <v>43</v>
      </c>
      <c r="CY5" s="178" t="s">
        <v>44</v>
      </c>
      <c r="CZ5" s="182" t="s">
        <v>45</v>
      </c>
      <c r="DA5" s="180" t="s">
        <v>83</v>
      </c>
      <c r="DB5" s="178" t="s">
        <v>47</v>
      </c>
      <c r="DC5" s="178" t="s">
        <v>48</v>
      </c>
      <c r="DD5" s="178" t="s">
        <v>49</v>
      </c>
      <c r="DE5" s="178" t="s">
        <v>50</v>
      </c>
      <c r="DF5" s="178" t="s">
        <v>51</v>
      </c>
      <c r="DG5" s="182" t="s">
        <v>45</v>
      </c>
      <c r="DH5" s="471"/>
    </row>
    <row r="6" spans="2:112" ht="21" customHeight="1" x14ac:dyDescent="0.2">
      <c r="B6" s="84" t="s">
        <v>4</v>
      </c>
      <c r="C6" s="183">
        <v>0</v>
      </c>
      <c r="D6" s="184">
        <v>0</v>
      </c>
      <c r="E6" s="185">
        <v>0</v>
      </c>
      <c r="F6" s="186">
        <v>0</v>
      </c>
      <c r="G6" s="184">
        <v>13042</v>
      </c>
      <c r="H6" s="184">
        <v>19439</v>
      </c>
      <c r="I6" s="184">
        <v>20970</v>
      </c>
      <c r="J6" s="184">
        <v>25607</v>
      </c>
      <c r="K6" s="184">
        <v>20414</v>
      </c>
      <c r="L6" s="187">
        <v>99472</v>
      </c>
      <c r="M6" s="188">
        <v>99472</v>
      </c>
      <c r="N6" s="183">
        <v>0</v>
      </c>
      <c r="O6" s="184">
        <v>11</v>
      </c>
      <c r="P6" s="189">
        <v>11</v>
      </c>
      <c r="Q6" s="186">
        <v>0</v>
      </c>
      <c r="R6" s="184">
        <v>21</v>
      </c>
      <c r="S6" s="184">
        <v>108</v>
      </c>
      <c r="T6" s="184">
        <v>239</v>
      </c>
      <c r="U6" s="184">
        <v>539</v>
      </c>
      <c r="V6" s="184">
        <v>926</v>
      </c>
      <c r="W6" s="189">
        <v>1833</v>
      </c>
      <c r="X6" s="188">
        <v>1844</v>
      </c>
      <c r="Y6" s="183">
        <v>1210</v>
      </c>
      <c r="Z6" s="184">
        <v>3417</v>
      </c>
      <c r="AA6" s="189">
        <v>4627</v>
      </c>
      <c r="AB6" s="186">
        <v>0</v>
      </c>
      <c r="AC6" s="184">
        <v>8616</v>
      </c>
      <c r="AD6" s="184">
        <v>14433</v>
      </c>
      <c r="AE6" s="184">
        <v>8718</v>
      </c>
      <c r="AF6" s="184">
        <v>6970</v>
      </c>
      <c r="AG6" s="184">
        <v>4351</v>
      </c>
      <c r="AH6" s="189">
        <v>43088</v>
      </c>
      <c r="AI6" s="188">
        <v>47715</v>
      </c>
      <c r="AJ6" s="183">
        <v>227</v>
      </c>
      <c r="AK6" s="184">
        <v>582</v>
      </c>
      <c r="AL6" s="189">
        <v>809</v>
      </c>
      <c r="AM6" s="186">
        <v>0</v>
      </c>
      <c r="AN6" s="184">
        <v>1135</v>
      </c>
      <c r="AO6" s="184">
        <v>1332</v>
      </c>
      <c r="AP6" s="184">
        <v>825</v>
      </c>
      <c r="AQ6" s="184">
        <v>711</v>
      </c>
      <c r="AR6" s="184">
        <v>320</v>
      </c>
      <c r="AS6" s="189">
        <v>4323</v>
      </c>
      <c r="AT6" s="188">
        <v>5132</v>
      </c>
      <c r="AU6" s="183">
        <v>0</v>
      </c>
      <c r="AV6" s="184">
        <v>0</v>
      </c>
      <c r="AW6" s="189">
        <v>0</v>
      </c>
      <c r="AX6" s="186">
        <v>0</v>
      </c>
      <c r="AY6" s="184">
        <v>12902</v>
      </c>
      <c r="AZ6" s="184">
        <v>12055</v>
      </c>
      <c r="BA6" s="184">
        <v>6877</v>
      </c>
      <c r="BB6" s="184">
        <v>3515</v>
      </c>
      <c r="BC6" s="184">
        <v>1382</v>
      </c>
      <c r="BD6" s="187">
        <v>36731</v>
      </c>
      <c r="BE6" s="188">
        <v>36731</v>
      </c>
      <c r="BF6" s="183">
        <v>0</v>
      </c>
      <c r="BG6" s="184">
        <v>0</v>
      </c>
      <c r="BH6" s="189">
        <v>0</v>
      </c>
      <c r="BI6" s="186">
        <v>0</v>
      </c>
      <c r="BJ6" s="184">
        <v>2618</v>
      </c>
      <c r="BK6" s="184">
        <v>3839</v>
      </c>
      <c r="BL6" s="184">
        <v>2228</v>
      </c>
      <c r="BM6" s="184">
        <v>1206</v>
      </c>
      <c r="BN6" s="184">
        <v>333</v>
      </c>
      <c r="BO6" s="189">
        <v>10224</v>
      </c>
      <c r="BP6" s="188">
        <v>10224</v>
      </c>
      <c r="BQ6" s="183">
        <v>72</v>
      </c>
      <c r="BR6" s="184">
        <v>146</v>
      </c>
      <c r="BS6" s="189">
        <v>218</v>
      </c>
      <c r="BT6" s="186">
        <v>0</v>
      </c>
      <c r="BU6" s="184">
        <v>1299</v>
      </c>
      <c r="BV6" s="184">
        <v>2277</v>
      </c>
      <c r="BW6" s="184">
        <v>3131</v>
      </c>
      <c r="BX6" s="184">
        <v>2314</v>
      </c>
      <c r="BY6" s="184">
        <v>1080</v>
      </c>
      <c r="BZ6" s="189">
        <v>10101</v>
      </c>
      <c r="CA6" s="188">
        <v>10319</v>
      </c>
      <c r="CB6" s="183">
        <v>0</v>
      </c>
      <c r="CC6" s="184">
        <v>3</v>
      </c>
      <c r="CD6" s="189">
        <v>3</v>
      </c>
      <c r="CE6" s="186">
        <v>0</v>
      </c>
      <c r="CF6" s="184">
        <v>84</v>
      </c>
      <c r="CG6" s="184">
        <v>239</v>
      </c>
      <c r="CH6" s="184">
        <v>389</v>
      </c>
      <c r="CI6" s="184">
        <v>329</v>
      </c>
      <c r="CJ6" s="184">
        <v>180</v>
      </c>
      <c r="CK6" s="189">
        <v>1221</v>
      </c>
      <c r="CL6" s="188">
        <v>1224</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0</v>
      </c>
      <c r="DC6" s="184">
        <v>0</v>
      </c>
      <c r="DD6" s="184">
        <v>0</v>
      </c>
      <c r="DE6" s="184">
        <v>0</v>
      </c>
      <c r="DF6" s="184">
        <v>0</v>
      </c>
      <c r="DG6" s="189">
        <v>0</v>
      </c>
      <c r="DH6" s="188">
        <v>0</v>
      </c>
    </row>
    <row r="7" spans="2:112" ht="21" customHeight="1" x14ac:dyDescent="0.2">
      <c r="B7" s="95" t="s">
        <v>5</v>
      </c>
      <c r="C7" s="190">
        <v>0</v>
      </c>
      <c r="D7" s="191">
        <v>0</v>
      </c>
      <c r="E7" s="192">
        <v>0</v>
      </c>
      <c r="F7" s="193">
        <v>0</v>
      </c>
      <c r="G7" s="191">
        <v>4613</v>
      </c>
      <c r="H7" s="191">
        <v>8955</v>
      </c>
      <c r="I7" s="191">
        <v>8910</v>
      </c>
      <c r="J7" s="191">
        <v>10222</v>
      </c>
      <c r="K7" s="191">
        <v>8102</v>
      </c>
      <c r="L7" s="194">
        <v>40802</v>
      </c>
      <c r="M7" s="195">
        <v>40802</v>
      </c>
      <c r="N7" s="190">
        <v>0</v>
      </c>
      <c r="O7" s="191">
        <v>11</v>
      </c>
      <c r="P7" s="196">
        <v>11</v>
      </c>
      <c r="Q7" s="193">
        <v>0</v>
      </c>
      <c r="R7" s="191">
        <v>14</v>
      </c>
      <c r="S7" s="191">
        <v>43</v>
      </c>
      <c r="T7" s="191">
        <v>107</v>
      </c>
      <c r="U7" s="191">
        <v>299</v>
      </c>
      <c r="V7" s="191">
        <v>464</v>
      </c>
      <c r="W7" s="196">
        <v>927</v>
      </c>
      <c r="X7" s="195">
        <v>938</v>
      </c>
      <c r="Y7" s="190">
        <v>471</v>
      </c>
      <c r="Z7" s="191">
        <v>2143</v>
      </c>
      <c r="AA7" s="196">
        <v>2614</v>
      </c>
      <c r="AB7" s="193">
        <v>0</v>
      </c>
      <c r="AC7" s="191">
        <v>3612</v>
      </c>
      <c r="AD7" s="191">
        <v>8319</v>
      </c>
      <c r="AE7" s="191">
        <v>5114</v>
      </c>
      <c r="AF7" s="191">
        <v>3631</v>
      </c>
      <c r="AG7" s="191">
        <v>2021</v>
      </c>
      <c r="AH7" s="196">
        <v>22697</v>
      </c>
      <c r="AI7" s="195">
        <v>25311</v>
      </c>
      <c r="AJ7" s="190">
        <v>74</v>
      </c>
      <c r="AK7" s="191">
        <v>283</v>
      </c>
      <c r="AL7" s="196">
        <v>357</v>
      </c>
      <c r="AM7" s="193">
        <v>0</v>
      </c>
      <c r="AN7" s="191">
        <v>332</v>
      </c>
      <c r="AO7" s="191">
        <v>531</v>
      </c>
      <c r="AP7" s="191">
        <v>370</v>
      </c>
      <c r="AQ7" s="191">
        <v>217</v>
      </c>
      <c r="AR7" s="191">
        <v>107</v>
      </c>
      <c r="AS7" s="196">
        <v>1557</v>
      </c>
      <c r="AT7" s="195">
        <v>1914</v>
      </c>
      <c r="AU7" s="190">
        <v>0</v>
      </c>
      <c r="AV7" s="191">
        <v>0</v>
      </c>
      <c r="AW7" s="196">
        <v>0</v>
      </c>
      <c r="AX7" s="193">
        <v>0</v>
      </c>
      <c r="AY7" s="191">
        <v>4434</v>
      </c>
      <c r="AZ7" s="191">
        <v>5065</v>
      </c>
      <c r="BA7" s="191">
        <v>2666</v>
      </c>
      <c r="BB7" s="191">
        <v>1254</v>
      </c>
      <c r="BC7" s="191">
        <v>679</v>
      </c>
      <c r="BD7" s="194">
        <v>14098</v>
      </c>
      <c r="BE7" s="195">
        <v>14098</v>
      </c>
      <c r="BF7" s="190">
        <v>0</v>
      </c>
      <c r="BG7" s="191">
        <v>0</v>
      </c>
      <c r="BH7" s="196">
        <v>0</v>
      </c>
      <c r="BI7" s="193">
        <v>0</v>
      </c>
      <c r="BJ7" s="191">
        <v>938</v>
      </c>
      <c r="BK7" s="191">
        <v>1811</v>
      </c>
      <c r="BL7" s="191">
        <v>1151</v>
      </c>
      <c r="BM7" s="191">
        <v>553</v>
      </c>
      <c r="BN7" s="191">
        <v>127</v>
      </c>
      <c r="BO7" s="196">
        <v>4580</v>
      </c>
      <c r="BP7" s="195">
        <v>4580</v>
      </c>
      <c r="BQ7" s="190">
        <v>9</v>
      </c>
      <c r="BR7" s="191">
        <v>91</v>
      </c>
      <c r="BS7" s="196">
        <v>100</v>
      </c>
      <c r="BT7" s="193">
        <v>0</v>
      </c>
      <c r="BU7" s="191">
        <v>427</v>
      </c>
      <c r="BV7" s="191">
        <v>952</v>
      </c>
      <c r="BW7" s="191">
        <v>1474</v>
      </c>
      <c r="BX7" s="191">
        <v>1062</v>
      </c>
      <c r="BY7" s="191">
        <v>414</v>
      </c>
      <c r="BZ7" s="196">
        <v>4329</v>
      </c>
      <c r="CA7" s="195">
        <v>4429</v>
      </c>
      <c r="CB7" s="190">
        <v>0</v>
      </c>
      <c r="CC7" s="191">
        <v>3</v>
      </c>
      <c r="CD7" s="196">
        <v>3</v>
      </c>
      <c r="CE7" s="193">
        <v>0</v>
      </c>
      <c r="CF7" s="191">
        <v>24</v>
      </c>
      <c r="CG7" s="191">
        <v>102</v>
      </c>
      <c r="CH7" s="191">
        <v>229</v>
      </c>
      <c r="CI7" s="191">
        <v>165</v>
      </c>
      <c r="CJ7" s="191">
        <v>133</v>
      </c>
      <c r="CK7" s="196">
        <v>653</v>
      </c>
      <c r="CL7" s="195">
        <v>656</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0</v>
      </c>
      <c r="D8" s="191">
        <v>0</v>
      </c>
      <c r="E8" s="192">
        <v>0</v>
      </c>
      <c r="F8" s="193">
        <v>0</v>
      </c>
      <c r="G8" s="191">
        <v>1846</v>
      </c>
      <c r="H8" s="191">
        <v>2390</v>
      </c>
      <c r="I8" s="191">
        <v>2438</v>
      </c>
      <c r="J8" s="191">
        <v>3163</v>
      </c>
      <c r="K8" s="191">
        <v>2132</v>
      </c>
      <c r="L8" s="194">
        <v>11969</v>
      </c>
      <c r="M8" s="195">
        <v>11969</v>
      </c>
      <c r="N8" s="190">
        <v>0</v>
      </c>
      <c r="O8" s="191">
        <v>0</v>
      </c>
      <c r="P8" s="196">
        <v>0</v>
      </c>
      <c r="Q8" s="193">
        <v>0</v>
      </c>
      <c r="R8" s="191">
        <v>0</v>
      </c>
      <c r="S8" s="191">
        <v>10</v>
      </c>
      <c r="T8" s="191">
        <v>11</v>
      </c>
      <c r="U8" s="191">
        <v>44</v>
      </c>
      <c r="V8" s="191">
        <v>103</v>
      </c>
      <c r="W8" s="196">
        <v>168</v>
      </c>
      <c r="X8" s="195">
        <v>168</v>
      </c>
      <c r="Y8" s="190">
        <v>186</v>
      </c>
      <c r="Z8" s="191">
        <v>400</v>
      </c>
      <c r="AA8" s="196">
        <v>586</v>
      </c>
      <c r="AB8" s="193">
        <v>0</v>
      </c>
      <c r="AC8" s="191">
        <v>1418</v>
      </c>
      <c r="AD8" s="191">
        <v>1656</v>
      </c>
      <c r="AE8" s="191">
        <v>978</v>
      </c>
      <c r="AF8" s="191">
        <v>996</v>
      </c>
      <c r="AG8" s="191">
        <v>583</v>
      </c>
      <c r="AH8" s="196">
        <v>5631</v>
      </c>
      <c r="AI8" s="195">
        <v>6217</v>
      </c>
      <c r="AJ8" s="190">
        <v>18</v>
      </c>
      <c r="AK8" s="191">
        <v>28</v>
      </c>
      <c r="AL8" s="196">
        <v>46</v>
      </c>
      <c r="AM8" s="193">
        <v>0</v>
      </c>
      <c r="AN8" s="191">
        <v>140</v>
      </c>
      <c r="AO8" s="191">
        <v>172</v>
      </c>
      <c r="AP8" s="191">
        <v>51</v>
      </c>
      <c r="AQ8" s="191">
        <v>95</v>
      </c>
      <c r="AR8" s="191">
        <v>40</v>
      </c>
      <c r="AS8" s="196">
        <v>498</v>
      </c>
      <c r="AT8" s="195">
        <v>544</v>
      </c>
      <c r="AU8" s="190">
        <v>0</v>
      </c>
      <c r="AV8" s="191">
        <v>0</v>
      </c>
      <c r="AW8" s="196">
        <v>0</v>
      </c>
      <c r="AX8" s="193">
        <v>0</v>
      </c>
      <c r="AY8" s="191">
        <v>1782</v>
      </c>
      <c r="AZ8" s="191">
        <v>1693</v>
      </c>
      <c r="BA8" s="191">
        <v>673</v>
      </c>
      <c r="BB8" s="191">
        <v>505</v>
      </c>
      <c r="BC8" s="191">
        <v>156</v>
      </c>
      <c r="BD8" s="194">
        <v>4809</v>
      </c>
      <c r="BE8" s="195">
        <v>4809</v>
      </c>
      <c r="BF8" s="190">
        <v>0</v>
      </c>
      <c r="BG8" s="191">
        <v>0</v>
      </c>
      <c r="BH8" s="196">
        <v>0</v>
      </c>
      <c r="BI8" s="193">
        <v>0</v>
      </c>
      <c r="BJ8" s="191">
        <v>321</v>
      </c>
      <c r="BK8" s="191">
        <v>449</v>
      </c>
      <c r="BL8" s="191">
        <v>197</v>
      </c>
      <c r="BM8" s="191">
        <v>197</v>
      </c>
      <c r="BN8" s="191">
        <v>54</v>
      </c>
      <c r="BO8" s="196">
        <v>1218</v>
      </c>
      <c r="BP8" s="195">
        <v>1218</v>
      </c>
      <c r="BQ8" s="190">
        <v>25</v>
      </c>
      <c r="BR8" s="191">
        <v>10</v>
      </c>
      <c r="BS8" s="196">
        <v>35</v>
      </c>
      <c r="BT8" s="193">
        <v>0</v>
      </c>
      <c r="BU8" s="191">
        <v>115</v>
      </c>
      <c r="BV8" s="191">
        <v>215</v>
      </c>
      <c r="BW8" s="191">
        <v>253</v>
      </c>
      <c r="BX8" s="191">
        <v>160</v>
      </c>
      <c r="BY8" s="191">
        <v>89</v>
      </c>
      <c r="BZ8" s="196">
        <v>832</v>
      </c>
      <c r="CA8" s="195">
        <v>867</v>
      </c>
      <c r="CB8" s="190">
        <v>0</v>
      </c>
      <c r="CC8" s="191">
        <v>0</v>
      </c>
      <c r="CD8" s="196">
        <v>0</v>
      </c>
      <c r="CE8" s="193">
        <v>0</v>
      </c>
      <c r="CF8" s="191">
        <v>10</v>
      </c>
      <c r="CG8" s="191">
        <v>22</v>
      </c>
      <c r="CH8" s="191">
        <v>34</v>
      </c>
      <c r="CI8" s="191">
        <v>91</v>
      </c>
      <c r="CJ8" s="191">
        <v>36</v>
      </c>
      <c r="CK8" s="196">
        <v>193</v>
      </c>
      <c r="CL8" s="195">
        <v>193</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1">
        <v>0</v>
      </c>
      <c r="E9" s="192">
        <v>0</v>
      </c>
      <c r="F9" s="193">
        <v>0</v>
      </c>
      <c r="G9" s="191">
        <v>611</v>
      </c>
      <c r="H9" s="191">
        <v>1516</v>
      </c>
      <c r="I9" s="191">
        <v>1557</v>
      </c>
      <c r="J9" s="191">
        <v>1333</v>
      </c>
      <c r="K9" s="191">
        <v>1277</v>
      </c>
      <c r="L9" s="194">
        <v>6294</v>
      </c>
      <c r="M9" s="195">
        <v>6294</v>
      </c>
      <c r="N9" s="190">
        <v>0</v>
      </c>
      <c r="O9" s="191">
        <v>0</v>
      </c>
      <c r="P9" s="196">
        <v>0</v>
      </c>
      <c r="Q9" s="193">
        <v>0</v>
      </c>
      <c r="R9" s="191">
        <v>0</v>
      </c>
      <c r="S9" s="191">
        <v>0</v>
      </c>
      <c r="T9" s="191">
        <v>17</v>
      </c>
      <c r="U9" s="191">
        <v>31</v>
      </c>
      <c r="V9" s="191">
        <v>40</v>
      </c>
      <c r="W9" s="196">
        <v>88</v>
      </c>
      <c r="X9" s="195">
        <v>88</v>
      </c>
      <c r="Y9" s="190">
        <v>81</v>
      </c>
      <c r="Z9" s="191">
        <v>172</v>
      </c>
      <c r="AA9" s="196">
        <v>253</v>
      </c>
      <c r="AB9" s="193">
        <v>0</v>
      </c>
      <c r="AC9" s="191">
        <v>308</v>
      </c>
      <c r="AD9" s="191">
        <v>872</v>
      </c>
      <c r="AE9" s="191">
        <v>557</v>
      </c>
      <c r="AF9" s="191">
        <v>401</v>
      </c>
      <c r="AG9" s="191">
        <v>309</v>
      </c>
      <c r="AH9" s="196">
        <v>2447</v>
      </c>
      <c r="AI9" s="195">
        <v>2700</v>
      </c>
      <c r="AJ9" s="190">
        <v>15</v>
      </c>
      <c r="AK9" s="191">
        <v>8</v>
      </c>
      <c r="AL9" s="196">
        <v>23</v>
      </c>
      <c r="AM9" s="193">
        <v>0</v>
      </c>
      <c r="AN9" s="191">
        <v>16</v>
      </c>
      <c r="AO9" s="191">
        <v>32</v>
      </c>
      <c r="AP9" s="191">
        <v>23</v>
      </c>
      <c r="AQ9" s="191">
        <v>56</v>
      </c>
      <c r="AR9" s="191">
        <v>0</v>
      </c>
      <c r="AS9" s="196">
        <v>127</v>
      </c>
      <c r="AT9" s="195">
        <v>150</v>
      </c>
      <c r="AU9" s="190">
        <v>0</v>
      </c>
      <c r="AV9" s="191">
        <v>0</v>
      </c>
      <c r="AW9" s="196">
        <v>0</v>
      </c>
      <c r="AX9" s="193">
        <v>0</v>
      </c>
      <c r="AY9" s="191">
        <v>768</v>
      </c>
      <c r="AZ9" s="191">
        <v>1104</v>
      </c>
      <c r="BA9" s="191">
        <v>955</v>
      </c>
      <c r="BB9" s="191">
        <v>479</v>
      </c>
      <c r="BC9" s="191">
        <v>97</v>
      </c>
      <c r="BD9" s="194">
        <v>3403</v>
      </c>
      <c r="BE9" s="195">
        <v>3403</v>
      </c>
      <c r="BF9" s="190">
        <v>0</v>
      </c>
      <c r="BG9" s="191">
        <v>0</v>
      </c>
      <c r="BH9" s="196">
        <v>0</v>
      </c>
      <c r="BI9" s="193">
        <v>0</v>
      </c>
      <c r="BJ9" s="191">
        <v>74</v>
      </c>
      <c r="BK9" s="191">
        <v>191</v>
      </c>
      <c r="BL9" s="191">
        <v>83</v>
      </c>
      <c r="BM9" s="191">
        <v>60</v>
      </c>
      <c r="BN9" s="191">
        <v>10</v>
      </c>
      <c r="BO9" s="196">
        <v>418</v>
      </c>
      <c r="BP9" s="195">
        <v>418</v>
      </c>
      <c r="BQ9" s="190">
        <v>5</v>
      </c>
      <c r="BR9" s="191">
        <v>0</v>
      </c>
      <c r="BS9" s="196">
        <v>5</v>
      </c>
      <c r="BT9" s="193">
        <v>0</v>
      </c>
      <c r="BU9" s="191">
        <v>33</v>
      </c>
      <c r="BV9" s="191">
        <v>114</v>
      </c>
      <c r="BW9" s="191">
        <v>380</v>
      </c>
      <c r="BX9" s="191">
        <v>279</v>
      </c>
      <c r="BY9" s="191">
        <v>114</v>
      </c>
      <c r="BZ9" s="196">
        <v>920</v>
      </c>
      <c r="CA9" s="195">
        <v>925</v>
      </c>
      <c r="CB9" s="190">
        <v>0</v>
      </c>
      <c r="CC9" s="191">
        <v>0</v>
      </c>
      <c r="CD9" s="196">
        <v>0</v>
      </c>
      <c r="CE9" s="193">
        <v>0</v>
      </c>
      <c r="CF9" s="191">
        <v>0</v>
      </c>
      <c r="CG9" s="191">
        <v>5</v>
      </c>
      <c r="CH9" s="191">
        <v>6</v>
      </c>
      <c r="CI9" s="191">
        <v>13</v>
      </c>
      <c r="CJ9" s="191">
        <v>5</v>
      </c>
      <c r="CK9" s="196">
        <v>29</v>
      </c>
      <c r="CL9" s="195">
        <v>29</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1">
        <v>0</v>
      </c>
      <c r="E10" s="192">
        <v>0</v>
      </c>
      <c r="F10" s="193">
        <v>0</v>
      </c>
      <c r="G10" s="191">
        <v>1191</v>
      </c>
      <c r="H10" s="191">
        <v>1352</v>
      </c>
      <c r="I10" s="191">
        <v>1675</v>
      </c>
      <c r="J10" s="191">
        <v>1783</v>
      </c>
      <c r="K10" s="191">
        <v>1114</v>
      </c>
      <c r="L10" s="194">
        <v>7115</v>
      </c>
      <c r="M10" s="195">
        <v>7115</v>
      </c>
      <c r="N10" s="190">
        <v>0</v>
      </c>
      <c r="O10" s="191">
        <v>0</v>
      </c>
      <c r="P10" s="196">
        <v>0</v>
      </c>
      <c r="Q10" s="193">
        <v>0</v>
      </c>
      <c r="R10" s="191">
        <v>2</v>
      </c>
      <c r="S10" s="191">
        <v>18</v>
      </c>
      <c r="T10" s="191">
        <v>18</v>
      </c>
      <c r="U10" s="191">
        <v>28</v>
      </c>
      <c r="V10" s="191">
        <v>69</v>
      </c>
      <c r="W10" s="196">
        <v>135</v>
      </c>
      <c r="X10" s="195">
        <v>135</v>
      </c>
      <c r="Y10" s="190">
        <v>15</v>
      </c>
      <c r="Z10" s="191">
        <v>10</v>
      </c>
      <c r="AA10" s="196">
        <v>25</v>
      </c>
      <c r="AB10" s="193">
        <v>0</v>
      </c>
      <c r="AC10" s="191">
        <v>474</v>
      </c>
      <c r="AD10" s="191">
        <v>442</v>
      </c>
      <c r="AE10" s="191">
        <v>168</v>
      </c>
      <c r="AF10" s="191">
        <v>236</v>
      </c>
      <c r="AG10" s="191">
        <v>229</v>
      </c>
      <c r="AH10" s="196">
        <v>1549</v>
      </c>
      <c r="AI10" s="195">
        <v>1574</v>
      </c>
      <c r="AJ10" s="190">
        <v>0</v>
      </c>
      <c r="AK10" s="191">
        <v>14</v>
      </c>
      <c r="AL10" s="196">
        <v>14</v>
      </c>
      <c r="AM10" s="193">
        <v>0</v>
      </c>
      <c r="AN10" s="191">
        <v>112</v>
      </c>
      <c r="AO10" s="191">
        <v>41</v>
      </c>
      <c r="AP10" s="191">
        <v>46</v>
      </c>
      <c r="AQ10" s="191">
        <v>66</v>
      </c>
      <c r="AR10" s="191">
        <v>0</v>
      </c>
      <c r="AS10" s="196">
        <v>265</v>
      </c>
      <c r="AT10" s="195">
        <v>279</v>
      </c>
      <c r="AU10" s="190">
        <v>0</v>
      </c>
      <c r="AV10" s="191">
        <v>0</v>
      </c>
      <c r="AW10" s="196">
        <v>0</v>
      </c>
      <c r="AX10" s="193">
        <v>0</v>
      </c>
      <c r="AY10" s="191">
        <v>1147</v>
      </c>
      <c r="AZ10" s="191">
        <v>639</v>
      </c>
      <c r="BA10" s="191">
        <v>431</v>
      </c>
      <c r="BB10" s="191">
        <v>148</v>
      </c>
      <c r="BC10" s="191">
        <v>93</v>
      </c>
      <c r="BD10" s="194">
        <v>2458</v>
      </c>
      <c r="BE10" s="195">
        <v>2458</v>
      </c>
      <c r="BF10" s="190">
        <v>0</v>
      </c>
      <c r="BG10" s="191">
        <v>0</v>
      </c>
      <c r="BH10" s="196">
        <v>0</v>
      </c>
      <c r="BI10" s="193">
        <v>0</v>
      </c>
      <c r="BJ10" s="191">
        <v>184</v>
      </c>
      <c r="BK10" s="191">
        <v>204</v>
      </c>
      <c r="BL10" s="191">
        <v>80</v>
      </c>
      <c r="BM10" s="191">
        <v>41</v>
      </c>
      <c r="BN10" s="191">
        <v>25</v>
      </c>
      <c r="BO10" s="196">
        <v>534</v>
      </c>
      <c r="BP10" s="195">
        <v>534</v>
      </c>
      <c r="BQ10" s="190">
        <v>13</v>
      </c>
      <c r="BR10" s="191">
        <v>5</v>
      </c>
      <c r="BS10" s="196">
        <v>18</v>
      </c>
      <c r="BT10" s="193">
        <v>0</v>
      </c>
      <c r="BU10" s="191">
        <v>151</v>
      </c>
      <c r="BV10" s="191">
        <v>350</v>
      </c>
      <c r="BW10" s="191">
        <v>243</v>
      </c>
      <c r="BX10" s="191">
        <v>133</v>
      </c>
      <c r="BY10" s="191">
        <v>112</v>
      </c>
      <c r="BZ10" s="196">
        <v>989</v>
      </c>
      <c r="CA10" s="195">
        <v>1007</v>
      </c>
      <c r="CB10" s="190">
        <v>0</v>
      </c>
      <c r="CC10" s="191">
        <v>0</v>
      </c>
      <c r="CD10" s="196">
        <v>0</v>
      </c>
      <c r="CE10" s="193">
        <v>0</v>
      </c>
      <c r="CF10" s="191">
        <v>8</v>
      </c>
      <c r="CG10" s="191">
        <v>9</v>
      </c>
      <c r="CH10" s="191">
        <v>4</v>
      </c>
      <c r="CI10" s="191">
        <v>19</v>
      </c>
      <c r="CJ10" s="191">
        <v>0</v>
      </c>
      <c r="CK10" s="196">
        <v>40</v>
      </c>
      <c r="CL10" s="195">
        <v>40</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1">
        <v>0</v>
      </c>
      <c r="E11" s="192">
        <v>0</v>
      </c>
      <c r="F11" s="193">
        <v>0</v>
      </c>
      <c r="G11" s="191">
        <v>271</v>
      </c>
      <c r="H11" s="191">
        <v>419</v>
      </c>
      <c r="I11" s="191">
        <v>680</v>
      </c>
      <c r="J11" s="191">
        <v>640</v>
      </c>
      <c r="K11" s="191">
        <v>820</v>
      </c>
      <c r="L11" s="194">
        <v>2830</v>
      </c>
      <c r="M11" s="195">
        <v>2830</v>
      </c>
      <c r="N11" s="190">
        <v>0</v>
      </c>
      <c r="O11" s="191">
        <v>0</v>
      </c>
      <c r="P11" s="196">
        <v>0</v>
      </c>
      <c r="Q11" s="193">
        <v>0</v>
      </c>
      <c r="R11" s="191">
        <v>0</v>
      </c>
      <c r="S11" s="191">
        <v>8</v>
      </c>
      <c r="T11" s="191">
        <v>9</v>
      </c>
      <c r="U11" s="191">
        <v>0</v>
      </c>
      <c r="V11" s="191">
        <v>18</v>
      </c>
      <c r="W11" s="196">
        <v>35</v>
      </c>
      <c r="X11" s="195">
        <v>35</v>
      </c>
      <c r="Y11" s="190">
        <v>17</v>
      </c>
      <c r="Z11" s="191">
        <v>18</v>
      </c>
      <c r="AA11" s="196">
        <v>35</v>
      </c>
      <c r="AB11" s="193">
        <v>0</v>
      </c>
      <c r="AC11" s="191">
        <v>137</v>
      </c>
      <c r="AD11" s="191">
        <v>235</v>
      </c>
      <c r="AE11" s="191">
        <v>124</v>
      </c>
      <c r="AF11" s="191">
        <v>132</v>
      </c>
      <c r="AG11" s="191">
        <v>100</v>
      </c>
      <c r="AH11" s="196">
        <v>728</v>
      </c>
      <c r="AI11" s="195">
        <v>763</v>
      </c>
      <c r="AJ11" s="190">
        <v>12</v>
      </c>
      <c r="AK11" s="191">
        <v>28</v>
      </c>
      <c r="AL11" s="196">
        <v>40</v>
      </c>
      <c r="AM11" s="193">
        <v>0</v>
      </c>
      <c r="AN11" s="191">
        <v>50</v>
      </c>
      <c r="AO11" s="191">
        <v>54</v>
      </c>
      <c r="AP11" s="191">
        <v>32</v>
      </c>
      <c r="AQ11" s="191">
        <v>31</v>
      </c>
      <c r="AR11" s="191">
        <v>10</v>
      </c>
      <c r="AS11" s="196">
        <v>177</v>
      </c>
      <c r="AT11" s="195">
        <v>217</v>
      </c>
      <c r="AU11" s="190">
        <v>0</v>
      </c>
      <c r="AV11" s="191">
        <v>0</v>
      </c>
      <c r="AW11" s="196">
        <v>0</v>
      </c>
      <c r="AX11" s="193">
        <v>0</v>
      </c>
      <c r="AY11" s="191">
        <v>322</v>
      </c>
      <c r="AZ11" s="191">
        <v>328</v>
      </c>
      <c r="BA11" s="191">
        <v>122</v>
      </c>
      <c r="BB11" s="191">
        <v>176</v>
      </c>
      <c r="BC11" s="191">
        <v>74</v>
      </c>
      <c r="BD11" s="194">
        <v>1022</v>
      </c>
      <c r="BE11" s="195">
        <v>1022</v>
      </c>
      <c r="BF11" s="190">
        <v>0</v>
      </c>
      <c r="BG11" s="191">
        <v>0</v>
      </c>
      <c r="BH11" s="196">
        <v>0</v>
      </c>
      <c r="BI11" s="193">
        <v>0</v>
      </c>
      <c r="BJ11" s="191">
        <v>94</v>
      </c>
      <c r="BK11" s="191">
        <v>79</v>
      </c>
      <c r="BL11" s="191">
        <v>30</v>
      </c>
      <c r="BM11" s="191">
        <v>8</v>
      </c>
      <c r="BN11" s="191">
        <v>9</v>
      </c>
      <c r="BO11" s="196">
        <v>220</v>
      </c>
      <c r="BP11" s="195">
        <v>220</v>
      </c>
      <c r="BQ11" s="190">
        <v>0</v>
      </c>
      <c r="BR11" s="191">
        <v>10</v>
      </c>
      <c r="BS11" s="196">
        <v>10</v>
      </c>
      <c r="BT11" s="193">
        <v>0</v>
      </c>
      <c r="BU11" s="191">
        <v>24</v>
      </c>
      <c r="BV11" s="191">
        <v>41</v>
      </c>
      <c r="BW11" s="191">
        <v>120</v>
      </c>
      <c r="BX11" s="191">
        <v>46</v>
      </c>
      <c r="BY11" s="191">
        <v>40</v>
      </c>
      <c r="BZ11" s="196">
        <v>271</v>
      </c>
      <c r="CA11" s="195">
        <v>281</v>
      </c>
      <c r="CB11" s="190">
        <v>0</v>
      </c>
      <c r="CC11" s="191">
        <v>0</v>
      </c>
      <c r="CD11" s="196">
        <v>0</v>
      </c>
      <c r="CE11" s="193">
        <v>0</v>
      </c>
      <c r="CF11" s="191">
        <v>0</v>
      </c>
      <c r="CG11" s="191">
        <v>3</v>
      </c>
      <c r="CH11" s="191">
        <v>0</v>
      </c>
      <c r="CI11" s="191">
        <v>0</v>
      </c>
      <c r="CJ11" s="191">
        <v>0</v>
      </c>
      <c r="CK11" s="196">
        <v>3</v>
      </c>
      <c r="CL11" s="195">
        <v>3</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1">
        <v>0</v>
      </c>
      <c r="E12" s="192">
        <v>0</v>
      </c>
      <c r="F12" s="193">
        <v>0</v>
      </c>
      <c r="G12" s="191">
        <v>549</v>
      </c>
      <c r="H12" s="191">
        <v>609</v>
      </c>
      <c r="I12" s="191">
        <v>1110</v>
      </c>
      <c r="J12" s="191">
        <v>1580</v>
      </c>
      <c r="K12" s="191">
        <v>635</v>
      </c>
      <c r="L12" s="194">
        <v>4483</v>
      </c>
      <c r="M12" s="195">
        <v>4483</v>
      </c>
      <c r="N12" s="190">
        <v>0</v>
      </c>
      <c r="O12" s="191">
        <v>0</v>
      </c>
      <c r="P12" s="196">
        <v>0</v>
      </c>
      <c r="Q12" s="193">
        <v>0</v>
      </c>
      <c r="R12" s="191">
        <v>0</v>
      </c>
      <c r="S12" s="191">
        <v>4</v>
      </c>
      <c r="T12" s="191">
        <v>0</v>
      </c>
      <c r="U12" s="191">
        <v>1</v>
      </c>
      <c r="V12" s="191">
        <v>29</v>
      </c>
      <c r="W12" s="196">
        <v>34</v>
      </c>
      <c r="X12" s="195">
        <v>34</v>
      </c>
      <c r="Y12" s="190">
        <v>57</v>
      </c>
      <c r="Z12" s="191">
        <v>78</v>
      </c>
      <c r="AA12" s="196">
        <v>135</v>
      </c>
      <c r="AB12" s="193">
        <v>0</v>
      </c>
      <c r="AC12" s="191">
        <v>415</v>
      </c>
      <c r="AD12" s="191">
        <v>197</v>
      </c>
      <c r="AE12" s="191">
        <v>247</v>
      </c>
      <c r="AF12" s="191">
        <v>273</v>
      </c>
      <c r="AG12" s="191">
        <v>160</v>
      </c>
      <c r="AH12" s="196">
        <v>1292</v>
      </c>
      <c r="AI12" s="195">
        <v>1427</v>
      </c>
      <c r="AJ12" s="190">
        <v>0</v>
      </c>
      <c r="AK12" s="191">
        <v>12</v>
      </c>
      <c r="AL12" s="196">
        <v>12</v>
      </c>
      <c r="AM12" s="193">
        <v>0</v>
      </c>
      <c r="AN12" s="191">
        <v>39</v>
      </c>
      <c r="AO12" s="191">
        <v>22</v>
      </c>
      <c r="AP12" s="191">
        <v>0</v>
      </c>
      <c r="AQ12" s="191">
        <v>36</v>
      </c>
      <c r="AR12" s="191">
        <v>25</v>
      </c>
      <c r="AS12" s="196">
        <v>122</v>
      </c>
      <c r="AT12" s="195">
        <v>134</v>
      </c>
      <c r="AU12" s="190">
        <v>0</v>
      </c>
      <c r="AV12" s="191">
        <v>0</v>
      </c>
      <c r="AW12" s="196">
        <v>0</v>
      </c>
      <c r="AX12" s="193">
        <v>0</v>
      </c>
      <c r="AY12" s="191">
        <v>419</v>
      </c>
      <c r="AZ12" s="191">
        <v>212</v>
      </c>
      <c r="BA12" s="191">
        <v>265</v>
      </c>
      <c r="BB12" s="191">
        <v>75</v>
      </c>
      <c r="BC12" s="191">
        <v>36</v>
      </c>
      <c r="BD12" s="194">
        <v>1007</v>
      </c>
      <c r="BE12" s="195">
        <v>1007</v>
      </c>
      <c r="BF12" s="190">
        <v>0</v>
      </c>
      <c r="BG12" s="191">
        <v>0</v>
      </c>
      <c r="BH12" s="196">
        <v>0</v>
      </c>
      <c r="BI12" s="193">
        <v>0</v>
      </c>
      <c r="BJ12" s="191">
        <v>105</v>
      </c>
      <c r="BK12" s="191">
        <v>100</v>
      </c>
      <c r="BL12" s="191">
        <v>84</v>
      </c>
      <c r="BM12" s="191">
        <v>97</v>
      </c>
      <c r="BN12" s="191">
        <v>3</v>
      </c>
      <c r="BO12" s="196">
        <v>389</v>
      </c>
      <c r="BP12" s="195">
        <v>389</v>
      </c>
      <c r="BQ12" s="190">
        <v>0</v>
      </c>
      <c r="BR12" s="191">
        <v>0</v>
      </c>
      <c r="BS12" s="196">
        <v>0</v>
      </c>
      <c r="BT12" s="193">
        <v>0</v>
      </c>
      <c r="BU12" s="191">
        <v>55</v>
      </c>
      <c r="BV12" s="191">
        <v>38</v>
      </c>
      <c r="BW12" s="191">
        <v>84</v>
      </c>
      <c r="BX12" s="191">
        <v>34</v>
      </c>
      <c r="BY12" s="191">
        <v>28</v>
      </c>
      <c r="BZ12" s="196">
        <v>239</v>
      </c>
      <c r="CA12" s="195">
        <v>239</v>
      </c>
      <c r="CB12" s="190">
        <v>0</v>
      </c>
      <c r="CC12" s="191">
        <v>0</v>
      </c>
      <c r="CD12" s="196">
        <v>0</v>
      </c>
      <c r="CE12" s="193">
        <v>0</v>
      </c>
      <c r="CF12" s="191">
        <v>7</v>
      </c>
      <c r="CG12" s="191">
        <v>0</v>
      </c>
      <c r="CH12" s="191">
        <v>26</v>
      </c>
      <c r="CI12" s="191">
        <v>8</v>
      </c>
      <c r="CJ12" s="191">
        <v>4</v>
      </c>
      <c r="CK12" s="196">
        <v>45</v>
      </c>
      <c r="CL12" s="195">
        <v>45</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1">
        <v>0</v>
      </c>
      <c r="E13" s="192">
        <v>0</v>
      </c>
      <c r="F13" s="193">
        <v>0</v>
      </c>
      <c r="G13" s="191">
        <v>1051</v>
      </c>
      <c r="H13" s="191">
        <v>1085</v>
      </c>
      <c r="I13" s="191">
        <v>983</v>
      </c>
      <c r="J13" s="191">
        <v>1956</v>
      </c>
      <c r="K13" s="191">
        <v>1964</v>
      </c>
      <c r="L13" s="194">
        <v>7039</v>
      </c>
      <c r="M13" s="195">
        <v>7039</v>
      </c>
      <c r="N13" s="190">
        <v>0</v>
      </c>
      <c r="O13" s="191">
        <v>0</v>
      </c>
      <c r="P13" s="196">
        <v>0</v>
      </c>
      <c r="Q13" s="193">
        <v>0</v>
      </c>
      <c r="R13" s="191">
        <v>0</v>
      </c>
      <c r="S13" s="191">
        <v>4</v>
      </c>
      <c r="T13" s="191">
        <v>13</v>
      </c>
      <c r="U13" s="191">
        <v>18</v>
      </c>
      <c r="V13" s="191">
        <v>71</v>
      </c>
      <c r="W13" s="196">
        <v>106</v>
      </c>
      <c r="X13" s="195">
        <v>106</v>
      </c>
      <c r="Y13" s="190">
        <v>112</v>
      </c>
      <c r="Z13" s="191">
        <v>125</v>
      </c>
      <c r="AA13" s="196">
        <v>237</v>
      </c>
      <c r="AB13" s="193">
        <v>0</v>
      </c>
      <c r="AC13" s="191">
        <v>591</v>
      </c>
      <c r="AD13" s="191">
        <v>291</v>
      </c>
      <c r="AE13" s="191">
        <v>301</v>
      </c>
      <c r="AF13" s="191">
        <v>374</v>
      </c>
      <c r="AG13" s="191">
        <v>200</v>
      </c>
      <c r="AH13" s="196">
        <v>1757</v>
      </c>
      <c r="AI13" s="195">
        <v>1994</v>
      </c>
      <c r="AJ13" s="190">
        <v>12</v>
      </c>
      <c r="AK13" s="191">
        <v>27</v>
      </c>
      <c r="AL13" s="196">
        <v>39</v>
      </c>
      <c r="AM13" s="193">
        <v>0</v>
      </c>
      <c r="AN13" s="191">
        <v>58</v>
      </c>
      <c r="AO13" s="191">
        <v>84</v>
      </c>
      <c r="AP13" s="191">
        <v>42</v>
      </c>
      <c r="AQ13" s="191">
        <v>54</v>
      </c>
      <c r="AR13" s="191">
        <v>78</v>
      </c>
      <c r="AS13" s="196">
        <v>316</v>
      </c>
      <c r="AT13" s="195">
        <v>355</v>
      </c>
      <c r="AU13" s="190">
        <v>0</v>
      </c>
      <c r="AV13" s="191">
        <v>0</v>
      </c>
      <c r="AW13" s="196">
        <v>0</v>
      </c>
      <c r="AX13" s="193">
        <v>0</v>
      </c>
      <c r="AY13" s="191">
        <v>1057</v>
      </c>
      <c r="AZ13" s="191">
        <v>512</v>
      </c>
      <c r="BA13" s="191">
        <v>234</v>
      </c>
      <c r="BB13" s="191">
        <v>182</v>
      </c>
      <c r="BC13" s="191">
        <v>78</v>
      </c>
      <c r="BD13" s="194">
        <v>2063</v>
      </c>
      <c r="BE13" s="195">
        <v>2063</v>
      </c>
      <c r="BF13" s="190">
        <v>0</v>
      </c>
      <c r="BG13" s="191">
        <v>0</v>
      </c>
      <c r="BH13" s="196">
        <v>0</v>
      </c>
      <c r="BI13" s="193">
        <v>0</v>
      </c>
      <c r="BJ13" s="191">
        <v>168</v>
      </c>
      <c r="BK13" s="191">
        <v>69</v>
      </c>
      <c r="BL13" s="191">
        <v>89</v>
      </c>
      <c r="BM13" s="191">
        <v>12</v>
      </c>
      <c r="BN13" s="191">
        <v>23</v>
      </c>
      <c r="BO13" s="196">
        <v>361</v>
      </c>
      <c r="BP13" s="195">
        <v>361</v>
      </c>
      <c r="BQ13" s="190">
        <v>0</v>
      </c>
      <c r="BR13" s="191">
        <v>7</v>
      </c>
      <c r="BS13" s="196">
        <v>7</v>
      </c>
      <c r="BT13" s="193">
        <v>0</v>
      </c>
      <c r="BU13" s="191">
        <v>167</v>
      </c>
      <c r="BV13" s="191">
        <v>84</v>
      </c>
      <c r="BW13" s="191">
        <v>139</v>
      </c>
      <c r="BX13" s="191">
        <v>109</v>
      </c>
      <c r="BY13" s="191">
        <v>41</v>
      </c>
      <c r="BZ13" s="196">
        <v>540</v>
      </c>
      <c r="CA13" s="195">
        <v>547</v>
      </c>
      <c r="CB13" s="190">
        <v>0</v>
      </c>
      <c r="CC13" s="191">
        <v>0</v>
      </c>
      <c r="CD13" s="196">
        <v>0</v>
      </c>
      <c r="CE13" s="193">
        <v>0</v>
      </c>
      <c r="CF13" s="191">
        <v>0</v>
      </c>
      <c r="CG13" s="191">
        <v>28</v>
      </c>
      <c r="CH13" s="191">
        <v>21</v>
      </c>
      <c r="CI13" s="191">
        <v>0</v>
      </c>
      <c r="CJ13" s="191">
        <v>2</v>
      </c>
      <c r="CK13" s="196">
        <v>51</v>
      </c>
      <c r="CL13" s="195">
        <v>51</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1">
        <v>0</v>
      </c>
      <c r="E14" s="192">
        <v>0</v>
      </c>
      <c r="F14" s="193">
        <v>0</v>
      </c>
      <c r="G14" s="191">
        <v>290</v>
      </c>
      <c r="H14" s="191">
        <v>199</v>
      </c>
      <c r="I14" s="191">
        <v>250</v>
      </c>
      <c r="J14" s="191">
        <v>551</v>
      </c>
      <c r="K14" s="191">
        <v>338</v>
      </c>
      <c r="L14" s="194">
        <v>1628</v>
      </c>
      <c r="M14" s="195">
        <v>1628</v>
      </c>
      <c r="N14" s="190">
        <v>0</v>
      </c>
      <c r="O14" s="191">
        <v>0</v>
      </c>
      <c r="P14" s="196">
        <v>0</v>
      </c>
      <c r="Q14" s="193">
        <v>0</v>
      </c>
      <c r="R14" s="191">
        <v>0</v>
      </c>
      <c r="S14" s="191">
        <v>9</v>
      </c>
      <c r="T14" s="191">
        <v>0</v>
      </c>
      <c r="U14" s="191">
        <v>19</v>
      </c>
      <c r="V14" s="191">
        <v>31</v>
      </c>
      <c r="W14" s="196">
        <v>59</v>
      </c>
      <c r="X14" s="195">
        <v>59</v>
      </c>
      <c r="Y14" s="190">
        <v>16</v>
      </c>
      <c r="Z14" s="191">
        <v>25</v>
      </c>
      <c r="AA14" s="196">
        <v>41</v>
      </c>
      <c r="AB14" s="193">
        <v>0</v>
      </c>
      <c r="AC14" s="191">
        <v>150</v>
      </c>
      <c r="AD14" s="191">
        <v>124</v>
      </c>
      <c r="AE14" s="191">
        <v>152</v>
      </c>
      <c r="AF14" s="191">
        <v>162</v>
      </c>
      <c r="AG14" s="191">
        <v>63</v>
      </c>
      <c r="AH14" s="196">
        <v>651</v>
      </c>
      <c r="AI14" s="195">
        <v>692</v>
      </c>
      <c r="AJ14" s="190">
        <v>0</v>
      </c>
      <c r="AK14" s="191">
        <v>15</v>
      </c>
      <c r="AL14" s="196">
        <v>15</v>
      </c>
      <c r="AM14" s="193">
        <v>0</v>
      </c>
      <c r="AN14" s="191">
        <v>14</v>
      </c>
      <c r="AO14" s="191">
        <v>12</v>
      </c>
      <c r="AP14" s="191">
        <v>38</v>
      </c>
      <c r="AQ14" s="191">
        <v>24</v>
      </c>
      <c r="AR14" s="191">
        <v>14</v>
      </c>
      <c r="AS14" s="196">
        <v>102</v>
      </c>
      <c r="AT14" s="195">
        <v>117</v>
      </c>
      <c r="AU14" s="190">
        <v>0</v>
      </c>
      <c r="AV14" s="191">
        <v>0</v>
      </c>
      <c r="AW14" s="196">
        <v>0</v>
      </c>
      <c r="AX14" s="193">
        <v>0</v>
      </c>
      <c r="AY14" s="191">
        <v>357</v>
      </c>
      <c r="AZ14" s="191">
        <v>194</v>
      </c>
      <c r="BA14" s="191">
        <v>225</v>
      </c>
      <c r="BB14" s="191">
        <v>82</v>
      </c>
      <c r="BC14" s="191">
        <v>12</v>
      </c>
      <c r="BD14" s="194">
        <v>870</v>
      </c>
      <c r="BE14" s="195">
        <v>870</v>
      </c>
      <c r="BF14" s="190">
        <v>0</v>
      </c>
      <c r="BG14" s="191">
        <v>0</v>
      </c>
      <c r="BH14" s="196">
        <v>0</v>
      </c>
      <c r="BI14" s="193">
        <v>0</v>
      </c>
      <c r="BJ14" s="191">
        <v>152</v>
      </c>
      <c r="BK14" s="191">
        <v>51</v>
      </c>
      <c r="BL14" s="191">
        <v>38</v>
      </c>
      <c r="BM14" s="191">
        <v>55</v>
      </c>
      <c r="BN14" s="191">
        <v>0</v>
      </c>
      <c r="BO14" s="196">
        <v>296</v>
      </c>
      <c r="BP14" s="195">
        <v>296</v>
      </c>
      <c r="BQ14" s="190">
        <v>7</v>
      </c>
      <c r="BR14" s="191">
        <v>0</v>
      </c>
      <c r="BS14" s="196">
        <v>7</v>
      </c>
      <c r="BT14" s="193">
        <v>0</v>
      </c>
      <c r="BU14" s="191">
        <v>39</v>
      </c>
      <c r="BV14" s="191">
        <v>81</v>
      </c>
      <c r="BW14" s="191">
        <v>60</v>
      </c>
      <c r="BX14" s="191">
        <v>24</v>
      </c>
      <c r="BY14" s="191">
        <v>0</v>
      </c>
      <c r="BZ14" s="196">
        <v>204</v>
      </c>
      <c r="CA14" s="195">
        <v>211</v>
      </c>
      <c r="CB14" s="190">
        <v>0</v>
      </c>
      <c r="CC14" s="191">
        <v>0</v>
      </c>
      <c r="CD14" s="196">
        <v>0</v>
      </c>
      <c r="CE14" s="193">
        <v>0</v>
      </c>
      <c r="CF14" s="191">
        <v>12</v>
      </c>
      <c r="CG14" s="191">
        <v>0</v>
      </c>
      <c r="CH14" s="191">
        <v>11</v>
      </c>
      <c r="CI14" s="191">
        <v>7</v>
      </c>
      <c r="CJ14" s="191">
        <v>0</v>
      </c>
      <c r="CK14" s="196">
        <v>30</v>
      </c>
      <c r="CL14" s="195">
        <v>30</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1">
        <v>0</v>
      </c>
      <c r="E15" s="192">
        <v>0</v>
      </c>
      <c r="F15" s="193">
        <v>0</v>
      </c>
      <c r="G15" s="191">
        <v>394</v>
      </c>
      <c r="H15" s="191">
        <v>858</v>
      </c>
      <c r="I15" s="191">
        <v>587</v>
      </c>
      <c r="J15" s="191">
        <v>1117</v>
      </c>
      <c r="K15" s="191">
        <v>407</v>
      </c>
      <c r="L15" s="194">
        <v>3363</v>
      </c>
      <c r="M15" s="195">
        <v>3363</v>
      </c>
      <c r="N15" s="190">
        <v>0</v>
      </c>
      <c r="O15" s="191">
        <v>0</v>
      </c>
      <c r="P15" s="196">
        <v>0</v>
      </c>
      <c r="Q15" s="193">
        <v>0</v>
      </c>
      <c r="R15" s="191">
        <v>0</v>
      </c>
      <c r="S15" s="191">
        <v>0</v>
      </c>
      <c r="T15" s="191">
        <v>16</v>
      </c>
      <c r="U15" s="191">
        <v>15</v>
      </c>
      <c r="V15" s="191">
        <v>7</v>
      </c>
      <c r="W15" s="196">
        <v>38</v>
      </c>
      <c r="X15" s="195">
        <v>38</v>
      </c>
      <c r="Y15" s="190">
        <v>49</v>
      </c>
      <c r="Z15" s="191">
        <v>141</v>
      </c>
      <c r="AA15" s="196">
        <v>190</v>
      </c>
      <c r="AB15" s="193">
        <v>0</v>
      </c>
      <c r="AC15" s="191">
        <v>140</v>
      </c>
      <c r="AD15" s="191">
        <v>394</v>
      </c>
      <c r="AE15" s="191">
        <v>256</v>
      </c>
      <c r="AF15" s="191">
        <v>108</v>
      </c>
      <c r="AG15" s="191">
        <v>95</v>
      </c>
      <c r="AH15" s="196">
        <v>993</v>
      </c>
      <c r="AI15" s="195">
        <v>1183</v>
      </c>
      <c r="AJ15" s="190">
        <v>0</v>
      </c>
      <c r="AK15" s="191">
        <v>14</v>
      </c>
      <c r="AL15" s="196">
        <v>14</v>
      </c>
      <c r="AM15" s="193">
        <v>0</v>
      </c>
      <c r="AN15" s="191">
        <v>4</v>
      </c>
      <c r="AO15" s="191">
        <v>32</v>
      </c>
      <c r="AP15" s="191">
        <v>14</v>
      </c>
      <c r="AQ15" s="191">
        <v>30</v>
      </c>
      <c r="AR15" s="191">
        <v>0</v>
      </c>
      <c r="AS15" s="196">
        <v>80</v>
      </c>
      <c r="AT15" s="195">
        <v>94</v>
      </c>
      <c r="AU15" s="190">
        <v>0</v>
      </c>
      <c r="AV15" s="191">
        <v>0</v>
      </c>
      <c r="AW15" s="196">
        <v>0</v>
      </c>
      <c r="AX15" s="193">
        <v>0</v>
      </c>
      <c r="AY15" s="191">
        <v>533</v>
      </c>
      <c r="AZ15" s="191">
        <v>439</v>
      </c>
      <c r="BA15" s="191">
        <v>231</v>
      </c>
      <c r="BB15" s="191">
        <v>102</v>
      </c>
      <c r="BC15" s="191">
        <v>10</v>
      </c>
      <c r="BD15" s="194">
        <v>1315</v>
      </c>
      <c r="BE15" s="195">
        <v>1315</v>
      </c>
      <c r="BF15" s="190">
        <v>0</v>
      </c>
      <c r="BG15" s="191">
        <v>0</v>
      </c>
      <c r="BH15" s="196">
        <v>0</v>
      </c>
      <c r="BI15" s="193">
        <v>0</v>
      </c>
      <c r="BJ15" s="191">
        <v>48</v>
      </c>
      <c r="BK15" s="191">
        <v>167</v>
      </c>
      <c r="BL15" s="191">
        <v>110</v>
      </c>
      <c r="BM15" s="191">
        <v>33</v>
      </c>
      <c r="BN15" s="191">
        <v>12</v>
      </c>
      <c r="BO15" s="196">
        <v>370</v>
      </c>
      <c r="BP15" s="195">
        <v>370</v>
      </c>
      <c r="BQ15" s="190">
        <v>0</v>
      </c>
      <c r="BR15" s="191">
        <v>11</v>
      </c>
      <c r="BS15" s="196">
        <v>11</v>
      </c>
      <c r="BT15" s="193">
        <v>0</v>
      </c>
      <c r="BU15" s="191">
        <v>32</v>
      </c>
      <c r="BV15" s="191">
        <v>49</v>
      </c>
      <c r="BW15" s="191">
        <v>10</v>
      </c>
      <c r="BX15" s="191">
        <v>140</v>
      </c>
      <c r="BY15" s="191">
        <v>52</v>
      </c>
      <c r="BZ15" s="196">
        <v>283</v>
      </c>
      <c r="CA15" s="195">
        <v>294</v>
      </c>
      <c r="CB15" s="190">
        <v>0</v>
      </c>
      <c r="CC15" s="191">
        <v>0</v>
      </c>
      <c r="CD15" s="196">
        <v>0</v>
      </c>
      <c r="CE15" s="193">
        <v>0</v>
      </c>
      <c r="CF15" s="191">
        <v>0</v>
      </c>
      <c r="CG15" s="191">
        <v>13</v>
      </c>
      <c r="CH15" s="191">
        <v>0</v>
      </c>
      <c r="CI15" s="191">
        <v>8</v>
      </c>
      <c r="CJ15" s="191">
        <v>0</v>
      </c>
      <c r="CK15" s="196">
        <v>21</v>
      </c>
      <c r="CL15" s="195">
        <v>21</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1">
        <v>0</v>
      </c>
      <c r="E16" s="192">
        <v>0</v>
      </c>
      <c r="F16" s="193">
        <v>0</v>
      </c>
      <c r="G16" s="191">
        <v>180</v>
      </c>
      <c r="H16" s="191">
        <v>233</v>
      </c>
      <c r="I16" s="191">
        <v>435</v>
      </c>
      <c r="J16" s="191">
        <v>374</v>
      </c>
      <c r="K16" s="191">
        <v>633</v>
      </c>
      <c r="L16" s="194">
        <v>1855</v>
      </c>
      <c r="M16" s="195">
        <v>1855</v>
      </c>
      <c r="N16" s="190">
        <v>0</v>
      </c>
      <c r="O16" s="191">
        <v>0</v>
      </c>
      <c r="P16" s="196">
        <v>0</v>
      </c>
      <c r="Q16" s="193">
        <v>0</v>
      </c>
      <c r="R16" s="191">
        <v>0</v>
      </c>
      <c r="S16" s="191">
        <v>0</v>
      </c>
      <c r="T16" s="191">
        <v>5</v>
      </c>
      <c r="U16" s="191">
        <v>3</v>
      </c>
      <c r="V16" s="191">
        <v>23</v>
      </c>
      <c r="W16" s="196">
        <v>31</v>
      </c>
      <c r="X16" s="195">
        <v>31</v>
      </c>
      <c r="Y16" s="190">
        <v>0</v>
      </c>
      <c r="Z16" s="191">
        <v>9</v>
      </c>
      <c r="AA16" s="196">
        <v>9</v>
      </c>
      <c r="AB16" s="193">
        <v>0</v>
      </c>
      <c r="AC16" s="191">
        <v>118</v>
      </c>
      <c r="AD16" s="191">
        <v>285</v>
      </c>
      <c r="AE16" s="191">
        <v>90</v>
      </c>
      <c r="AF16" s="191">
        <v>52</v>
      </c>
      <c r="AG16" s="191">
        <v>118</v>
      </c>
      <c r="AH16" s="196">
        <v>663</v>
      </c>
      <c r="AI16" s="195">
        <v>672</v>
      </c>
      <c r="AJ16" s="190">
        <v>0</v>
      </c>
      <c r="AK16" s="191">
        <v>0</v>
      </c>
      <c r="AL16" s="196">
        <v>0</v>
      </c>
      <c r="AM16" s="193">
        <v>0</v>
      </c>
      <c r="AN16" s="191">
        <v>20</v>
      </c>
      <c r="AO16" s="191">
        <v>17</v>
      </c>
      <c r="AP16" s="191">
        <v>20</v>
      </c>
      <c r="AQ16" s="191">
        <v>0</v>
      </c>
      <c r="AR16" s="191">
        <v>0</v>
      </c>
      <c r="AS16" s="196">
        <v>57</v>
      </c>
      <c r="AT16" s="195">
        <v>57</v>
      </c>
      <c r="AU16" s="190">
        <v>0</v>
      </c>
      <c r="AV16" s="191">
        <v>0</v>
      </c>
      <c r="AW16" s="196">
        <v>0</v>
      </c>
      <c r="AX16" s="193">
        <v>0</v>
      </c>
      <c r="AY16" s="191">
        <v>123</v>
      </c>
      <c r="AZ16" s="191">
        <v>108</v>
      </c>
      <c r="BA16" s="191">
        <v>36</v>
      </c>
      <c r="BB16" s="191">
        <v>119</v>
      </c>
      <c r="BC16" s="191">
        <v>17</v>
      </c>
      <c r="BD16" s="194">
        <v>403</v>
      </c>
      <c r="BE16" s="195">
        <v>403</v>
      </c>
      <c r="BF16" s="190">
        <v>0</v>
      </c>
      <c r="BG16" s="191">
        <v>0</v>
      </c>
      <c r="BH16" s="196">
        <v>0</v>
      </c>
      <c r="BI16" s="193">
        <v>0</v>
      </c>
      <c r="BJ16" s="191">
        <v>14</v>
      </c>
      <c r="BK16" s="191">
        <v>8</v>
      </c>
      <c r="BL16" s="191">
        <v>8</v>
      </c>
      <c r="BM16" s="191">
        <v>13</v>
      </c>
      <c r="BN16" s="191">
        <v>4</v>
      </c>
      <c r="BO16" s="196">
        <v>47</v>
      </c>
      <c r="BP16" s="195">
        <v>47</v>
      </c>
      <c r="BQ16" s="190">
        <v>0</v>
      </c>
      <c r="BR16" s="191">
        <v>0</v>
      </c>
      <c r="BS16" s="196">
        <v>0</v>
      </c>
      <c r="BT16" s="193">
        <v>0</v>
      </c>
      <c r="BU16" s="191">
        <v>24</v>
      </c>
      <c r="BV16" s="191">
        <v>22</v>
      </c>
      <c r="BW16" s="191">
        <v>20</v>
      </c>
      <c r="BX16" s="191">
        <v>12</v>
      </c>
      <c r="BY16" s="191">
        <v>0</v>
      </c>
      <c r="BZ16" s="196">
        <v>78</v>
      </c>
      <c r="CA16" s="195">
        <v>78</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1">
        <v>0</v>
      </c>
      <c r="E17" s="192">
        <v>0</v>
      </c>
      <c r="F17" s="193">
        <v>0</v>
      </c>
      <c r="G17" s="191">
        <v>50</v>
      </c>
      <c r="H17" s="191">
        <v>100</v>
      </c>
      <c r="I17" s="191">
        <v>9</v>
      </c>
      <c r="J17" s="191">
        <v>271</v>
      </c>
      <c r="K17" s="191">
        <v>230</v>
      </c>
      <c r="L17" s="194">
        <v>660</v>
      </c>
      <c r="M17" s="195">
        <v>660</v>
      </c>
      <c r="N17" s="190">
        <v>0</v>
      </c>
      <c r="O17" s="191">
        <v>0</v>
      </c>
      <c r="P17" s="196">
        <v>0</v>
      </c>
      <c r="Q17" s="193">
        <v>0</v>
      </c>
      <c r="R17" s="191">
        <v>0</v>
      </c>
      <c r="S17" s="191">
        <v>0</v>
      </c>
      <c r="T17" s="191">
        <v>16</v>
      </c>
      <c r="U17" s="191">
        <v>16</v>
      </c>
      <c r="V17" s="191">
        <v>0</v>
      </c>
      <c r="W17" s="196">
        <v>32</v>
      </c>
      <c r="X17" s="195">
        <v>32</v>
      </c>
      <c r="Y17" s="190">
        <v>0</v>
      </c>
      <c r="Z17" s="191">
        <v>9</v>
      </c>
      <c r="AA17" s="196">
        <v>9</v>
      </c>
      <c r="AB17" s="193">
        <v>0</v>
      </c>
      <c r="AC17" s="191">
        <v>38</v>
      </c>
      <c r="AD17" s="191">
        <v>24</v>
      </c>
      <c r="AE17" s="191">
        <v>14</v>
      </c>
      <c r="AF17" s="191">
        <v>21</v>
      </c>
      <c r="AG17" s="191">
        <v>0</v>
      </c>
      <c r="AH17" s="196">
        <v>97</v>
      </c>
      <c r="AI17" s="195">
        <v>106</v>
      </c>
      <c r="AJ17" s="190">
        <v>0</v>
      </c>
      <c r="AK17" s="191">
        <v>0</v>
      </c>
      <c r="AL17" s="196">
        <v>0</v>
      </c>
      <c r="AM17" s="193">
        <v>0</v>
      </c>
      <c r="AN17" s="191">
        <v>42</v>
      </c>
      <c r="AO17" s="191">
        <v>9</v>
      </c>
      <c r="AP17" s="191">
        <v>0</v>
      </c>
      <c r="AQ17" s="191">
        <v>0</v>
      </c>
      <c r="AR17" s="191">
        <v>0</v>
      </c>
      <c r="AS17" s="196">
        <v>51</v>
      </c>
      <c r="AT17" s="195">
        <v>51</v>
      </c>
      <c r="AU17" s="190">
        <v>0</v>
      </c>
      <c r="AV17" s="191">
        <v>0</v>
      </c>
      <c r="AW17" s="196">
        <v>0</v>
      </c>
      <c r="AX17" s="193">
        <v>0</v>
      </c>
      <c r="AY17" s="191">
        <v>47</v>
      </c>
      <c r="AZ17" s="191">
        <v>47</v>
      </c>
      <c r="BA17" s="191">
        <v>1</v>
      </c>
      <c r="BB17" s="191">
        <v>29</v>
      </c>
      <c r="BC17" s="191">
        <v>0</v>
      </c>
      <c r="BD17" s="194">
        <v>124</v>
      </c>
      <c r="BE17" s="195">
        <v>124</v>
      </c>
      <c r="BF17" s="190">
        <v>0</v>
      </c>
      <c r="BG17" s="191">
        <v>0</v>
      </c>
      <c r="BH17" s="196">
        <v>0</v>
      </c>
      <c r="BI17" s="193">
        <v>0</v>
      </c>
      <c r="BJ17" s="191">
        <v>8</v>
      </c>
      <c r="BK17" s="191">
        <v>5</v>
      </c>
      <c r="BL17" s="191">
        <v>48</v>
      </c>
      <c r="BM17" s="191">
        <v>7</v>
      </c>
      <c r="BN17" s="191">
        <v>0</v>
      </c>
      <c r="BO17" s="196">
        <v>68</v>
      </c>
      <c r="BP17" s="195">
        <v>68</v>
      </c>
      <c r="BQ17" s="190">
        <v>0</v>
      </c>
      <c r="BR17" s="191">
        <v>0</v>
      </c>
      <c r="BS17" s="196">
        <v>0</v>
      </c>
      <c r="BT17" s="193">
        <v>0</v>
      </c>
      <c r="BU17" s="191">
        <v>0</v>
      </c>
      <c r="BV17" s="191">
        <v>0</v>
      </c>
      <c r="BW17" s="191">
        <v>0</v>
      </c>
      <c r="BX17" s="191">
        <v>12</v>
      </c>
      <c r="BY17" s="191">
        <v>16</v>
      </c>
      <c r="BZ17" s="196">
        <v>28</v>
      </c>
      <c r="CA17" s="195">
        <v>28</v>
      </c>
      <c r="CB17" s="190">
        <v>0</v>
      </c>
      <c r="CC17" s="191">
        <v>0</v>
      </c>
      <c r="CD17" s="196">
        <v>0</v>
      </c>
      <c r="CE17" s="193">
        <v>0</v>
      </c>
      <c r="CF17" s="191">
        <v>0</v>
      </c>
      <c r="CG17" s="191">
        <v>0</v>
      </c>
      <c r="CH17" s="191">
        <v>0</v>
      </c>
      <c r="CI17" s="191">
        <v>0</v>
      </c>
      <c r="CJ17" s="191">
        <v>0</v>
      </c>
      <c r="CK17" s="196">
        <v>0</v>
      </c>
      <c r="CL17" s="195">
        <v>0</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1">
        <v>0</v>
      </c>
      <c r="E18" s="192">
        <v>0</v>
      </c>
      <c r="F18" s="193">
        <v>0</v>
      </c>
      <c r="G18" s="191">
        <v>152</v>
      </c>
      <c r="H18" s="191">
        <v>153</v>
      </c>
      <c r="I18" s="191">
        <v>429</v>
      </c>
      <c r="J18" s="191">
        <v>42</v>
      </c>
      <c r="K18" s="191">
        <v>61</v>
      </c>
      <c r="L18" s="194">
        <v>837</v>
      </c>
      <c r="M18" s="195">
        <v>837</v>
      </c>
      <c r="N18" s="190">
        <v>0</v>
      </c>
      <c r="O18" s="191">
        <v>0</v>
      </c>
      <c r="P18" s="196">
        <v>0</v>
      </c>
      <c r="Q18" s="193">
        <v>0</v>
      </c>
      <c r="R18" s="191">
        <v>0</v>
      </c>
      <c r="S18" s="191">
        <v>0</v>
      </c>
      <c r="T18" s="191">
        <v>4</v>
      </c>
      <c r="U18" s="191">
        <v>0</v>
      </c>
      <c r="V18" s="191">
        <v>5</v>
      </c>
      <c r="W18" s="196">
        <v>9</v>
      </c>
      <c r="X18" s="195">
        <v>9</v>
      </c>
      <c r="Y18" s="190">
        <v>25</v>
      </c>
      <c r="Z18" s="191">
        <v>22</v>
      </c>
      <c r="AA18" s="196">
        <v>47</v>
      </c>
      <c r="AB18" s="193">
        <v>0</v>
      </c>
      <c r="AC18" s="191">
        <v>76</v>
      </c>
      <c r="AD18" s="191">
        <v>148</v>
      </c>
      <c r="AE18" s="191">
        <v>63</v>
      </c>
      <c r="AF18" s="191">
        <v>32</v>
      </c>
      <c r="AG18" s="191">
        <v>37</v>
      </c>
      <c r="AH18" s="196">
        <v>356</v>
      </c>
      <c r="AI18" s="195">
        <v>403</v>
      </c>
      <c r="AJ18" s="190">
        <v>12</v>
      </c>
      <c r="AK18" s="191">
        <v>0</v>
      </c>
      <c r="AL18" s="196">
        <v>12</v>
      </c>
      <c r="AM18" s="193">
        <v>0</v>
      </c>
      <c r="AN18" s="191">
        <v>21</v>
      </c>
      <c r="AO18" s="191">
        <v>15</v>
      </c>
      <c r="AP18" s="191">
        <v>0</v>
      </c>
      <c r="AQ18" s="191">
        <v>24</v>
      </c>
      <c r="AR18" s="191">
        <v>0</v>
      </c>
      <c r="AS18" s="196">
        <v>60</v>
      </c>
      <c r="AT18" s="195">
        <v>72</v>
      </c>
      <c r="AU18" s="190">
        <v>0</v>
      </c>
      <c r="AV18" s="191">
        <v>0</v>
      </c>
      <c r="AW18" s="196">
        <v>0</v>
      </c>
      <c r="AX18" s="193">
        <v>0</v>
      </c>
      <c r="AY18" s="191">
        <v>134</v>
      </c>
      <c r="AZ18" s="191">
        <v>208</v>
      </c>
      <c r="BA18" s="191">
        <v>100</v>
      </c>
      <c r="BB18" s="191">
        <v>86</v>
      </c>
      <c r="BC18" s="191">
        <v>14</v>
      </c>
      <c r="BD18" s="194">
        <v>542</v>
      </c>
      <c r="BE18" s="195">
        <v>542</v>
      </c>
      <c r="BF18" s="190">
        <v>0</v>
      </c>
      <c r="BG18" s="191">
        <v>0</v>
      </c>
      <c r="BH18" s="196">
        <v>0</v>
      </c>
      <c r="BI18" s="193">
        <v>0</v>
      </c>
      <c r="BJ18" s="191">
        <v>52</v>
      </c>
      <c r="BK18" s="191">
        <v>199</v>
      </c>
      <c r="BL18" s="191">
        <v>35</v>
      </c>
      <c r="BM18" s="191">
        <v>4</v>
      </c>
      <c r="BN18" s="191">
        <v>17</v>
      </c>
      <c r="BO18" s="196">
        <v>307</v>
      </c>
      <c r="BP18" s="195">
        <v>307</v>
      </c>
      <c r="BQ18" s="190">
        <v>0</v>
      </c>
      <c r="BR18" s="191">
        <v>0</v>
      </c>
      <c r="BS18" s="196">
        <v>0</v>
      </c>
      <c r="BT18" s="193">
        <v>0</v>
      </c>
      <c r="BU18" s="191">
        <v>5</v>
      </c>
      <c r="BV18" s="191">
        <v>0</v>
      </c>
      <c r="BW18" s="191">
        <v>0</v>
      </c>
      <c r="BX18" s="191">
        <v>20</v>
      </c>
      <c r="BY18" s="191">
        <v>10</v>
      </c>
      <c r="BZ18" s="196">
        <v>35</v>
      </c>
      <c r="CA18" s="195">
        <v>35</v>
      </c>
      <c r="CB18" s="190">
        <v>0</v>
      </c>
      <c r="CC18" s="191">
        <v>0</v>
      </c>
      <c r="CD18" s="196">
        <v>0</v>
      </c>
      <c r="CE18" s="193">
        <v>0</v>
      </c>
      <c r="CF18" s="191">
        <v>0</v>
      </c>
      <c r="CG18" s="191">
        <v>22</v>
      </c>
      <c r="CH18" s="191">
        <v>0</v>
      </c>
      <c r="CI18" s="191">
        <v>8</v>
      </c>
      <c r="CJ18" s="191">
        <v>0</v>
      </c>
      <c r="CK18" s="196">
        <v>30</v>
      </c>
      <c r="CL18" s="195">
        <v>30</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1">
        <v>0</v>
      </c>
      <c r="E19" s="192">
        <v>0</v>
      </c>
      <c r="F19" s="193">
        <v>0</v>
      </c>
      <c r="G19" s="191">
        <v>148</v>
      </c>
      <c r="H19" s="191">
        <v>296</v>
      </c>
      <c r="I19" s="191">
        <v>453</v>
      </c>
      <c r="J19" s="191">
        <v>390</v>
      </c>
      <c r="K19" s="191">
        <v>476</v>
      </c>
      <c r="L19" s="194">
        <v>1763</v>
      </c>
      <c r="M19" s="195">
        <v>1763</v>
      </c>
      <c r="N19" s="190">
        <v>0</v>
      </c>
      <c r="O19" s="191">
        <v>0</v>
      </c>
      <c r="P19" s="196">
        <v>0</v>
      </c>
      <c r="Q19" s="193">
        <v>0</v>
      </c>
      <c r="R19" s="191">
        <v>5</v>
      </c>
      <c r="S19" s="191">
        <v>0</v>
      </c>
      <c r="T19" s="191">
        <v>0</v>
      </c>
      <c r="U19" s="191">
        <v>0</v>
      </c>
      <c r="V19" s="191">
        <v>0</v>
      </c>
      <c r="W19" s="196">
        <v>5</v>
      </c>
      <c r="X19" s="195">
        <v>5</v>
      </c>
      <c r="Y19" s="190">
        <v>0</v>
      </c>
      <c r="Z19" s="191">
        <v>21</v>
      </c>
      <c r="AA19" s="196">
        <v>21</v>
      </c>
      <c r="AB19" s="193">
        <v>0</v>
      </c>
      <c r="AC19" s="191">
        <v>113</v>
      </c>
      <c r="AD19" s="191">
        <v>148</v>
      </c>
      <c r="AE19" s="191">
        <v>98</v>
      </c>
      <c r="AF19" s="191">
        <v>20</v>
      </c>
      <c r="AG19" s="191">
        <v>5</v>
      </c>
      <c r="AH19" s="196">
        <v>384</v>
      </c>
      <c r="AI19" s="195">
        <v>405</v>
      </c>
      <c r="AJ19" s="190">
        <v>0</v>
      </c>
      <c r="AK19" s="191">
        <v>15</v>
      </c>
      <c r="AL19" s="196">
        <v>15</v>
      </c>
      <c r="AM19" s="193">
        <v>0</v>
      </c>
      <c r="AN19" s="191">
        <v>6</v>
      </c>
      <c r="AO19" s="191">
        <v>12</v>
      </c>
      <c r="AP19" s="191">
        <v>30</v>
      </c>
      <c r="AQ19" s="191">
        <v>0</v>
      </c>
      <c r="AR19" s="191">
        <v>12</v>
      </c>
      <c r="AS19" s="196">
        <v>60</v>
      </c>
      <c r="AT19" s="195">
        <v>75</v>
      </c>
      <c r="AU19" s="190">
        <v>0</v>
      </c>
      <c r="AV19" s="191">
        <v>0</v>
      </c>
      <c r="AW19" s="196">
        <v>0</v>
      </c>
      <c r="AX19" s="193">
        <v>0</v>
      </c>
      <c r="AY19" s="191">
        <v>156</v>
      </c>
      <c r="AZ19" s="191">
        <v>207</v>
      </c>
      <c r="BA19" s="191">
        <v>135</v>
      </c>
      <c r="BB19" s="191">
        <v>15</v>
      </c>
      <c r="BC19" s="191">
        <v>4</v>
      </c>
      <c r="BD19" s="194">
        <v>517</v>
      </c>
      <c r="BE19" s="195">
        <v>517</v>
      </c>
      <c r="BF19" s="190">
        <v>0</v>
      </c>
      <c r="BG19" s="191">
        <v>0</v>
      </c>
      <c r="BH19" s="196">
        <v>0</v>
      </c>
      <c r="BI19" s="193">
        <v>0</v>
      </c>
      <c r="BJ19" s="191">
        <v>24</v>
      </c>
      <c r="BK19" s="191">
        <v>113</v>
      </c>
      <c r="BL19" s="191">
        <v>56</v>
      </c>
      <c r="BM19" s="191">
        <v>7</v>
      </c>
      <c r="BN19" s="191">
        <v>21</v>
      </c>
      <c r="BO19" s="196">
        <v>221</v>
      </c>
      <c r="BP19" s="195">
        <v>221</v>
      </c>
      <c r="BQ19" s="190">
        <v>0</v>
      </c>
      <c r="BR19" s="191">
        <v>6</v>
      </c>
      <c r="BS19" s="196">
        <v>6</v>
      </c>
      <c r="BT19" s="193">
        <v>0</v>
      </c>
      <c r="BU19" s="191">
        <v>35</v>
      </c>
      <c r="BV19" s="191">
        <v>72</v>
      </c>
      <c r="BW19" s="191">
        <v>55</v>
      </c>
      <c r="BX19" s="191">
        <v>30</v>
      </c>
      <c r="BY19" s="191">
        <v>30</v>
      </c>
      <c r="BZ19" s="196">
        <v>222</v>
      </c>
      <c r="CA19" s="195">
        <v>228</v>
      </c>
      <c r="CB19" s="190">
        <v>0</v>
      </c>
      <c r="CC19" s="191">
        <v>0</v>
      </c>
      <c r="CD19" s="196">
        <v>0</v>
      </c>
      <c r="CE19" s="193">
        <v>0</v>
      </c>
      <c r="CF19" s="191">
        <v>0</v>
      </c>
      <c r="CG19" s="191">
        <v>13</v>
      </c>
      <c r="CH19" s="191">
        <v>13</v>
      </c>
      <c r="CI19" s="191">
        <v>0</v>
      </c>
      <c r="CJ19" s="191">
        <v>0</v>
      </c>
      <c r="CK19" s="196">
        <v>26</v>
      </c>
      <c r="CL19" s="195">
        <v>26</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1">
        <v>0</v>
      </c>
      <c r="E20" s="192">
        <v>0</v>
      </c>
      <c r="F20" s="193">
        <v>0</v>
      </c>
      <c r="G20" s="191">
        <v>446</v>
      </c>
      <c r="H20" s="191">
        <v>261</v>
      </c>
      <c r="I20" s="191">
        <v>535</v>
      </c>
      <c r="J20" s="191">
        <v>709</v>
      </c>
      <c r="K20" s="191">
        <v>714</v>
      </c>
      <c r="L20" s="194">
        <v>2665</v>
      </c>
      <c r="M20" s="195">
        <v>2665</v>
      </c>
      <c r="N20" s="190">
        <v>0</v>
      </c>
      <c r="O20" s="191">
        <v>0</v>
      </c>
      <c r="P20" s="196">
        <v>0</v>
      </c>
      <c r="Q20" s="193">
        <v>0</v>
      </c>
      <c r="R20" s="191">
        <v>0</v>
      </c>
      <c r="S20" s="191">
        <v>0</v>
      </c>
      <c r="T20" s="191">
        <v>0</v>
      </c>
      <c r="U20" s="191">
        <v>40</v>
      </c>
      <c r="V20" s="191">
        <v>12</v>
      </c>
      <c r="W20" s="196">
        <v>52</v>
      </c>
      <c r="X20" s="195">
        <v>52</v>
      </c>
      <c r="Y20" s="190">
        <v>50</v>
      </c>
      <c r="Z20" s="191">
        <v>62</v>
      </c>
      <c r="AA20" s="196">
        <v>112</v>
      </c>
      <c r="AB20" s="193">
        <v>0</v>
      </c>
      <c r="AC20" s="191">
        <v>229</v>
      </c>
      <c r="AD20" s="191">
        <v>304</v>
      </c>
      <c r="AE20" s="191">
        <v>90</v>
      </c>
      <c r="AF20" s="191">
        <v>120</v>
      </c>
      <c r="AG20" s="191">
        <v>74</v>
      </c>
      <c r="AH20" s="196">
        <v>817</v>
      </c>
      <c r="AI20" s="195">
        <v>929</v>
      </c>
      <c r="AJ20" s="190">
        <v>6</v>
      </c>
      <c r="AK20" s="191">
        <v>12</v>
      </c>
      <c r="AL20" s="196">
        <v>18</v>
      </c>
      <c r="AM20" s="193">
        <v>0</v>
      </c>
      <c r="AN20" s="191">
        <v>9</v>
      </c>
      <c r="AO20" s="191">
        <v>86</v>
      </c>
      <c r="AP20" s="191">
        <v>51</v>
      </c>
      <c r="AQ20" s="191">
        <v>9</v>
      </c>
      <c r="AR20" s="191">
        <v>0</v>
      </c>
      <c r="AS20" s="196">
        <v>155</v>
      </c>
      <c r="AT20" s="195">
        <v>173</v>
      </c>
      <c r="AU20" s="190">
        <v>0</v>
      </c>
      <c r="AV20" s="191">
        <v>0</v>
      </c>
      <c r="AW20" s="196">
        <v>0</v>
      </c>
      <c r="AX20" s="193">
        <v>0</v>
      </c>
      <c r="AY20" s="191">
        <v>451</v>
      </c>
      <c r="AZ20" s="191">
        <v>263</v>
      </c>
      <c r="BA20" s="191">
        <v>210</v>
      </c>
      <c r="BB20" s="191">
        <v>44</v>
      </c>
      <c r="BC20" s="191">
        <v>27</v>
      </c>
      <c r="BD20" s="194">
        <v>995</v>
      </c>
      <c r="BE20" s="195">
        <v>995</v>
      </c>
      <c r="BF20" s="190">
        <v>0</v>
      </c>
      <c r="BG20" s="191">
        <v>0</v>
      </c>
      <c r="BH20" s="196">
        <v>0</v>
      </c>
      <c r="BI20" s="193">
        <v>0</v>
      </c>
      <c r="BJ20" s="191">
        <v>77</v>
      </c>
      <c r="BK20" s="191">
        <v>47</v>
      </c>
      <c r="BL20" s="191">
        <v>55</v>
      </c>
      <c r="BM20" s="191">
        <v>11</v>
      </c>
      <c r="BN20" s="191">
        <v>5</v>
      </c>
      <c r="BO20" s="196">
        <v>195</v>
      </c>
      <c r="BP20" s="195">
        <v>195</v>
      </c>
      <c r="BQ20" s="190">
        <v>0</v>
      </c>
      <c r="BR20" s="191">
        <v>3</v>
      </c>
      <c r="BS20" s="196">
        <v>3</v>
      </c>
      <c r="BT20" s="193">
        <v>0</v>
      </c>
      <c r="BU20" s="191">
        <v>35</v>
      </c>
      <c r="BV20" s="191">
        <v>54</v>
      </c>
      <c r="BW20" s="191">
        <v>137</v>
      </c>
      <c r="BX20" s="191">
        <v>37</v>
      </c>
      <c r="BY20" s="191">
        <v>10</v>
      </c>
      <c r="BZ20" s="196">
        <v>273</v>
      </c>
      <c r="CA20" s="195">
        <v>276</v>
      </c>
      <c r="CB20" s="190">
        <v>0</v>
      </c>
      <c r="CC20" s="191">
        <v>0</v>
      </c>
      <c r="CD20" s="196">
        <v>0</v>
      </c>
      <c r="CE20" s="193">
        <v>0</v>
      </c>
      <c r="CF20" s="191">
        <v>0</v>
      </c>
      <c r="CG20" s="191">
        <v>0</v>
      </c>
      <c r="CH20" s="191">
        <v>2</v>
      </c>
      <c r="CI20" s="191">
        <v>0</v>
      </c>
      <c r="CJ20" s="191">
        <v>0</v>
      </c>
      <c r="CK20" s="196">
        <v>2</v>
      </c>
      <c r="CL20" s="195">
        <v>2</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1">
        <v>0</v>
      </c>
      <c r="E21" s="192">
        <v>0</v>
      </c>
      <c r="F21" s="193">
        <v>0</v>
      </c>
      <c r="G21" s="191">
        <v>135</v>
      </c>
      <c r="H21" s="191">
        <v>92</v>
      </c>
      <c r="I21" s="191">
        <v>91</v>
      </c>
      <c r="J21" s="191">
        <v>332</v>
      </c>
      <c r="K21" s="191">
        <v>109</v>
      </c>
      <c r="L21" s="194">
        <v>759</v>
      </c>
      <c r="M21" s="195">
        <v>759</v>
      </c>
      <c r="N21" s="190">
        <v>0</v>
      </c>
      <c r="O21" s="191">
        <v>0</v>
      </c>
      <c r="P21" s="196">
        <v>0</v>
      </c>
      <c r="Q21" s="193">
        <v>0</v>
      </c>
      <c r="R21" s="191">
        <v>0</v>
      </c>
      <c r="S21" s="191">
        <v>0</v>
      </c>
      <c r="T21" s="191">
        <v>7</v>
      </c>
      <c r="U21" s="191">
        <v>0</v>
      </c>
      <c r="V21" s="191">
        <v>16</v>
      </c>
      <c r="W21" s="196">
        <v>23</v>
      </c>
      <c r="X21" s="195">
        <v>23</v>
      </c>
      <c r="Y21" s="190">
        <v>4</v>
      </c>
      <c r="Z21" s="191">
        <v>17</v>
      </c>
      <c r="AA21" s="196">
        <v>21</v>
      </c>
      <c r="AB21" s="193">
        <v>0</v>
      </c>
      <c r="AC21" s="191">
        <v>121</v>
      </c>
      <c r="AD21" s="191">
        <v>51</v>
      </c>
      <c r="AE21" s="191">
        <v>59</v>
      </c>
      <c r="AF21" s="191">
        <v>56</v>
      </c>
      <c r="AG21" s="191">
        <v>83</v>
      </c>
      <c r="AH21" s="196">
        <v>370</v>
      </c>
      <c r="AI21" s="195">
        <v>391</v>
      </c>
      <c r="AJ21" s="190">
        <v>0</v>
      </c>
      <c r="AK21" s="191">
        <v>0</v>
      </c>
      <c r="AL21" s="196">
        <v>0</v>
      </c>
      <c r="AM21" s="193">
        <v>0</v>
      </c>
      <c r="AN21" s="191">
        <v>9</v>
      </c>
      <c r="AO21" s="191">
        <v>9</v>
      </c>
      <c r="AP21" s="191">
        <v>0</v>
      </c>
      <c r="AQ21" s="191">
        <v>26</v>
      </c>
      <c r="AR21" s="191">
        <v>12</v>
      </c>
      <c r="AS21" s="196">
        <v>56</v>
      </c>
      <c r="AT21" s="195">
        <v>56</v>
      </c>
      <c r="AU21" s="190">
        <v>0</v>
      </c>
      <c r="AV21" s="191">
        <v>0</v>
      </c>
      <c r="AW21" s="196">
        <v>0</v>
      </c>
      <c r="AX21" s="193">
        <v>0</v>
      </c>
      <c r="AY21" s="191">
        <v>106</v>
      </c>
      <c r="AZ21" s="191">
        <v>116</v>
      </c>
      <c r="BA21" s="191">
        <v>36</v>
      </c>
      <c r="BB21" s="191">
        <v>12</v>
      </c>
      <c r="BC21" s="191">
        <v>22</v>
      </c>
      <c r="BD21" s="194">
        <v>292</v>
      </c>
      <c r="BE21" s="195">
        <v>292</v>
      </c>
      <c r="BF21" s="190">
        <v>0</v>
      </c>
      <c r="BG21" s="191">
        <v>0</v>
      </c>
      <c r="BH21" s="196">
        <v>0</v>
      </c>
      <c r="BI21" s="193">
        <v>0</v>
      </c>
      <c r="BJ21" s="191">
        <v>57</v>
      </c>
      <c r="BK21" s="191">
        <v>112</v>
      </c>
      <c r="BL21" s="191">
        <v>21</v>
      </c>
      <c r="BM21" s="191">
        <v>14</v>
      </c>
      <c r="BN21" s="191">
        <v>0</v>
      </c>
      <c r="BO21" s="196">
        <v>204</v>
      </c>
      <c r="BP21" s="195">
        <v>204</v>
      </c>
      <c r="BQ21" s="190">
        <v>0</v>
      </c>
      <c r="BR21" s="191">
        <v>0</v>
      </c>
      <c r="BS21" s="196">
        <v>0</v>
      </c>
      <c r="BT21" s="193">
        <v>0</v>
      </c>
      <c r="BU21" s="191">
        <v>6</v>
      </c>
      <c r="BV21" s="191">
        <v>21</v>
      </c>
      <c r="BW21" s="191">
        <v>0</v>
      </c>
      <c r="BX21" s="191">
        <v>0</v>
      </c>
      <c r="BY21" s="191">
        <v>0</v>
      </c>
      <c r="BZ21" s="196">
        <v>27</v>
      </c>
      <c r="CA21" s="195">
        <v>27</v>
      </c>
      <c r="CB21" s="190">
        <v>0</v>
      </c>
      <c r="CC21" s="191">
        <v>0</v>
      </c>
      <c r="CD21" s="196">
        <v>0</v>
      </c>
      <c r="CE21" s="193">
        <v>0</v>
      </c>
      <c r="CF21" s="191">
        <v>2</v>
      </c>
      <c r="CG21" s="191">
        <v>6</v>
      </c>
      <c r="CH21" s="191">
        <v>21</v>
      </c>
      <c r="CI21" s="191">
        <v>0</v>
      </c>
      <c r="CJ21" s="191">
        <v>0</v>
      </c>
      <c r="CK21" s="196">
        <v>29</v>
      </c>
      <c r="CL21" s="195">
        <v>29</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1">
        <v>0</v>
      </c>
      <c r="E22" s="192">
        <v>0</v>
      </c>
      <c r="F22" s="193">
        <v>0</v>
      </c>
      <c r="G22" s="191">
        <v>191</v>
      </c>
      <c r="H22" s="191">
        <v>181</v>
      </c>
      <c r="I22" s="191">
        <v>152</v>
      </c>
      <c r="J22" s="191">
        <v>267</v>
      </c>
      <c r="K22" s="191">
        <v>145</v>
      </c>
      <c r="L22" s="194">
        <v>936</v>
      </c>
      <c r="M22" s="195">
        <v>936</v>
      </c>
      <c r="N22" s="190">
        <v>0</v>
      </c>
      <c r="O22" s="191">
        <v>0</v>
      </c>
      <c r="P22" s="196">
        <v>0</v>
      </c>
      <c r="Q22" s="193">
        <v>0</v>
      </c>
      <c r="R22" s="191">
        <v>0</v>
      </c>
      <c r="S22" s="191">
        <v>0</v>
      </c>
      <c r="T22" s="191">
        <v>0</v>
      </c>
      <c r="U22" s="191">
        <v>9</v>
      </c>
      <c r="V22" s="191">
        <v>5</v>
      </c>
      <c r="W22" s="196">
        <v>14</v>
      </c>
      <c r="X22" s="195">
        <v>14</v>
      </c>
      <c r="Y22" s="190">
        <v>36</v>
      </c>
      <c r="Z22" s="191">
        <v>34</v>
      </c>
      <c r="AA22" s="196">
        <v>70</v>
      </c>
      <c r="AB22" s="193">
        <v>0</v>
      </c>
      <c r="AC22" s="191">
        <v>165</v>
      </c>
      <c r="AD22" s="191">
        <v>262</v>
      </c>
      <c r="AE22" s="191">
        <v>79</v>
      </c>
      <c r="AF22" s="191">
        <v>34</v>
      </c>
      <c r="AG22" s="191">
        <v>95</v>
      </c>
      <c r="AH22" s="196">
        <v>635</v>
      </c>
      <c r="AI22" s="195">
        <v>705</v>
      </c>
      <c r="AJ22" s="190">
        <v>12</v>
      </c>
      <c r="AK22" s="191">
        <v>30</v>
      </c>
      <c r="AL22" s="196">
        <v>42</v>
      </c>
      <c r="AM22" s="193">
        <v>0</v>
      </c>
      <c r="AN22" s="191">
        <v>54</v>
      </c>
      <c r="AO22" s="191">
        <v>73</v>
      </c>
      <c r="AP22" s="191">
        <v>69</v>
      </c>
      <c r="AQ22" s="191">
        <v>33</v>
      </c>
      <c r="AR22" s="191">
        <v>0</v>
      </c>
      <c r="AS22" s="196">
        <v>229</v>
      </c>
      <c r="AT22" s="195">
        <v>271</v>
      </c>
      <c r="AU22" s="190">
        <v>0</v>
      </c>
      <c r="AV22" s="191">
        <v>0</v>
      </c>
      <c r="AW22" s="196">
        <v>0</v>
      </c>
      <c r="AX22" s="193">
        <v>0</v>
      </c>
      <c r="AY22" s="191">
        <v>335</v>
      </c>
      <c r="AZ22" s="191">
        <v>175</v>
      </c>
      <c r="BA22" s="191">
        <v>173</v>
      </c>
      <c r="BB22" s="191">
        <v>54</v>
      </c>
      <c r="BC22" s="191">
        <v>7</v>
      </c>
      <c r="BD22" s="194">
        <v>744</v>
      </c>
      <c r="BE22" s="195">
        <v>744</v>
      </c>
      <c r="BF22" s="190">
        <v>0</v>
      </c>
      <c r="BG22" s="191">
        <v>0</v>
      </c>
      <c r="BH22" s="196">
        <v>0</v>
      </c>
      <c r="BI22" s="193">
        <v>0</v>
      </c>
      <c r="BJ22" s="191">
        <v>112</v>
      </c>
      <c r="BK22" s="191">
        <v>50</v>
      </c>
      <c r="BL22" s="191">
        <v>31</v>
      </c>
      <c r="BM22" s="191">
        <v>15</v>
      </c>
      <c r="BN22" s="191">
        <v>4</v>
      </c>
      <c r="BO22" s="196">
        <v>212</v>
      </c>
      <c r="BP22" s="195">
        <v>212</v>
      </c>
      <c r="BQ22" s="190">
        <v>13</v>
      </c>
      <c r="BR22" s="191">
        <v>0</v>
      </c>
      <c r="BS22" s="196">
        <v>13</v>
      </c>
      <c r="BT22" s="193">
        <v>0</v>
      </c>
      <c r="BU22" s="191">
        <v>98</v>
      </c>
      <c r="BV22" s="191">
        <v>105</v>
      </c>
      <c r="BW22" s="191">
        <v>66</v>
      </c>
      <c r="BX22" s="191">
        <v>10</v>
      </c>
      <c r="BY22" s="191">
        <v>46</v>
      </c>
      <c r="BZ22" s="196">
        <v>325</v>
      </c>
      <c r="CA22" s="195">
        <v>338</v>
      </c>
      <c r="CB22" s="190">
        <v>0</v>
      </c>
      <c r="CC22" s="191">
        <v>0</v>
      </c>
      <c r="CD22" s="196">
        <v>0</v>
      </c>
      <c r="CE22" s="193">
        <v>0</v>
      </c>
      <c r="CF22" s="191">
        <v>0</v>
      </c>
      <c r="CG22" s="191">
        <v>0</v>
      </c>
      <c r="CH22" s="191">
        <v>6</v>
      </c>
      <c r="CI22" s="191">
        <v>6</v>
      </c>
      <c r="CJ22" s="191">
        <v>0</v>
      </c>
      <c r="CK22" s="196">
        <v>12</v>
      </c>
      <c r="CL22" s="195">
        <v>12</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1">
        <v>0</v>
      </c>
      <c r="E23" s="192">
        <v>0</v>
      </c>
      <c r="F23" s="193">
        <v>0</v>
      </c>
      <c r="G23" s="191">
        <v>149</v>
      </c>
      <c r="H23" s="191">
        <v>170</v>
      </c>
      <c r="I23" s="191">
        <v>64</v>
      </c>
      <c r="J23" s="191">
        <v>317</v>
      </c>
      <c r="K23" s="191">
        <v>218</v>
      </c>
      <c r="L23" s="194">
        <v>918</v>
      </c>
      <c r="M23" s="195">
        <v>918</v>
      </c>
      <c r="N23" s="190">
        <v>0</v>
      </c>
      <c r="O23" s="191">
        <v>0</v>
      </c>
      <c r="P23" s="196">
        <v>0</v>
      </c>
      <c r="Q23" s="193">
        <v>0</v>
      </c>
      <c r="R23" s="191">
        <v>0</v>
      </c>
      <c r="S23" s="191">
        <v>0</v>
      </c>
      <c r="T23" s="191">
        <v>5</v>
      </c>
      <c r="U23" s="191">
        <v>0</v>
      </c>
      <c r="V23" s="191">
        <v>4</v>
      </c>
      <c r="W23" s="196">
        <v>9</v>
      </c>
      <c r="X23" s="195">
        <v>9</v>
      </c>
      <c r="Y23" s="190">
        <v>16</v>
      </c>
      <c r="Z23" s="191">
        <v>30</v>
      </c>
      <c r="AA23" s="196">
        <v>46</v>
      </c>
      <c r="AB23" s="193">
        <v>0</v>
      </c>
      <c r="AC23" s="191">
        <v>123</v>
      </c>
      <c r="AD23" s="191">
        <v>184</v>
      </c>
      <c r="AE23" s="191">
        <v>105</v>
      </c>
      <c r="AF23" s="191">
        <v>80</v>
      </c>
      <c r="AG23" s="191">
        <v>31</v>
      </c>
      <c r="AH23" s="196">
        <v>523</v>
      </c>
      <c r="AI23" s="195">
        <v>569</v>
      </c>
      <c r="AJ23" s="190">
        <v>16</v>
      </c>
      <c r="AK23" s="191">
        <v>10</v>
      </c>
      <c r="AL23" s="196">
        <v>26</v>
      </c>
      <c r="AM23" s="193">
        <v>0</v>
      </c>
      <c r="AN23" s="191">
        <v>20</v>
      </c>
      <c r="AO23" s="191">
        <v>47</v>
      </c>
      <c r="AP23" s="191">
        <v>24</v>
      </c>
      <c r="AQ23" s="191">
        <v>10</v>
      </c>
      <c r="AR23" s="191">
        <v>0</v>
      </c>
      <c r="AS23" s="196">
        <v>101</v>
      </c>
      <c r="AT23" s="195">
        <v>127</v>
      </c>
      <c r="AU23" s="190">
        <v>0</v>
      </c>
      <c r="AV23" s="191">
        <v>0</v>
      </c>
      <c r="AW23" s="196">
        <v>0</v>
      </c>
      <c r="AX23" s="193">
        <v>0</v>
      </c>
      <c r="AY23" s="191">
        <v>174</v>
      </c>
      <c r="AZ23" s="191">
        <v>179</v>
      </c>
      <c r="BA23" s="191">
        <v>62</v>
      </c>
      <c r="BB23" s="191">
        <v>46</v>
      </c>
      <c r="BC23" s="191">
        <v>9</v>
      </c>
      <c r="BD23" s="194">
        <v>470</v>
      </c>
      <c r="BE23" s="195">
        <v>470</v>
      </c>
      <c r="BF23" s="190">
        <v>0</v>
      </c>
      <c r="BG23" s="191">
        <v>0</v>
      </c>
      <c r="BH23" s="196">
        <v>0</v>
      </c>
      <c r="BI23" s="193">
        <v>0</v>
      </c>
      <c r="BJ23" s="191">
        <v>38</v>
      </c>
      <c r="BK23" s="191">
        <v>14</v>
      </c>
      <c r="BL23" s="191">
        <v>9</v>
      </c>
      <c r="BM23" s="191">
        <v>0</v>
      </c>
      <c r="BN23" s="191">
        <v>0</v>
      </c>
      <c r="BO23" s="196">
        <v>61</v>
      </c>
      <c r="BP23" s="195">
        <v>61</v>
      </c>
      <c r="BQ23" s="190">
        <v>0</v>
      </c>
      <c r="BR23" s="191">
        <v>0</v>
      </c>
      <c r="BS23" s="196">
        <v>0</v>
      </c>
      <c r="BT23" s="193">
        <v>0</v>
      </c>
      <c r="BU23" s="191">
        <v>28</v>
      </c>
      <c r="BV23" s="191">
        <v>9</v>
      </c>
      <c r="BW23" s="191">
        <v>7</v>
      </c>
      <c r="BX23" s="191">
        <v>11</v>
      </c>
      <c r="BY23" s="191">
        <v>0</v>
      </c>
      <c r="BZ23" s="196">
        <v>55</v>
      </c>
      <c r="CA23" s="195">
        <v>55</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1">
        <v>0</v>
      </c>
      <c r="E24" s="192">
        <v>0</v>
      </c>
      <c r="F24" s="193">
        <v>0</v>
      </c>
      <c r="G24" s="191">
        <v>193</v>
      </c>
      <c r="H24" s="191">
        <v>32</v>
      </c>
      <c r="I24" s="191">
        <v>43</v>
      </c>
      <c r="J24" s="191">
        <v>35</v>
      </c>
      <c r="K24" s="191">
        <v>61</v>
      </c>
      <c r="L24" s="194">
        <v>364</v>
      </c>
      <c r="M24" s="195">
        <v>364</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26</v>
      </c>
      <c r="AD24" s="191">
        <v>72</v>
      </c>
      <c r="AE24" s="191">
        <v>39</v>
      </c>
      <c r="AF24" s="191">
        <v>19</v>
      </c>
      <c r="AG24" s="191">
        <v>25</v>
      </c>
      <c r="AH24" s="196">
        <v>181</v>
      </c>
      <c r="AI24" s="195">
        <v>181</v>
      </c>
      <c r="AJ24" s="190">
        <v>12</v>
      </c>
      <c r="AK24" s="191">
        <v>0</v>
      </c>
      <c r="AL24" s="196">
        <v>12</v>
      </c>
      <c r="AM24" s="193">
        <v>0</v>
      </c>
      <c r="AN24" s="191">
        <v>12</v>
      </c>
      <c r="AO24" s="191">
        <v>27</v>
      </c>
      <c r="AP24" s="191">
        <v>0</v>
      </c>
      <c r="AQ24" s="191">
        <v>0</v>
      </c>
      <c r="AR24" s="191">
        <v>0</v>
      </c>
      <c r="AS24" s="196">
        <v>39</v>
      </c>
      <c r="AT24" s="195">
        <v>51</v>
      </c>
      <c r="AU24" s="190">
        <v>0</v>
      </c>
      <c r="AV24" s="191">
        <v>0</v>
      </c>
      <c r="AW24" s="196">
        <v>0</v>
      </c>
      <c r="AX24" s="193">
        <v>0</v>
      </c>
      <c r="AY24" s="191">
        <v>108</v>
      </c>
      <c r="AZ24" s="191">
        <v>57</v>
      </c>
      <c r="BA24" s="191">
        <v>114</v>
      </c>
      <c r="BB24" s="191">
        <v>0</v>
      </c>
      <c r="BC24" s="191">
        <v>4</v>
      </c>
      <c r="BD24" s="194">
        <v>283</v>
      </c>
      <c r="BE24" s="195">
        <v>283</v>
      </c>
      <c r="BF24" s="190">
        <v>0</v>
      </c>
      <c r="BG24" s="191">
        <v>0</v>
      </c>
      <c r="BH24" s="196">
        <v>0</v>
      </c>
      <c r="BI24" s="193">
        <v>0</v>
      </c>
      <c r="BJ24" s="191">
        <v>16</v>
      </c>
      <c r="BK24" s="191">
        <v>0</v>
      </c>
      <c r="BL24" s="191">
        <v>0</v>
      </c>
      <c r="BM24" s="191">
        <v>13</v>
      </c>
      <c r="BN24" s="191">
        <v>3</v>
      </c>
      <c r="BO24" s="196">
        <v>32</v>
      </c>
      <c r="BP24" s="195">
        <v>32</v>
      </c>
      <c r="BQ24" s="190">
        <v>0</v>
      </c>
      <c r="BR24" s="191">
        <v>0</v>
      </c>
      <c r="BS24" s="196">
        <v>0</v>
      </c>
      <c r="BT24" s="193">
        <v>0</v>
      </c>
      <c r="BU24" s="191">
        <v>0</v>
      </c>
      <c r="BV24" s="191">
        <v>0</v>
      </c>
      <c r="BW24" s="191">
        <v>28</v>
      </c>
      <c r="BX24" s="191">
        <v>47</v>
      </c>
      <c r="BY24" s="191">
        <v>0</v>
      </c>
      <c r="BZ24" s="196">
        <v>75</v>
      </c>
      <c r="CA24" s="195">
        <v>75</v>
      </c>
      <c r="CB24" s="190">
        <v>0</v>
      </c>
      <c r="CC24" s="191">
        <v>0</v>
      </c>
      <c r="CD24" s="196">
        <v>0</v>
      </c>
      <c r="CE24" s="193">
        <v>0</v>
      </c>
      <c r="CF24" s="191">
        <v>11</v>
      </c>
      <c r="CG24" s="191">
        <v>0</v>
      </c>
      <c r="CH24" s="191">
        <v>3</v>
      </c>
      <c r="CI24" s="191">
        <v>0</v>
      </c>
      <c r="CJ24" s="191">
        <v>0</v>
      </c>
      <c r="CK24" s="196">
        <v>14</v>
      </c>
      <c r="CL24" s="195">
        <v>14</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1">
        <v>0</v>
      </c>
      <c r="E25" s="192">
        <v>0</v>
      </c>
      <c r="F25" s="193">
        <v>0</v>
      </c>
      <c r="G25" s="191">
        <v>102</v>
      </c>
      <c r="H25" s="191">
        <v>119</v>
      </c>
      <c r="I25" s="191">
        <v>2</v>
      </c>
      <c r="J25" s="191">
        <v>76</v>
      </c>
      <c r="K25" s="191">
        <v>110</v>
      </c>
      <c r="L25" s="194">
        <v>409</v>
      </c>
      <c r="M25" s="195">
        <v>409</v>
      </c>
      <c r="N25" s="190">
        <v>0</v>
      </c>
      <c r="O25" s="191">
        <v>0</v>
      </c>
      <c r="P25" s="196">
        <v>0</v>
      </c>
      <c r="Q25" s="193">
        <v>0</v>
      </c>
      <c r="R25" s="191">
        <v>0</v>
      </c>
      <c r="S25" s="191">
        <v>0</v>
      </c>
      <c r="T25" s="191">
        <v>0</v>
      </c>
      <c r="U25" s="191">
        <v>0</v>
      </c>
      <c r="V25" s="191">
        <v>0</v>
      </c>
      <c r="W25" s="196">
        <v>0</v>
      </c>
      <c r="X25" s="195">
        <v>0</v>
      </c>
      <c r="Y25" s="190">
        <v>37</v>
      </c>
      <c r="Z25" s="191">
        <v>30</v>
      </c>
      <c r="AA25" s="196">
        <v>67</v>
      </c>
      <c r="AB25" s="193">
        <v>0</v>
      </c>
      <c r="AC25" s="191">
        <v>94</v>
      </c>
      <c r="AD25" s="191">
        <v>139</v>
      </c>
      <c r="AE25" s="191">
        <v>0</v>
      </c>
      <c r="AF25" s="191">
        <v>38</v>
      </c>
      <c r="AG25" s="191">
        <v>11</v>
      </c>
      <c r="AH25" s="196">
        <v>282</v>
      </c>
      <c r="AI25" s="195">
        <v>349</v>
      </c>
      <c r="AJ25" s="190">
        <v>0</v>
      </c>
      <c r="AK25" s="191">
        <v>18</v>
      </c>
      <c r="AL25" s="196">
        <v>18</v>
      </c>
      <c r="AM25" s="193">
        <v>0</v>
      </c>
      <c r="AN25" s="191">
        <v>22</v>
      </c>
      <c r="AO25" s="191">
        <v>0</v>
      </c>
      <c r="AP25" s="191">
        <v>0</v>
      </c>
      <c r="AQ25" s="191">
        <v>0</v>
      </c>
      <c r="AR25" s="191">
        <v>0</v>
      </c>
      <c r="AS25" s="196">
        <v>22</v>
      </c>
      <c r="AT25" s="195">
        <v>40</v>
      </c>
      <c r="AU25" s="190">
        <v>0</v>
      </c>
      <c r="AV25" s="191">
        <v>0</v>
      </c>
      <c r="AW25" s="196">
        <v>0</v>
      </c>
      <c r="AX25" s="193">
        <v>0</v>
      </c>
      <c r="AY25" s="191">
        <v>64</v>
      </c>
      <c r="AZ25" s="191">
        <v>160</v>
      </c>
      <c r="BA25" s="191">
        <v>67</v>
      </c>
      <c r="BB25" s="191">
        <v>29</v>
      </c>
      <c r="BC25" s="191">
        <v>34</v>
      </c>
      <c r="BD25" s="194">
        <v>354</v>
      </c>
      <c r="BE25" s="195">
        <v>354</v>
      </c>
      <c r="BF25" s="190">
        <v>0</v>
      </c>
      <c r="BG25" s="191">
        <v>0</v>
      </c>
      <c r="BH25" s="196">
        <v>0</v>
      </c>
      <c r="BI25" s="193">
        <v>0</v>
      </c>
      <c r="BJ25" s="191">
        <v>25</v>
      </c>
      <c r="BK25" s="191">
        <v>26</v>
      </c>
      <c r="BL25" s="191">
        <v>0</v>
      </c>
      <c r="BM25" s="191">
        <v>14</v>
      </c>
      <c r="BN25" s="191">
        <v>0</v>
      </c>
      <c r="BO25" s="196">
        <v>65</v>
      </c>
      <c r="BP25" s="195">
        <v>65</v>
      </c>
      <c r="BQ25" s="190">
        <v>0</v>
      </c>
      <c r="BR25" s="191">
        <v>0</v>
      </c>
      <c r="BS25" s="196">
        <v>0</v>
      </c>
      <c r="BT25" s="193">
        <v>0</v>
      </c>
      <c r="BU25" s="191">
        <v>0</v>
      </c>
      <c r="BV25" s="191">
        <v>8</v>
      </c>
      <c r="BW25" s="191">
        <v>30</v>
      </c>
      <c r="BX25" s="191">
        <v>12</v>
      </c>
      <c r="BY25" s="191">
        <v>44</v>
      </c>
      <c r="BZ25" s="196">
        <v>94</v>
      </c>
      <c r="CA25" s="195">
        <v>94</v>
      </c>
      <c r="CB25" s="190">
        <v>0</v>
      </c>
      <c r="CC25" s="191">
        <v>0</v>
      </c>
      <c r="CD25" s="196">
        <v>0</v>
      </c>
      <c r="CE25" s="193">
        <v>0</v>
      </c>
      <c r="CF25" s="191">
        <v>3</v>
      </c>
      <c r="CG25" s="191">
        <v>4</v>
      </c>
      <c r="CH25" s="191">
        <v>0</v>
      </c>
      <c r="CI25" s="191">
        <v>0</v>
      </c>
      <c r="CJ25" s="191">
        <v>0</v>
      </c>
      <c r="CK25" s="196">
        <v>7</v>
      </c>
      <c r="CL25" s="195">
        <v>7</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1">
        <v>0</v>
      </c>
      <c r="E26" s="192">
        <v>0</v>
      </c>
      <c r="F26" s="193">
        <v>0</v>
      </c>
      <c r="G26" s="191">
        <v>165</v>
      </c>
      <c r="H26" s="191">
        <v>36</v>
      </c>
      <c r="I26" s="191">
        <v>66</v>
      </c>
      <c r="J26" s="191">
        <v>114</v>
      </c>
      <c r="K26" s="191">
        <v>143</v>
      </c>
      <c r="L26" s="194">
        <v>524</v>
      </c>
      <c r="M26" s="195">
        <v>524</v>
      </c>
      <c r="N26" s="190">
        <v>0</v>
      </c>
      <c r="O26" s="191">
        <v>0</v>
      </c>
      <c r="P26" s="196">
        <v>0</v>
      </c>
      <c r="Q26" s="193">
        <v>0</v>
      </c>
      <c r="R26" s="191">
        <v>0</v>
      </c>
      <c r="S26" s="191">
        <v>0</v>
      </c>
      <c r="T26" s="191">
        <v>0</v>
      </c>
      <c r="U26" s="191">
        <v>8</v>
      </c>
      <c r="V26" s="191">
        <v>0</v>
      </c>
      <c r="W26" s="196">
        <v>8</v>
      </c>
      <c r="X26" s="195">
        <v>8</v>
      </c>
      <c r="Y26" s="190">
        <v>5</v>
      </c>
      <c r="Z26" s="191">
        <v>19</v>
      </c>
      <c r="AA26" s="196">
        <v>24</v>
      </c>
      <c r="AB26" s="193">
        <v>0</v>
      </c>
      <c r="AC26" s="191">
        <v>69</v>
      </c>
      <c r="AD26" s="191">
        <v>30</v>
      </c>
      <c r="AE26" s="191">
        <v>46</v>
      </c>
      <c r="AF26" s="191">
        <v>51</v>
      </c>
      <c r="AG26" s="191">
        <v>4</v>
      </c>
      <c r="AH26" s="196">
        <v>200</v>
      </c>
      <c r="AI26" s="195">
        <v>224</v>
      </c>
      <c r="AJ26" s="190">
        <v>0</v>
      </c>
      <c r="AK26" s="191">
        <v>0</v>
      </c>
      <c r="AL26" s="196">
        <v>0</v>
      </c>
      <c r="AM26" s="193">
        <v>0</v>
      </c>
      <c r="AN26" s="191">
        <v>15</v>
      </c>
      <c r="AO26" s="191">
        <v>18</v>
      </c>
      <c r="AP26" s="191">
        <v>0</v>
      </c>
      <c r="AQ26" s="191">
        <v>0</v>
      </c>
      <c r="AR26" s="191">
        <v>0</v>
      </c>
      <c r="AS26" s="196">
        <v>33</v>
      </c>
      <c r="AT26" s="195">
        <v>33</v>
      </c>
      <c r="AU26" s="190">
        <v>0</v>
      </c>
      <c r="AV26" s="191">
        <v>0</v>
      </c>
      <c r="AW26" s="196">
        <v>0</v>
      </c>
      <c r="AX26" s="193">
        <v>0</v>
      </c>
      <c r="AY26" s="191">
        <v>91</v>
      </c>
      <c r="AZ26" s="191">
        <v>94</v>
      </c>
      <c r="BA26" s="191">
        <v>19</v>
      </c>
      <c r="BB26" s="191">
        <v>10</v>
      </c>
      <c r="BC26" s="191">
        <v>6</v>
      </c>
      <c r="BD26" s="194">
        <v>220</v>
      </c>
      <c r="BE26" s="195">
        <v>220</v>
      </c>
      <c r="BF26" s="190">
        <v>0</v>
      </c>
      <c r="BG26" s="191">
        <v>0</v>
      </c>
      <c r="BH26" s="196">
        <v>0</v>
      </c>
      <c r="BI26" s="193">
        <v>0</v>
      </c>
      <c r="BJ26" s="191">
        <v>0</v>
      </c>
      <c r="BK26" s="191">
        <v>55</v>
      </c>
      <c r="BL26" s="191">
        <v>64</v>
      </c>
      <c r="BM26" s="191">
        <v>23</v>
      </c>
      <c r="BN26" s="191">
        <v>16</v>
      </c>
      <c r="BO26" s="196">
        <v>158</v>
      </c>
      <c r="BP26" s="195">
        <v>158</v>
      </c>
      <c r="BQ26" s="190">
        <v>0</v>
      </c>
      <c r="BR26" s="191">
        <v>0</v>
      </c>
      <c r="BS26" s="196">
        <v>0</v>
      </c>
      <c r="BT26" s="193">
        <v>0</v>
      </c>
      <c r="BU26" s="191">
        <v>0</v>
      </c>
      <c r="BV26" s="191">
        <v>56</v>
      </c>
      <c r="BW26" s="191">
        <v>10</v>
      </c>
      <c r="BX26" s="191">
        <v>56</v>
      </c>
      <c r="BY26" s="191">
        <v>0</v>
      </c>
      <c r="BZ26" s="196">
        <v>122</v>
      </c>
      <c r="CA26" s="195">
        <v>122</v>
      </c>
      <c r="CB26" s="190">
        <v>0</v>
      </c>
      <c r="CC26" s="191">
        <v>0</v>
      </c>
      <c r="CD26" s="196">
        <v>0</v>
      </c>
      <c r="CE26" s="193">
        <v>0</v>
      </c>
      <c r="CF26" s="191">
        <v>0</v>
      </c>
      <c r="CG26" s="191">
        <v>8</v>
      </c>
      <c r="CH26" s="191">
        <v>4</v>
      </c>
      <c r="CI26" s="191">
        <v>0</v>
      </c>
      <c r="CJ26" s="191">
        <v>0</v>
      </c>
      <c r="CK26" s="196">
        <v>12</v>
      </c>
      <c r="CL26" s="195">
        <v>12</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1">
        <v>0</v>
      </c>
      <c r="E27" s="192">
        <v>0</v>
      </c>
      <c r="F27" s="193">
        <v>0</v>
      </c>
      <c r="G27" s="191">
        <v>48</v>
      </c>
      <c r="H27" s="191">
        <v>27</v>
      </c>
      <c r="I27" s="191">
        <v>14</v>
      </c>
      <c r="J27" s="191">
        <v>9</v>
      </c>
      <c r="K27" s="191">
        <v>0</v>
      </c>
      <c r="L27" s="194">
        <v>98</v>
      </c>
      <c r="M27" s="195">
        <v>98</v>
      </c>
      <c r="N27" s="190">
        <v>0</v>
      </c>
      <c r="O27" s="191">
        <v>0</v>
      </c>
      <c r="P27" s="196">
        <v>0</v>
      </c>
      <c r="Q27" s="193">
        <v>0</v>
      </c>
      <c r="R27" s="191">
        <v>0</v>
      </c>
      <c r="S27" s="191">
        <v>2</v>
      </c>
      <c r="T27" s="191">
        <v>2</v>
      </c>
      <c r="U27" s="191">
        <v>2</v>
      </c>
      <c r="V27" s="191">
        <v>0</v>
      </c>
      <c r="W27" s="196">
        <v>6</v>
      </c>
      <c r="X27" s="195">
        <v>6</v>
      </c>
      <c r="Y27" s="190">
        <v>2</v>
      </c>
      <c r="Z27" s="191">
        <v>4</v>
      </c>
      <c r="AA27" s="196">
        <v>6</v>
      </c>
      <c r="AB27" s="193">
        <v>0</v>
      </c>
      <c r="AC27" s="191">
        <v>2</v>
      </c>
      <c r="AD27" s="191">
        <v>83</v>
      </c>
      <c r="AE27" s="191">
        <v>32</v>
      </c>
      <c r="AF27" s="191">
        <v>16</v>
      </c>
      <c r="AG27" s="191">
        <v>0</v>
      </c>
      <c r="AH27" s="196">
        <v>133</v>
      </c>
      <c r="AI27" s="195">
        <v>139</v>
      </c>
      <c r="AJ27" s="190">
        <v>0</v>
      </c>
      <c r="AK27" s="191">
        <v>30</v>
      </c>
      <c r="AL27" s="196">
        <v>30</v>
      </c>
      <c r="AM27" s="193">
        <v>0</v>
      </c>
      <c r="AN27" s="191">
        <v>0</v>
      </c>
      <c r="AO27" s="191">
        <v>21</v>
      </c>
      <c r="AP27" s="191">
        <v>0</v>
      </c>
      <c r="AQ27" s="191">
        <v>0</v>
      </c>
      <c r="AR27" s="191">
        <v>0</v>
      </c>
      <c r="AS27" s="196">
        <v>21</v>
      </c>
      <c r="AT27" s="195">
        <v>51</v>
      </c>
      <c r="AU27" s="190">
        <v>0</v>
      </c>
      <c r="AV27" s="191">
        <v>0</v>
      </c>
      <c r="AW27" s="196">
        <v>0</v>
      </c>
      <c r="AX27" s="193">
        <v>0</v>
      </c>
      <c r="AY27" s="191">
        <v>86</v>
      </c>
      <c r="AZ27" s="191">
        <v>36</v>
      </c>
      <c r="BA27" s="191">
        <v>2</v>
      </c>
      <c r="BB27" s="191">
        <v>0</v>
      </c>
      <c r="BC27" s="191">
        <v>0</v>
      </c>
      <c r="BD27" s="194">
        <v>124</v>
      </c>
      <c r="BE27" s="195">
        <v>124</v>
      </c>
      <c r="BF27" s="190">
        <v>0</v>
      </c>
      <c r="BG27" s="191">
        <v>0</v>
      </c>
      <c r="BH27" s="196">
        <v>0</v>
      </c>
      <c r="BI27" s="193">
        <v>0</v>
      </c>
      <c r="BJ27" s="191">
        <v>0</v>
      </c>
      <c r="BK27" s="191">
        <v>18</v>
      </c>
      <c r="BL27" s="191">
        <v>10</v>
      </c>
      <c r="BM27" s="191">
        <v>0</v>
      </c>
      <c r="BN27" s="191">
        <v>0</v>
      </c>
      <c r="BO27" s="196">
        <v>28</v>
      </c>
      <c r="BP27" s="195">
        <v>28</v>
      </c>
      <c r="BQ27" s="190">
        <v>0</v>
      </c>
      <c r="BR27" s="191">
        <v>0</v>
      </c>
      <c r="BS27" s="196">
        <v>0</v>
      </c>
      <c r="BT27" s="193">
        <v>0</v>
      </c>
      <c r="BU27" s="191">
        <v>5</v>
      </c>
      <c r="BV27" s="191">
        <v>0</v>
      </c>
      <c r="BW27" s="191">
        <v>0</v>
      </c>
      <c r="BX27" s="191">
        <v>0</v>
      </c>
      <c r="BY27" s="191">
        <v>0</v>
      </c>
      <c r="BZ27" s="196">
        <v>5</v>
      </c>
      <c r="CA27" s="195">
        <v>5</v>
      </c>
      <c r="CB27" s="190">
        <v>0</v>
      </c>
      <c r="CC27" s="191">
        <v>0</v>
      </c>
      <c r="CD27" s="196">
        <v>0</v>
      </c>
      <c r="CE27" s="193">
        <v>0</v>
      </c>
      <c r="CF27" s="191">
        <v>0</v>
      </c>
      <c r="CG27" s="191">
        <v>4</v>
      </c>
      <c r="CH27" s="191">
        <v>0</v>
      </c>
      <c r="CI27" s="191">
        <v>0</v>
      </c>
      <c r="CJ27" s="191">
        <v>0</v>
      </c>
      <c r="CK27" s="196">
        <v>4</v>
      </c>
      <c r="CL27" s="195">
        <v>4</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1">
        <v>0</v>
      </c>
      <c r="E28" s="192">
        <v>0</v>
      </c>
      <c r="F28" s="193">
        <v>0</v>
      </c>
      <c r="G28" s="191">
        <v>132</v>
      </c>
      <c r="H28" s="191">
        <v>69</v>
      </c>
      <c r="I28" s="191">
        <v>145</v>
      </c>
      <c r="J28" s="191">
        <v>83</v>
      </c>
      <c r="K28" s="191">
        <v>115</v>
      </c>
      <c r="L28" s="194">
        <v>544</v>
      </c>
      <c r="M28" s="195">
        <v>544</v>
      </c>
      <c r="N28" s="190">
        <v>0</v>
      </c>
      <c r="O28" s="191">
        <v>0</v>
      </c>
      <c r="P28" s="196">
        <v>0</v>
      </c>
      <c r="Q28" s="193">
        <v>0</v>
      </c>
      <c r="R28" s="191">
        <v>0</v>
      </c>
      <c r="S28" s="191">
        <v>1</v>
      </c>
      <c r="T28" s="191">
        <v>0</v>
      </c>
      <c r="U28" s="191">
        <v>8</v>
      </c>
      <c r="V28" s="191">
        <v>5</v>
      </c>
      <c r="W28" s="196">
        <v>14</v>
      </c>
      <c r="X28" s="195">
        <v>14</v>
      </c>
      <c r="Y28" s="190">
        <v>3</v>
      </c>
      <c r="Z28" s="191">
        <v>0</v>
      </c>
      <c r="AA28" s="196">
        <v>3</v>
      </c>
      <c r="AB28" s="193">
        <v>0</v>
      </c>
      <c r="AC28" s="191">
        <v>64</v>
      </c>
      <c r="AD28" s="191">
        <v>36</v>
      </c>
      <c r="AE28" s="191">
        <v>21</v>
      </c>
      <c r="AF28" s="191">
        <v>40</v>
      </c>
      <c r="AG28" s="191">
        <v>25</v>
      </c>
      <c r="AH28" s="196">
        <v>186</v>
      </c>
      <c r="AI28" s="195">
        <v>189</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35</v>
      </c>
      <c r="AZ28" s="191">
        <v>26</v>
      </c>
      <c r="BA28" s="191">
        <v>27</v>
      </c>
      <c r="BB28" s="191">
        <v>14</v>
      </c>
      <c r="BC28" s="191">
        <v>0</v>
      </c>
      <c r="BD28" s="194">
        <v>102</v>
      </c>
      <c r="BE28" s="195">
        <v>102</v>
      </c>
      <c r="BF28" s="190">
        <v>0</v>
      </c>
      <c r="BG28" s="191">
        <v>0</v>
      </c>
      <c r="BH28" s="196">
        <v>0</v>
      </c>
      <c r="BI28" s="193">
        <v>0</v>
      </c>
      <c r="BJ28" s="191">
        <v>31</v>
      </c>
      <c r="BK28" s="191">
        <v>21</v>
      </c>
      <c r="BL28" s="191">
        <v>0</v>
      </c>
      <c r="BM28" s="191">
        <v>8</v>
      </c>
      <c r="BN28" s="191">
        <v>0</v>
      </c>
      <c r="BO28" s="196">
        <v>60</v>
      </c>
      <c r="BP28" s="195">
        <v>60</v>
      </c>
      <c r="BQ28" s="190">
        <v>0</v>
      </c>
      <c r="BR28" s="191">
        <v>0</v>
      </c>
      <c r="BS28" s="196">
        <v>0</v>
      </c>
      <c r="BT28" s="193">
        <v>0</v>
      </c>
      <c r="BU28" s="191">
        <v>13</v>
      </c>
      <c r="BV28" s="191">
        <v>1</v>
      </c>
      <c r="BW28" s="191">
        <v>14</v>
      </c>
      <c r="BX28" s="191">
        <v>4</v>
      </c>
      <c r="BY28" s="191">
        <v>0</v>
      </c>
      <c r="BZ28" s="196">
        <v>32</v>
      </c>
      <c r="CA28" s="195">
        <v>32</v>
      </c>
      <c r="CB28" s="190">
        <v>0</v>
      </c>
      <c r="CC28" s="191">
        <v>0</v>
      </c>
      <c r="CD28" s="196">
        <v>0</v>
      </c>
      <c r="CE28" s="193">
        <v>0</v>
      </c>
      <c r="CF28" s="191">
        <v>0</v>
      </c>
      <c r="CG28" s="191">
        <v>0</v>
      </c>
      <c r="CH28" s="191">
        <v>0</v>
      </c>
      <c r="CI28" s="191">
        <v>4</v>
      </c>
      <c r="CJ28" s="191">
        <v>0</v>
      </c>
      <c r="CK28" s="196">
        <v>4</v>
      </c>
      <c r="CL28" s="195">
        <v>4</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1">
        <v>0</v>
      </c>
      <c r="E29" s="192">
        <v>0</v>
      </c>
      <c r="F29" s="193">
        <v>0</v>
      </c>
      <c r="G29" s="191">
        <v>26</v>
      </c>
      <c r="H29" s="191">
        <v>61</v>
      </c>
      <c r="I29" s="191">
        <v>176</v>
      </c>
      <c r="J29" s="191">
        <v>102</v>
      </c>
      <c r="K29" s="191">
        <v>336</v>
      </c>
      <c r="L29" s="194">
        <v>701</v>
      </c>
      <c r="M29" s="195">
        <v>701</v>
      </c>
      <c r="N29" s="190">
        <v>0</v>
      </c>
      <c r="O29" s="191">
        <v>0</v>
      </c>
      <c r="P29" s="196">
        <v>0</v>
      </c>
      <c r="Q29" s="193">
        <v>0</v>
      </c>
      <c r="R29" s="191">
        <v>0</v>
      </c>
      <c r="S29" s="191">
        <v>4</v>
      </c>
      <c r="T29" s="191">
        <v>2</v>
      </c>
      <c r="U29" s="191">
        <v>-2</v>
      </c>
      <c r="V29" s="191">
        <v>0</v>
      </c>
      <c r="W29" s="196">
        <v>4</v>
      </c>
      <c r="X29" s="195">
        <v>4</v>
      </c>
      <c r="Y29" s="190">
        <v>12</v>
      </c>
      <c r="Z29" s="191">
        <v>34</v>
      </c>
      <c r="AA29" s="196">
        <v>46</v>
      </c>
      <c r="AB29" s="193">
        <v>0</v>
      </c>
      <c r="AC29" s="191">
        <v>21</v>
      </c>
      <c r="AD29" s="191">
        <v>19</v>
      </c>
      <c r="AE29" s="191">
        <v>20</v>
      </c>
      <c r="AF29" s="191">
        <v>59</v>
      </c>
      <c r="AG29" s="191">
        <v>24</v>
      </c>
      <c r="AH29" s="196">
        <v>143</v>
      </c>
      <c r="AI29" s="195">
        <v>189</v>
      </c>
      <c r="AJ29" s="190">
        <v>0</v>
      </c>
      <c r="AK29" s="191">
        <v>0</v>
      </c>
      <c r="AL29" s="196">
        <v>0</v>
      </c>
      <c r="AM29" s="193">
        <v>0</v>
      </c>
      <c r="AN29" s="191">
        <v>0</v>
      </c>
      <c r="AO29" s="191">
        <v>0</v>
      </c>
      <c r="AP29" s="191">
        <v>0</v>
      </c>
      <c r="AQ29" s="191">
        <v>0</v>
      </c>
      <c r="AR29" s="191">
        <v>0</v>
      </c>
      <c r="AS29" s="196">
        <v>0</v>
      </c>
      <c r="AT29" s="195">
        <v>0</v>
      </c>
      <c r="AU29" s="190">
        <v>0</v>
      </c>
      <c r="AV29" s="191">
        <v>0</v>
      </c>
      <c r="AW29" s="196">
        <v>0</v>
      </c>
      <c r="AX29" s="193">
        <v>0</v>
      </c>
      <c r="AY29" s="191">
        <v>47</v>
      </c>
      <c r="AZ29" s="191">
        <v>44</v>
      </c>
      <c r="BA29" s="191">
        <v>39</v>
      </c>
      <c r="BB29" s="191">
        <v>26</v>
      </c>
      <c r="BC29" s="191">
        <v>0</v>
      </c>
      <c r="BD29" s="194">
        <v>156</v>
      </c>
      <c r="BE29" s="195">
        <v>156</v>
      </c>
      <c r="BF29" s="190">
        <v>0</v>
      </c>
      <c r="BG29" s="191">
        <v>0</v>
      </c>
      <c r="BH29" s="196">
        <v>0</v>
      </c>
      <c r="BI29" s="193">
        <v>0</v>
      </c>
      <c r="BJ29" s="191">
        <v>5</v>
      </c>
      <c r="BK29" s="191">
        <v>17</v>
      </c>
      <c r="BL29" s="191">
        <v>5</v>
      </c>
      <c r="BM29" s="191">
        <v>0</v>
      </c>
      <c r="BN29" s="191">
        <v>0</v>
      </c>
      <c r="BO29" s="196">
        <v>27</v>
      </c>
      <c r="BP29" s="195">
        <v>27</v>
      </c>
      <c r="BQ29" s="190">
        <v>0</v>
      </c>
      <c r="BR29" s="191">
        <v>3</v>
      </c>
      <c r="BS29" s="196">
        <v>3</v>
      </c>
      <c r="BT29" s="193">
        <v>0</v>
      </c>
      <c r="BU29" s="191">
        <v>0</v>
      </c>
      <c r="BV29" s="191">
        <v>0</v>
      </c>
      <c r="BW29" s="191">
        <v>1</v>
      </c>
      <c r="BX29" s="191">
        <v>35</v>
      </c>
      <c r="BY29" s="191">
        <v>0</v>
      </c>
      <c r="BZ29" s="196">
        <v>36</v>
      </c>
      <c r="CA29" s="195">
        <v>39</v>
      </c>
      <c r="CB29" s="190">
        <v>0</v>
      </c>
      <c r="CC29" s="191">
        <v>0</v>
      </c>
      <c r="CD29" s="196">
        <v>0</v>
      </c>
      <c r="CE29" s="193">
        <v>0</v>
      </c>
      <c r="CF29" s="191">
        <v>7</v>
      </c>
      <c r="CG29" s="191">
        <v>0</v>
      </c>
      <c r="CH29" s="191">
        <v>0</v>
      </c>
      <c r="CI29" s="191">
        <v>0</v>
      </c>
      <c r="CJ29" s="191">
        <v>0</v>
      </c>
      <c r="CK29" s="196">
        <v>7</v>
      </c>
      <c r="CL29" s="195">
        <v>7</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1">
        <v>0</v>
      </c>
      <c r="E30" s="192">
        <v>0</v>
      </c>
      <c r="F30" s="193">
        <v>0</v>
      </c>
      <c r="G30" s="191">
        <v>0</v>
      </c>
      <c r="H30" s="191">
        <v>0</v>
      </c>
      <c r="I30" s="191">
        <v>24</v>
      </c>
      <c r="J30" s="191">
        <v>0</v>
      </c>
      <c r="K30" s="191">
        <v>0</v>
      </c>
      <c r="L30" s="194">
        <v>24</v>
      </c>
      <c r="M30" s="195">
        <v>24</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18</v>
      </c>
      <c r="AD30" s="191">
        <v>0</v>
      </c>
      <c r="AE30" s="191">
        <v>12</v>
      </c>
      <c r="AF30" s="191">
        <v>6</v>
      </c>
      <c r="AG30" s="191">
        <v>0</v>
      </c>
      <c r="AH30" s="196">
        <v>36</v>
      </c>
      <c r="AI30" s="195">
        <v>36</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2</v>
      </c>
      <c r="AZ30" s="191">
        <v>30</v>
      </c>
      <c r="BA30" s="191">
        <v>11</v>
      </c>
      <c r="BB30" s="191">
        <v>0</v>
      </c>
      <c r="BC30" s="191">
        <v>0</v>
      </c>
      <c r="BD30" s="194">
        <v>43</v>
      </c>
      <c r="BE30" s="195">
        <v>43</v>
      </c>
      <c r="BF30" s="190">
        <v>0</v>
      </c>
      <c r="BG30" s="191">
        <v>0</v>
      </c>
      <c r="BH30" s="196">
        <v>0</v>
      </c>
      <c r="BI30" s="193">
        <v>0</v>
      </c>
      <c r="BJ30" s="191">
        <v>7</v>
      </c>
      <c r="BK30" s="191">
        <v>0</v>
      </c>
      <c r="BL30" s="191">
        <v>0</v>
      </c>
      <c r="BM30" s="191">
        <v>0</v>
      </c>
      <c r="BN30" s="191">
        <v>0</v>
      </c>
      <c r="BO30" s="196">
        <v>7</v>
      </c>
      <c r="BP30" s="195">
        <v>7</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3</v>
      </c>
      <c r="CI30" s="191">
        <v>0</v>
      </c>
      <c r="CJ30" s="191">
        <v>0</v>
      </c>
      <c r="CK30" s="196">
        <v>3</v>
      </c>
      <c r="CL30" s="195">
        <v>3</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1">
        <v>0</v>
      </c>
      <c r="E31" s="192">
        <v>0</v>
      </c>
      <c r="F31" s="193">
        <v>0</v>
      </c>
      <c r="G31" s="191">
        <v>0</v>
      </c>
      <c r="H31" s="191">
        <v>40</v>
      </c>
      <c r="I31" s="191">
        <v>0</v>
      </c>
      <c r="J31" s="191">
        <v>76</v>
      </c>
      <c r="K31" s="191">
        <v>0</v>
      </c>
      <c r="L31" s="194">
        <v>116</v>
      </c>
      <c r="M31" s="195">
        <v>116</v>
      </c>
      <c r="N31" s="190">
        <v>0</v>
      </c>
      <c r="O31" s="191">
        <v>0</v>
      </c>
      <c r="P31" s="196">
        <v>0</v>
      </c>
      <c r="Q31" s="193">
        <v>0</v>
      </c>
      <c r="R31" s="191">
        <v>0</v>
      </c>
      <c r="S31" s="191">
        <v>0</v>
      </c>
      <c r="T31" s="191">
        <v>0</v>
      </c>
      <c r="U31" s="191">
        <v>0</v>
      </c>
      <c r="V31" s="191">
        <v>7</v>
      </c>
      <c r="W31" s="196">
        <v>7</v>
      </c>
      <c r="X31" s="195">
        <v>7</v>
      </c>
      <c r="Y31" s="190">
        <v>4</v>
      </c>
      <c r="Z31" s="191">
        <v>0</v>
      </c>
      <c r="AA31" s="196">
        <v>4</v>
      </c>
      <c r="AB31" s="193">
        <v>0</v>
      </c>
      <c r="AC31" s="191">
        <v>0</v>
      </c>
      <c r="AD31" s="191">
        <v>15</v>
      </c>
      <c r="AE31" s="191">
        <v>16</v>
      </c>
      <c r="AF31" s="191">
        <v>0</v>
      </c>
      <c r="AG31" s="191">
        <v>0</v>
      </c>
      <c r="AH31" s="196">
        <v>31</v>
      </c>
      <c r="AI31" s="195">
        <v>35</v>
      </c>
      <c r="AJ31" s="190">
        <v>0</v>
      </c>
      <c r="AK31" s="191">
        <v>0</v>
      </c>
      <c r="AL31" s="196">
        <v>0</v>
      </c>
      <c r="AM31" s="193">
        <v>0</v>
      </c>
      <c r="AN31" s="191">
        <v>0</v>
      </c>
      <c r="AO31" s="191">
        <v>12</v>
      </c>
      <c r="AP31" s="191">
        <v>0</v>
      </c>
      <c r="AQ31" s="191">
        <v>0</v>
      </c>
      <c r="AR31" s="191">
        <v>0</v>
      </c>
      <c r="AS31" s="196">
        <v>12</v>
      </c>
      <c r="AT31" s="195">
        <v>12</v>
      </c>
      <c r="AU31" s="190">
        <v>0</v>
      </c>
      <c r="AV31" s="191">
        <v>0</v>
      </c>
      <c r="AW31" s="196">
        <v>0</v>
      </c>
      <c r="AX31" s="193">
        <v>0</v>
      </c>
      <c r="AY31" s="191">
        <v>0</v>
      </c>
      <c r="AZ31" s="191">
        <v>29</v>
      </c>
      <c r="BA31" s="191">
        <v>18</v>
      </c>
      <c r="BB31" s="191">
        <v>0</v>
      </c>
      <c r="BC31" s="191">
        <v>0</v>
      </c>
      <c r="BD31" s="194">
        <v>47</v>
      </c>
      <c r="BE31" s="195">
        <v>47</v>
      </c>
      <c r="BF31" s="190">
        <v>0</v>
      </c>
      <c r="BG31" s="191">
        <v>0</v>
      </c>
      <c r="BH31" s="196">
        <v>0</v>
      </c>
      <c r="BI31" s="193">
        <v>0</v>
      </c>
      <c r="BJ31" s="191">
        <v>0</v>
      </c>
      <c r="BK31" s="191">
        <v>0</v>
      </c>
      <c r="BL31" s="191">
        <v>3</v>
      </c>
      <c r="BM31" s="191">
        <v>8</v>
      </c>
      <c r="BN31" s="191">
        <v>0</v>
      </c>
      <c r="BO31" s="196">
        <v>11</v>
      </c>
      <c r="BP31" s="195">
        <v>11</v>
      </c>
      <c r="BQ31" s="190">
        <v>0</v>
      </c>
      <c r="BR31" s="191">
        <v>0</v>
      </c>
      <c r="BS31" s="196">
        <v>0</v>
      </c>
      <c r="BT31" s="193">
        <v>0</v>
      </c>
      <c r="BU31" s="191">
        <v>0</v>
      </c>
      <c r="BV31" s="191">
        <v>2</v>
      </c>
      <c r="BW31" s="191">
        <v>0</v>
      </c>
      <c r="BX31" s="191">
        <v>0</v>
      </c>
      <c r="BY31" s="191">
        <v>0</v>
      </c>
      <c r="BZ31" s="196">
        <v>2</v>
      </c>
      <c r="CA31" s="195">
        <v>2</v>
      </c>
      <c r="CB31" s="190">
        <v>0</v>
      </c>
      <c r="CC31" s="191">
        <v>0</v>
      </c>
      <c r="CD31" s="196">
        <v>0</v>
      </c>
      <c r="CE31" s="193">
        <v>0</v>
      </c>
      <c r="CF31" s="191">
        <v>0</v>
      </c>
      <c r="CG31" s="191">
        <v>0</v>
      </c>
      <c r="CH31" s="191">
        <v>6</v>
      </c>
      <c r="CI31" s="191">
        <v>0</v>
      </c>
      <c r="CJ31" s="191">
        <v>0</v>
      </c>
      <c r="CK31" s="196">
        <v>6</v>
      </c>
      <c r="CL31" s="195">
        <v>6</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1">
        <v>0</v>
      </c>
      <c r="E32" s="192">
        <v>0</v>
      </c>
      <c r="F32" s="193">
        <v>0</v>
      </c>
      <c r="G32" s="191">
        <v>11</v>
      </c>
      <c r="H32" s="191">
        <v>0</v>
      </c>
      <c r="I32" s="191">
        <v>9</v>
      </c>
      <c r="J32" s="191">
        <v>6</v>
      </c>
      <c r="K32" s="191">
        <v>62</v>
      </c>
      <c r="L32" s="194">
        <v>88</v>
      </c>
      <c r="M32" s="195">
        <v>88</v>
      </c>
      <c r="N32" s="190">
        <v>0</v>
      </c>
      <c r="O32" s="191">
        <v>0</v>
      </c>
      <c r="P32" s="196">
        <v>0</v>
      </c>
      <c r="Q32" s="193">
        <v>0</v>
      </c>
      <c r="R32" s="191">
        <v>0</v>
      </c>
      <c r="S32" s="191">
        <v>0</v>
      </c>
      <c r="T32" s="191">
        <v>0</v>
      </c>
      <c r="U32" s="191">
        <v>0</v>
      </c>
      <c r="V32" s="191">
        <v>0</v>
      </c>
      <c r="W32" s="196">
        <v>0</v>
      </c>
      <c r="X32" s="195">
        <v>0</v>
      </c>
      <c r="Y32" s="190">
        <v>8</v>
      </c>
      <c r="Z32" s="191">
        <v>10</v>
      </c>
      <c r="AA32" s="196">
        <v>18</v>
      </c>
      <c r="AB32" s="193">
        <v>0</v>
      </c>
      <c r="AC32" s="191">
        <v>5</v>
      </c>
      <c r="AD32" s="191">
        <v>0</v>
      </c>
      <c r="AE32" s="191">
        <v>2</v>
      </c>
      <c r="AF32" s="191">
        <v>12</v>
      </c>
      <c r="AG32" s="191">
        <v>8</v>
      </c>
      <c r="AH32" s="196">
        <v>27</v>
      </c>
      <c r="AI32" s="195">
        <v>45</v>
      </c>
      <c r="AJ32" s="190">
        <v>6</v>
      </c>
      <c r="AK32" s="191">
        <v>0</v>
      </c>
      <c r="AL32" s="196">
        <v>6</v>
      </c>
      <c r="AM32" s="193">
        <v>0</v>
      </c>
      <c r="AN32" s="191">
        <v>0</v>
      </c>
      <c r="AO32" s="191">
        <v>0</v>
      </c>
      <c r="AP32" s="191">
        <v>0</v>
      </c>
      <c r="AQ32" s="191">
        <v>0</v>
      </c>
      <c r="AR32" s="191">
        <v>0</v>
      </c>
      <c r="AS32" s="196">
        <v>0</v>
      </c>
      <c r="AT32" s="195">
        <v>6</v>
      </c>
      <c r="AU32" s="190">
        <v>0</v>
      </c>
      <c r="AV32" s="191">
        <v>0</v>
      </c>
      <c r="AW32" s="196">
        <v>0</v>
      </c>
      <c r="AX32" s="193">
        <v>0</v>
      </c>
      <c r="AY32" s="191">
        <v>20</v>
      </c>
      <c r="AZ32" s="191">
        <v>0</v>
      </c>
      <c r="BA32" s="191">
        <v>0</v>
      </c>
      <c r="BB32" s="191">
        <v>23</v>
      </c>
      <c r="BC32" s="191">
        <v>3</v>
      </c>
      <c r="BD32" s="194">
        <v>46</v>
      </c>
      <c r="BE32" s="195">
        <v>46</v>
      </c>
      <c r="BF32" s="190">
        <v>0</v>
      </c>
      <c r="BG32" s="191">
        <v>0</v>
      </c>
      <c r="BH32" s="196">
        <v>0</v>
      </c>
      <c r="BI32" s="193">
        <v>0</v>
      </c>
      <c r="BJ32" s="191">
        <v>6</v>
      </c>
      <c r="BK32" s="191">
        <v>0</v>
      </c>
      <c r="BL32" s="191">
        <v>0</v>
      </c>
      <c r="BM32" s="191">
        <v>0</v>
      </c>
      <c r="BN32" s="191">
        <v>0</v>
      </c>
      <c r="BO32" s="196">
        <v>6</v>
      </c>
      <c r="BP32" s="195">
        <v>6</v>
      </c>
      <c r="BQ32" s="190">
        <v>0</v>
      </c>
      <c r="BR32" s="191">
        <v>0</v>
      </c>
      <c r="BS32" s="196">
        <v>0</v>
      </c>
      <c r="BT32" s="193">
        <v>0</v>
      </c>
      <c r="BU32" s="191">
        <v>7</v>
      </c>
      <c r="BV32" s="191">
        <v>0</v>
      </c>
      <c r="BW32" s="191">
        <v>0</v>
      </c>
      <c r="BX32" s="191">
        <v>14</v>
      </c>
      <c r="BY32" s="191">
        <v>0</v>
      </c>
      <c r="BZ32" s="196">
        <v>21</v>
      </c>
      <c r="CA32" s="195">
        <v>21</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1">
        <v>0</v>
      </c>
      <c r="E33" s="192">
        <v>0</v>
      </c>
      <c r="F33" s="193">
        <v>0</v>
      </c>
      <c r="G33" s="191">
        <v>0</v>
      </c>
      <c r="H33" s="191">
        <v>5</v>
      </c>
      <c r="I33" s="191">
        <v>64</v>
      </c>
      <c r="J33" s="191">
        <v>0</v>
      </c>
      <c r="K33" s="191">
        <v>0</v>
      </c>
      <c r="L33" s="194">
        <v>69</v>
      </c>
      <c r="M33" s="195">
        <v>69</v>
      </c>
      <c r="N33" s="190">
        <v>0</v>
      </c>
      <c r="O33" s="191">
        <v>0</v>
      </c>
      <c r="P33" s="196">
        <v>0</v>
      </c>
      <c r="Q33" s="193">
        <v>0</v>
      </c>
      <c r="R33" s="191">
        <v>0</v>
      </c>
      <c r="S33" s="191">
        <v>5</v>
      </c>
      <c r="T33" s="191">
        <v>0</v>
      </c>
      <c r="U33" s="191">
        <v>0</v>
      </c>
      <c r="V33" s="191">
        <v>0</v>
      </c>
      <c r="W33" s="196">
        <v>5</v>
      </c>
      <c r="X33" s="195">
        <v>5</v>
      </c>
      <c r="Y33" s="190">
        <v>0</v>
      </c>
      <c r="Z33" s="191">
        <v>4</v>
      </c>
      <c r="AA33" s="196">
        <v>4</v>
      </c>
      <c r="AB33" s="193">
        <v>0</v>
      </c>
      <c r="AC33" s="191">
        <v>0</v>
      </c>
      <c r="AD33" s="191">
        <v>16</v>
      </c>
      <c r="AE33" s="191">
        <v>8</v>
      </c>
      <c r="AF33" s="191">
        <v>0</v>
      </c>
      <c r="AG33" s="191">
        <v>0</v>
      </c>
      <c r="AH33" s="196">
        <v>24</v>
      </c>
      <c r="AI33" s="195">
        <v>28</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34</v>
      </c>
      <c r="AZ33" s="191">
        <v>10</v>
      </c>
      <c r="BA33" s="191">
        <v>0</v>
      </c>
      <c r="BB33" s="191">
        <v>0</v>
      </c>
      <c r="BC33" s="191">
        <v>0</v>
      </c>
      <c r="BD33" s="194">
        <v>44</v>
      </c>
      <c r="BE33" s="195">
        <v>44</v>
      </c>
      <c r="BF33" s="190">
        <v>0</v>
      </c>
      <c r="BG33" s="191">
        <v>0</v>
      </c>
      <c r="BH33" s="196">
        <v>0</v>
      </c>
      <c r="BI33" s="193">
        <v>0</v>
      </c>
      <c r="BJ33" s="191">
        <v>6</v>
      </c>
      <c r="BK33" s="191">
        <v>11</v>
      </c>
      <c r="BL33" s="191">
        <v>7</v>
      </c>
      <c r="BM33" s="191">
        <v>0</v>
      </c>
      <c r="BN33" s="191">
        <v>0</v>
      </c>
      <c r="BO33" s="196">
        <v>24</v>
      </c>
      <c r="BP33" s="195">
        <v>24</v>
      </c>
      <c r="BQ33" s="190">
        <v>0</v>
      </c>
      <c r="BR33" s="191">
        <v>0</v>
      </c>
      <c r="BS33" s="196">
        <v>0</v>
      </c>
      <c r="BT33" s="193">
        <v>0</v>
      </c>
      <c r="BU33" s="191">
        <v>0</v>
      </c>
      <c r="BV33" s="191">
        <v>0</v>
      </c>
      <c r="BW33" s="191">
        <v>0</v>
      </c>
      <c r="BX33" s="191">
        <v>3</v>
      </c>
      <c r="BY33" s="191">
        <v>0</v>
      </c>
      <c r="BZ33" s="196">
        <v>3</v>
      </c>
      <c r="CA33" s="195">
        <v>3</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1">
        <v>0</v>
      </c>
      <c r="E34" s="192">
        <v>0</v>
      </c>
      <c r="F34" s="193">
        <v>0</v>
      </c>
      <c r="G34" s="191">
        <v>23</v>
      </c>
      <c r="H34" s="191">
        <v>123</v>
      </c>
      <c r="I34" s="191">
        <v>33</v>
      </c>
      <c r="J34" s="191">
        <v>0</v>
      </c>
      <c r="K34" s="191">
        <v>88</v>
      </c>
      <c r="L34" s="194">
        <v>267</v>
      </c>
      <c r="M34" s="195">
        <v>267</v>
      </c>
      <c r="N34" s="190">
        <v>0</v>
      </c>
      <c r="O34" s="191">
        <v>0</v>
      </c>
      <c r="P34" s="196">
        <v>0</v>
      </c>
      <c r="Q34" s="193">
        <v>0</v>
      </c>
      <c r="R34" s="191">
        <v>0</v>
      </c>
      <c r="S34" s="191">
        <v>0</v>
      </c>
      <c r="T34" s="191">
        <v>0</v>
      </c>
      <c r="U34" s="191">
        <v>0</v>
      </c>
      <c r="V34" s="191">
        <v>4</v>
      </c>
      <c r="W34" s="196">
        <v>4</v>
      </c>
      <c r="X34" s="195">
        <v>4</v>
      </c>
      <c r="Y34" s="190">
        <v>4</v>
      </c>
      <c r="Z34" s="191">
        <v>0</v>
      </c>
      <c r="AA34" s="196">
        <v>4</v>
      </c>
      <c r="AB34" s="193">
        <v>0</v>
      </c>
      <c r="AC34" s="191">
        <v>28</v>
      </c>
      <c r="AD34" s="191">
        <v>37</v>
      </c>
      <c r="AE34" s="191">
        <v>0</v>
      </c>
      <c r="AF34" s="191">
        <v>0</v>
      </c>
      <c r="AG34" s="191">
        <v>6</v>
      </c>
      <c r="AH34" s="196">
        <v>71</v>
      </c>
      <c r="AI34" s="195">
        <v>75</v>
      </c>
      <c r="AJ34" s="190">
        <v>0</v>
      </c>
      <c r="AK34" s="191">
        <v>0</v>
      </c>
      <c r="AL34" s="196">
        <v>0</v>
      </c>
      <c r="AM34" s="193">
        <v>0</v>
      </c>
      <c r="AN34" s="191">
        <v>24</v>
      </c>
      <c r="AO34" s="191">
        <v>6</v>
      </c>
      <c r="AP34" s="191">
        <v>0</v>
      </c>
      <c r="AQ34" s="191">
        <v>0</v>
      </c>
      <c r="AR34" s="191">
        <v>0</v>
      </c>
      <c r="AS34" s="196">
        <v>30</v>
      </c>
      <c r="AT34" s="195">
        <v>30</v>
      </c>
      <c r="AU34" s="190">
        <v>0</v>
      </c>
      <c r="AV34" s="191">
        <v>0</v>
      </c>
      <c r="AW34" s="196">
        <v>0</v>
      </c>
      <c r="AX34" s="193">
        <v>0</v>
      </c>
      <c r="AY34" s="191">
        <v>26</v>
      </c>
      <c r="AZ34" s="191">
        <v>41</v>
      </c>
      <c r="BA34" s="191">
        <v>6</v>
      </c>
      <c r="BB34" s="191">
        <v>5</v>
      </c>
      <c r="BC34" s="191">
        <v>0</v>
      </c>
      <c r="BD34" s="194">
        <v>78</v>
      </c>
      <c r="BE34" s="195">
        <v>78</v>
      </c>
      <c r="BF34" s="190">
        <v>0</v>
      </c>
      <c r="BG34" s="191">
        <v>0</v>
      </c>
      <c r="BH34" s="196">
        <v>0</v>
      </c>
      <c r="BI34" s="193">
        <v>0</v>
      </c>
      <c r="BJ34" s="191">
        <v>0</v>
      </c>
      <c r="BK34" s="191">
        <v>13</v>
      </c>
      <c r="BL34" s="191">
        <v>0</v>
      </c>
      <c r="BM34" s="191">
        <v>0</v>
      </c>
      <c r="BN34" s="191">
        <v>0</v>
      </c>
      <c r="BO34" s="196">
        <v>13</v>
      </c>
      <c r="BP34" s="195">
        <v>13</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0</v>
      </c>
      <c r="CG34" s="191">
        <v>0</v>
      </c>
      <c r="CH34" s="191">
        <v>0</v>
      </c>
      <c r="CI34" s="191">
        <v>0</v>
      </c>
      <c r="CJ34" s="191">
        <v>0</v>
      </c>
      <c r="CK34" s="196">
        <v>0</v>
      </c>
      <c r="CL34" s="195">
        <v>0</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1">
        <v>0</v>
      </c>
      <c r="E35" s="192">
        <v>0</v>
      </c>
      <c r="F35" s="193">
        <v>0</v>
      </c>
      <c r="G35" s="191">
        <v>37</v>
      </c>
      <c r="H35" s="191">
        <v>0</v>
      </c>
      <c r="I35" s="191">
        <v>13</v>
      </c>
      <c r="J35" s="191">
        <v>0</v>
      </c>
      <c r="K35" s="191">
        <v>0</v>
      </c>
      <c r="L35" s="194">
        <v>50</v>
      </c>
      <c r="M35" s="195">
        <v>5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7</v>
      </c>
      <c r="AD35" s="191">
        <v>0</v>
      </c>
      <c r="AE35" s="191">
        <v>5</v>
      </c>
      <c r="AF35" s="191">
        <v>0</v>
      </c>
      <c r="AG35" s="191">
        <v>0</v>
      </c>
      <c r="AH35" s="196">
        <v>12</v>
      </c>
      <c r="AI35" s="195">
        <v>12</v>
      </c>
      <c r="AJ35" s="190">
        <v>24</v>
      </c>
      <c r="AK35" s="191">
        <v>9</v>
      </c>
      <c r="AL35" s="196">
        <v>33</v>
      </c>
      <c r="AM35" s="193">
        <v>0</v>
      </c>
      <c r="AN35" s="191">
        <v>72</v>
      </c>
      <c r="AO35" s="191">
        <v>0</v>
      </c>
      <c r="AP35" s="191">
        <v>15</v>
      </c>
      <c r="AQ35" s="191">
        <v>0</v>
      </c>
      <c r="AR35" s="191">
        <v>0</v>
      </c>
      <c r="AS35" s="196">
        <v>87</v>
      </c>
      <c r="AT35" s="195">
        <v>120</v>
      </c>
      <c r="AU35" s="190">
        <v>0</v>
      </c>
      <c r="AV35" s="191">
        <v>0</v>
      </c>
      <c r="AW35" s="196">
        <v>0</v>
      </c>
      <c r="AX35" s="193">
        <v>0</v>
      </c>
      <c r="AY35" s="191">
        <v>3</v>
      </c>
      <c r="AZ35" s="191">
        <v>0</v>
      </c>
      <c r="BA35" s="191">
        <v>0</v>
      </c>
      <c r="BB35" s="191">
        <v>0</v>
      </c>
      <c r="BC35" s="191">
        <v>0</v>
      </c>
      <c r="BD35" s="194">
        <v>3</v>
      </c>
      <c r="BE35" s="195">
        <v>3</v>
      </c>
      <c r="BF35" s="190">
        <v>0</v>
      </c>
      <c r="BG35" s="191">
        <v>0</v>
      </c>
      <c r="BH35" s="196">
        <v>0</v>
      </c>
      <c r="BI35" s="193">
        <v>0</v>
      </c>
      <c r="BJ35" s="191">
        <v>0</v>
      </c>
      <c r="BK35" s="191">
        <v>0</v>
      </c>
      <c r="BL35" s="191">
        <v>0</v>
      </c>
      <c r="BM35" s="191">
        <v>0</v>
      </c>
      <c r="BN35" s="191">
        <v>0</v>
      </c>
      <c r="BO35" s="196">
        <v>0</v>
      </c>
      <c r="BP35" s="195">
        <v>0</v>
      </c>
      <c r="BQ35" s="190">
        <v>0</v>
      </c>
      <c r="BR35" s="191">
        <v>0</v>
      </c>
      <c r="BS35" s="196">
        <v>0</v>
      </c>
      <c r="BT35" s="193">
        <v>0</v>
      </c>
      <c r="BU35" s="191">
        <v>0</v>
      </c>
      <c r="BV35" s="191">
        <v>0</v>
      </c>
      <c r="BW35" s="191">
        <v>0</v>
      </c>
      <c r="BX35" s="191">
        <v>0</v>
      </c>
      <c r="BY35" s="191">
        <v>31</v>
      </c>
      <c r="BZ35" s="196">
        <v>31</v>
      </c>
      <c r="CA35" s="195">
        <v>31</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0</v>
      </c>
      <c r="DC35" s="191">
        <v>0</v>
      </c>
      <c r="DD35" s="191">
        <v>0</v>
      </c>
      <c r="DE35" s="191">
        <v>0</v>
      </c>
      <c r="DF35" s="191">
        <v>0</v>
      </c>
      <c r="DG35" s="196">
        <v>0</v>
      </c>
      <c r="DH35" s="195">
        <v>0</v>
      </c>
    </row>
    <row r="36" spans="2:112" ht="21" customHeight="1" x14ac:dyDescent="0.2">
      <c r="B36" s="106" t="s">
        <v>34</v>
      </c>
      <c r="C36" s="190">
        <v>0</v>
      </c>
      <c r="D36" s="191">
        <v>0</v>
      </c>
      <c r="E36" s="192">
        <v>0</v>
      </c>
      <c r="F36" s="193">
        <v>0</v>
      </c>
      <c r="G36" s="191">
        <v>0</v>
      </c>
      <c r="H36" s="191">
        <v>0</v>
      </c>
      <c r="I36" s="191">
        <v>0</v>
      </c>
      <c r="J36" s="191">
        <v>16</v>
      </c>
      <c r="K36" s="191">
        <v>0</v>
      </c>
      <c r="L36" s="194">
        <v>16</v>
      </c>
      <c r="M36" s="195">
        <v>16</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4</v>
      </c>
      <c r="AD36" s="191">
        <v>35</v>
      </c>
      <c r="AE36" s="191">
        <v>0</v>
      </c>
      <c r="AF36" s="191">
        <v>0</v>
      </c>
      <c r="AG36" s="191">
        <v>13</v>
      </c>
      <c r="AH36" s="196">
        <v>52</v>
      </c>
      <c r="AI36" s="195">
        <v>52</v>
      </c>
      <c r="AJ36" s="190">
        <v>0</v>
      </c>
      <c r="AK36" s="191">
        <v>0</v>
      </c>
      <c r="AL36" s="196">
        <v>0</v>
      </c>
      <c r="AM36" s="193">
        <v>0</v>
      </c>
      <c r="AN36" s="191">
        <v>0</v>
      </c>
      <c r="AO36" s="191">
        <v>0</v>
      </c>
      <c r="AP36" s="191">
        <v>0</v>
      </c>
      <c r="AQ36" s="191">
        <v>0</v>
      </c>
      <c r="AR36" s="191">
        <v>18</v>
      </c>
      <c r="AS36" s="196">
        <v>18</v>
      </c>
      <c r="AT36" s="195">
        <v>18</v>
      </c>
      <c r="AU36" s="190">
        <v>0</v>
      </c>
      <c r="AV36" s="191">
        <v>0</v>
      </c>
      <c r="AW36" s="196">
        <v>0</v>
      </c>
      <c r="AX36" s="193">
        <v>0</v>
      </c>
      <c r="AY36" s="191">
        <v>0</v>
      </c>
      <c r="AZ36" s="191">
        <v>5</v>
      </c>
      <c r="BA36" s="191">
        <v>4</v>
      </c>
      <c r="BB36" s="191">
        <v>0</v>
      </c>
      <c r="BC36" s="191">
        <v>0</v>
      </c>
      <c r="BD36" s="194">
        <v>9</v>
      </c>
      <c r="BE36" s="195">
        <v>9</v>
      </c>
      <c r="BF36" s="190">
        <v>0</v>
      </c>
      <c r="BG36" s="191">
        <v>0</v>
      </c>
      <c r="BH36" s="196">
        <v>0</v>
      </c>
      <c r="BI36" s="193">
        <v>0</v>
      </c>
      <c r="BJ36" s="191">
        <v>0</v>
      </c>
      <c r="BK36" s="191">
        <v>0</v>
      </c>
      <c r="BL36" s="191">
        <v>0</v>
      </c>
      <c r="BM36" s="191">
        <v>0</v>
      </c>
      <c r="BN36" s="191">
        <v>0</v>
      </c>
      <c r="BO36" s="196">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1">
        <v>0</v>
      </c>
      <c r="E37" s="192">
        <v>0</v>
      </c>
      <c r="F37" s="193">
        <v>0</v>
      </c>
      <c r="G37" s="191">
        <v>38</v>
      </c>
      <c r="H37" s="191">
        <v>58</v>
      </c>
      <c r="I37" s="191">
        <v>23</v>
      </c>
      <c r="J37" s="191">
        <v>11</v>
      </c>
      <c r="K37" s="191">
        <v>0</v>
      </c>
      <c r="L37" s="194">
        <v>130</v>
      </c>
      <c r="M37" s="195">
        <v>130</v>
      </c>
      <c r="N37" s="190">
        <v>0</v>
      </c>
      <c r="O37" s="191">
        <v>0</v>
      </c>
      <c r="P37" s="196">
        <v>0</v>
      </c>
      <c r="Q37" s="193">
        <v>0</v>
      </c>
      <c r="R37" s="191">
        <v>0</v>
      </c>
      <c r="S37" s="191">
        <v>0</v>
      </c>
      <c r="T37" s="191">
        <v>4</v>
      </c>
      <c r="U37" s="191">
        <v>0</v>
      </c>
      <c r="V37" s="191">
        <v>4</v>
      </c>
      <c r="W37" s="196">
        <v>8</v>
      </c>
      <c r="X37" s="195">
        <v>8</v>
      </c>
      <c r="Y37" s="190">
        <v>0</v>
      </c>
      <c r="Z37" s="191">
        <v>0</v>
      </c>
      <c r="AA37" s="196">
        <v>0</v>
      </c>
      <c r="AB37" s="193">
        <v>0</v>
      </c>
      <c r="AC37" s="191">
        <v>19</v>
      </c>
      <c r="AD37" s="191">
        <v>15</v>
      </c>
      <c r="AE37" s="191">
        <v>13</v>
      </c>
      <c r="AF37" s="191">
        <v>1</v>
      </c>
      <c r="AG37" s="191">
        <v>32</v>
      </c>
      <c r="AH37" s="196">
        <v>80</v>
      </c>
      <c r="AI37" s="195">
        <v>80</v>
      </c>
      <c r="AJ37" s="190">
        <v>8</v>
      </c>
      <c r="AK37" s="191">
        <v>15</v>
      </c>
      <c r="AL37" s="196">
        <v>23</v>
      </c>
      <c r="AM37" s="193">
        <v>0</v>
      </c>
      <c r="AN37" s="191">
        <v>32</v>
      </c>
      <c r="AO37" s="191">
        <v>0</v>
      </c>
      <c r="AP37" s="191">
        <v>0</v>
      </c>
      <c r="AQ37" s="191">
        <v>0</v>
      </c>
      <c r="AR37" s="191">
        <v>4</v>
      </c>
      <c r="AS37" s="196">
        <v>36</v>
      </c>
      <c r="AT37" s="195">
        <v>59</v>
      </c>
      <c r="AU37" s="190">
        <v>0</v>
      </c>
      <c r="AV37" s="191">
        <v>0</v>
      </c>
      <c r="AW37" s="196">
        <v>0</v>
      </c>
      <c r="AX37" s="193">
        <v>0</v>
      </c>
      <c r="AY37" s="191">
        <v>41</v>
      </c>
      <c r="AZ37" s="191">
        <v>13</v>
      </c>
      <c r="BA37" s="191">
        <v>14</v>
      </c>
      <c r="BB37" s="191">
        <v>0</v>
      </c>
      <c r="BC37" s="191">
        <v>0</v>
      </c>
      <c r="BD37" s="194">
        <v>68</v>
      </c>
      <c r="BE37" s="195">
        <v>68</v>
      </c>
      <c r="BF37" s="190">
        <v>0</v>
      </c>
      <c r="BG37" s="191">
        <v>0</v>
      </c>
      <c r="BH37" s="196">
        <v>0</v>
      </c>
      <c r="BI37" s="193">
        <v>0</v>
      </c>
      <c r="BJ37" s="191">
        <v>39</v>
      </c>
      <c r="BK37" s="191">
        <v>0</v>
      </c>
      <c r="BL37" s="191">
        <v>8</v>
      </c>
      <c r="BM37" s="191">
        <v>13</v>
      </c>
      <c r="BN37" s="191">
        <v>0</v>
      </c>
      <c r="BO37" s="196">
        <v>60</v>
      </c>
      <c r="BP37" s="195">
        <v>60</v>
      </c>
      <c r="BQ37" s="190">
        <v>0</v>
      </c>
      <c r="BR37" s="191">
        <v>0</v>
      </c>
      <c r="BS37" s="196">
        <v>0</v>
      </c>
      <c r="BT37" s="193">
        <v>0</v>
      </c>
      <c r="BU37" s="191">
        <v>0</v>
      </c>
      <c r="BV37" s="191">
        <v>0</v>
      </c>
      <c r="BW37" s="191">
        <v>0</v>
      </c>
      <c r="BX37" s="191">
        <v>0</v>
      </c>
      <c r="BY37" s="191">
        <v>3</v>
      </c>
      <c r="BZ37" s="196">
        <v>3</v>
      </c>
      <c r="CA37" s="195">
        <v>3</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1">
        <v>0</v>
      </c>
      <c r="E38" s="192">
        <v>0</v>
      </c>
      <c r="F38" s="193">
        <v>0</v>
      </c>
      <c r="G38" s="191">
        <v>0</v>
      </c>
      <c r="H38" s="191">
        <v>0</v>
      </c>
      <c r="I38" s="191">
        <v>0</v>
      </c>
      <c r="J38" s="191">
        <v>32</v>
      </c>
      <c r="K38" s="191">
        <v>124</v>
      </c>
      <c r="L38" s="194">
        <v>156</v>
      </c>
      <c r="M38" s="195">
        <v>156</v>
      </c>
      <c r="N38" s="190">
        <v>0</v>
      </c>
      <c r="O38" s="191">
        <v>0</v>
      </c>
      <c r="P38" s="196">
        <v>0</v>
      </c>
      <c r="Q38" s="193">
        <v>0</v>
      </c>
      <c r="R38" s="191">
        <v>0</v>
      </c>
      <c r="S38" s="191">
        <v>0</v>
      </c>
      <c r="T38" s="191">
        <v>3</v>
      </c>
      <c r="U38" s="191">
        <v>0</v>
      </c>
      <c r="V38" s="191">
        <v>9</v>
      </c>
      <c r="W38" s="196">
        <v>12</v>
      </c>
      <c r="X38" s="195">
        <v>12</v>
      </c>
      <c r="Y38" s="190">
        <v>0</v>
      </c>
      <c r="Z38" s="191">
        <v>0</v>
      </c>
      <c r="AA38" s="196">
        <v>0</v>
      </c>
      <c r="AB38" s="193">
        <v>0</v>
      </c>
      <c r="AC38" s="191">
        <v>31</v>
      </c>
      <c r="AD38" s="191">
        <v>0</v>
      </c>
      <c r="AE38" s="191">
        <v>9</v>
      </c>
      <c r="AF38" s="191">
        <v>0</v>
      </c>
      <c r="AG38" s="191">
        <v>0</v>
      </c>
      <c r="AH38" s="196">
        <v>40</v>
      </c>
      <c r="AI38" s="195">
        <v>40</v>
      </c>
      <c r="AJ38" s="190">
        <v>0</v>
      </c>
      <c r="AK38" s="191">
        <v>14</v>
      </c>
      <c r="AL38" s="196">
        <v>14</v>
      </c>
      <c r="AM38" s="193">
        <v>0</v>
      </c>
      <c r="AN38" s="191">
        <v>12</v>
      </c>
      <c r="AO38" s="191">
        <v>0</v>
      </c>
      <c r="AP38" s="191">
        <v>0</v>
      </c>
      <c r="AQ38" s="191">
        <v>0</v>
      </c>
      <c r="AR38" s="191">
        <v>0</v>
      </c>
      <c r="AS38" s="196">
        <v>12</v>
      </c>
      <c r="AT38" s="195">
        <v>26</v>
      </c>
      <c r="AU38" s="190">
        <v>0</v>
      </c>
      <c r="AV38" s="191">
        <v>0</v>
      </c>
      <c r="AW38" s="196">
        <v>0</v>
      </c>
      <c r="AX38" s="193">
        <v>0</v>
      </c>
      <c r="AY38" s="191">
        <v>0</v>
      </c>
      <c r="AZ38" s="191">
        <v>21</v>
      </c>
      <c r="BA38" s="191">
        <v>1</v>
      </c>
      <c r="BB38" s="191">
        <v>0</v>
      </c>
      <c r="BC38" s="191">
        <v>0</v>
      </c>
      <c r="BD38" s="194">
        <v>22</v>
      </c>
      <c r="BE38" s="195">
        <v>22</v>
      </c>
      <c r="BF38" s="190">
        <v>0</v>
      </c>
      <c r="BG38" s="191">
        <v>0</v>
      </c>
      <c r="BH38" s="196">
        <v>0</v>
      </c>
      <c r="BI38" s="193">
        <v>0</v>
      </c>
      <c r="BJ38" s="191">
        <v>13</v>
      </c>
      <c r="BK38" s="191">
        <v>0</v>
      </c>
      <c r="BL38" s="191">
        <v>6</v>
      </c>
      <c r="BM38" s="191">
        <v>0</v>
      </c>
      <c r="BN38" s="191">
        <v>0</v>
      </c>
      <c r="BO38" s="196">
        <v>19</v>
      </c>
      <c r="BP38" s="195">
        <v>19</v>
      </c>
      <c r="BQ38" s="190">
        <v>0</v>
      </c>
      <c r="BR38" s="191">
        <v>0</v>
      </c>
      <c r="BS38" s="196">
        <v>0</v>
      </c>
      <c r="BT38" s="193">
        <v>0</v>
      </c>
      <c r="BU38" s="191">
        <v>0</v>
      </c>
      <c r="BV38" s="191">
        <v>3</v>
      </c>
      <c r="BW38" s="191">
        <v>0</v>
      </c>
      <c r="BX38" s="191">
        <v>24</v>
      </c>
      <c r="BY38" s="191">
        <v>0</v>
      </c>
      <c r="BZ38" s="196">
        <v>27</v>
      </c>
      <c r="CA38" s="195">
        <v>27</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198">
        <v>0</v>
      </c>
      <c r="E39" s="199">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0</v>
      </c>
      <c r="AH39" s="203">
        <v>0</v>
      </c>
      <c r="AI39" s="202">
        <v>0</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0</v>
      </c>
      <c r="BD39" s="201">
        <v>0</v>
      </c>
      <c r="BE39" s="202">
        <v>0</v>
      </c>
      <c r="BF39" s="197">
        <v>0</v>
      </c>
      <c r="BG39" s="198">
        <v>0</v>
      </c>
      <c r="BH39" s="203">
        <v>0</v>
      </c>
      <c r="BI39" s="200">
        <v>0</v>
      </c>
      <c r="BJ39" s="198">
        <v>4</v>
      </c>
      <c r="BK39" s="198">
        <v>9</v>
      </c>
      <c r="BL39" s="198">
        <v>0</v>
      </c>
      <c r="BM39" s="198">
        <v>0</v>
      </c>
      <c r="BN39" s="198">
        <v>0</v>
      </c>
      <c r="BO39" s="203">
        <v>13</v>
      </c>
      <c r="BP39" s="202">
        <v>13</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88671875" style="175" customWidth="1"/>
    <col min="18" max="27" width="9" style="175"/>
    <col min="28" max="28" width="7.77734375" style="175" customWidth="1"/>
    <col min="29" max="38" width="9" style="175"/>
    <col min="39" max="39" width="7.5546875" style="175" customWidth="1"/>
    <col min="40" max="49" width="9" style="175"/>
    <col min="50" max="50" width="7.77734375" style="175" customWidth="1"/>
    <col min="51" max="60" width="9" style="175"/>
    <col min="61" max="61" width="7.4414062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6384" width="9" style="175"/>
  </cols>
  <sheetData>
    <row r="1" spans="2:112" ht="24" customHeight="1" x14ac:dyDescent="0.2">
      <c r="B1" s="142" t="s">
        <v>121</v>
      </c>
      <c r="J1" s="442">
        <f>第１表!F2</f>
        <v>6</v>
      </c>
      <c r="K1" s="442"/>
      <c r="L1" s="18">
        <f>第１表!G2</f>
        <v>10</v>
      </c>
      <c r="M1" s="446">
        <f>IF(L1&lt;3,L1+12-2,L1-2)</f>
        <v>8</v>
      </c>
      <c r="N1" s="446"/>
    </row>
    <row r="2" spans="2:112" ht="24" customHeight="1" thickBot="1" x14ac:dyDescent="0.25">
      <c r="B2" s="142" t="s">
        <v>151</v>
      </c>
    </row>
    <row r="3" spans="2:112" ht="21" customHeight="1" thickBot="1" x14ac:dyDescent="0.25">
      <c r="B3" s="483"/>
      <c r="C3" s="486" t="s">
        <v>111</v>
      </c>
      <c r="D3" s="486"/>
      <c r="E3" s="486"/>
      <c r="F3" s="486"/>
      <c r="G3" s="486"/>
      <c r="H3" s="486"/>
      <c r="I3" s="486"/>
      <c r="J3" s="486"/>
      <c r="K3" s="486"/>
      <c r="L3" s="486"/>
      <c r="M3" s="487"/>
      <c r="N3" s="481" t="s">
        <v>110</v>
      </c>
      <c r="O3" s="481"/>
      <c r="P3" s="481"/>
      <c r="Q3" s="481"/>
      <c r="R3" s="481"/>
      <c r="S3" s="481"/>
      <c r="T3" s="481"/>
      <c r="U3" s="481"/>
      <c r="V3" s="481"/>
      <c r="W3" s="481"/>
      <c r="X3" s="482"/>
      <c r="Y3" s="480" t="s">
        <v>109</v>
      </c>
      <c r="Z3" s="481"/>
      <c r="AA3" s="481"/>
      <c r="AB3" s="481"/>
      <c r="AC3" s="481"/>
      <c r="AD3" s="481"/>
      <c r="AE3" s="481"/>
      <c r="AF3" s="481"/>
      <c r="AG3" s="481"/>
      <c r="AH3" s="481"/>
      <c r="AI3" s="482"/>
      <c r="AJ3" s="480" t="s">
        <v>108</v>
      </c>
      <c r="AK3" s="481"/>
      <c r="AL3" s="481"/>
      <c r="AM3" s="481"/>
      <c r="AN3" s="481"/>
      <c r="AO3" s="481"/>
      <c r="AP3" s="481"/>
      <c r="AQ3" s="481"/>
      <c r="AR3" s="481"/>
      <c r="AS3" s="481"/>
      <c r="AT3" s="482"/>
      <c r="AU3" s="480" t="s">
        <v>107</v>
      </c>
      <c r="AV3" s="481"/>
      <c r="AW3" s="481"/>
      <c r="AX3" s="481"/>
      <c r="AY3" s="481"/>
      <c r="AZ3" s="481"/>
      <c r="BA3" s="481"/>
      <c r="BB3" s="481"/>
      <c r="BC3" s="481"/>
      <c r="BD3" s="481"/>
      <c r="BE3" s="482"/>
      <c r="BF3" s="480" t="s">
        <v>106</v>
      </c>
      <c r="BG3" s="481"/>
      <c r="BH3" s="481"/>
      <c r="BI3" s="481"/>
      <c r="BJ3" s="481"/>
      <c r="BK3" s="481"/>
      <c r="BL3" s="481"/>
      <c r="BM3" s="481"/>
      <c r="BN3" s="481"/>
      <c r="BO3" s="481"/>
      <c r="BP3" s="482"/>
      <c r="BQ3" s="480" t="s">
        <v>105</v>
      </c>
      <c r="BR3" s="481"/>
      <c r="BS3" s="481"/>
      <c r="BT3" s="481"/>
      <c r="BU3" s="481"/>
      <c r="BV3" s="481"/>
      <c r="BW3" s="481"/>
      <c r="BX3" s="481"/>
      <c r="BY3" s="481"/>
      <c r="BZ3" s="481"/>
      <c r="CA3" s="482"/>
      <c r="CB3" s="480" t="s">
        <v>125</v>
      </c>
      <c r="CC3" s="481"/>
      <c r="CD3" s="481"/>
      <c r="CE3" s="481"/>
      <c r="CF3" s="481"/>
      <c r="CG3" s="481"/>
      <c r="CH3" s="481"/>
      <c r="CI3" s="481"/>
      <c r="CJ3" s="481"/>
      <c r="CK3" s="481"/>
      <c r="CL3" s="482"/>
      <c r="CM3" s="480" t="s">
        <v>158</v>
      </c>
      <c r="CN3" s="481"/>
      <c r="CO3" s="481"/>
      <c r="CP3" s="481"/>
      <c r="CQ3" s="481"/>
      <c r="CR3" s="481"/>
      <c r="CS3" s="481"/>
      <c r="CT3" s="481"/>
      <c r="CU3" s="481"/>
      <c r="CV3" s="481"/>
      <c r="CW3" s="482"/>
      <c r="CX3" s="480" t="s">
        <v>154</v>
      </c>
      <c r="CY3" s="481"/>
      <c r="CZ3" s="481"/>
      <c r="DA3" s="481"/>
      <c r="DB3" s="481"/>
      <c r="DC3" s="481"/>
      <c r="DD3" s="481"/>
      <c r="DE3" s="481"/>
      <c r="DF3" s="481"/>
      <c r="DG3" s="481"/>
      <c r="DH3" s="482"/>
    </row>
    <row r="4" spans="2:112" ht="21" customHeight="1" x14ac:dyDescent="0.2">
      <c r="B4" s="484"/>
      <c r="C4" s="488" t="s">
        <v>61</v>
      </c>
      <c r="D4" s="473"/>
      <c r="E4" s="474"/>
      <c r="F4" s="475" t="s">
        <v>62</v>
      </c>
      <c r="G4" s="473"/>
      <c r="H4" s="473"/>
      <c r="I4" s="473"/>
      <c r="J4" s="473"/>
      <c r="K4" s="473"/>
      <c r="L4" s="476"/>
      <c r="M4" s="470" t="s">
        <v>52</v>
      </c>
      <c r="N4" s="488" t="s">
        <v>61</v>
      </c>
      <c r="O4" s="473"/>
      <c r="P4" s="474"/>
      <c r="Q4" s="475" t="s">
        <v>62</v>
      </c>
      <c r="R4" s="473"/>
      <c r="S4" s="473"/>
      <c r="T4" s="473"/>
      <c r="U4" s="473"/>
      <c r="V4" s="473"/>
      <c r="W4" s="474"/>
      <c r="X4" s="470" t="s">
        <v>52</v>
      </c>
      <c r="Y4" s="472" t="s">
        <v>61</v>
      </c>
      <c r="Z4" s="473"/>
      <c r="AA4" s="476"/>
      <c r="AB4" s="475" t="s">
        <v>62</v>
      </c>
      <c r="AC4" s="473"/>
      <c r="AD4" s="473"/>
      <c r="AE4" s="473"/>
      <c r="AF4" s="473"/>
      <c r="AG4" s="473"/>
      <c r="AH4" s="474"/>
      <c r="AI4" s="470" t="s">
        <v>52</v>
      </c>
      <c r="AJ4" s="472" t="s">
        <v>61</v>
      </c>
      <c r="AK4" s="473"/>
      <c r="AL4" s="474"/>
      <c r="AM4" s="475" t="s">
        <v>62</v>
      </c>
      <c r="AN4" s="473"/>
      <c r="AO4" s="473"/>
      <c r="AP4" s="473"/>
      <c r="AQ4" s="473"/>
      <c r="AR4" s="473"/>
      <c r="AS4" s="474"/>
      <c r="AT4" s="470" t="s">
        <v>52</v>
      </c>
      <c r="AU4" s="472" t="s">
        <v>61</v>
      </c>
      <c r="AV4" s="473"/>
      <c r="AW4" s="476"/>
      <c r="AX4" s="475" t="s">
        <v>62</v>
      </c>
      <c r="AY4" s="473"/>
      <c r="AZ4" s="473"/>
      <c r="BA4" s="473"/>
      <c r="BB4" s="473"/>
      <c r="BC4" s="473"/>
      <c r="BD4" s="476"/>
      <c r="BE4" s="470" t="s">
        <v>52</v>
      </c>
      <c r="BF4" s="472" t="s">
        <v>61</v>
      </c>
      <c r="BG4" s="473"/>
      <c r="BH4" s="474"/>
      <c r="BI4" s="475" t="s">
        <v>62</v>
      </c>
      <c r="BJ4" s="473"/>
      <c r="BK4" s="473"/>
      <c r="BL4" s="473"/>
      <c r="BM4" s="473"/>
      <c r="BN4" s="473"/>
      <c r="BO4" s="474"/>
      <c r="BP4" s="470" t="s">
        <v>52</v>
      </c>
      <c r="BQ4" s="472" t="s">
        <v>61</v>
      </c>
      <c r="BR4" s="473"/>
      <c r="BS4" s="474"/>
      <c r="BT4" s="475" t="s">
        <v>62</v>
      </c>
      <c r="BU4" s="473"/>
      <c r="BV4" s="473"/>
      <c r="BW4" s="473"/>
      <c r="BX4" s="473"/>
      <c r="BY4" s="473"/>
      <c r="BZ4" s="474"/>
      <c r="CA4" s="470" t="s">
        <v>52</v>
      </c>
      <c r="CB4" s="472" t="s">
        <v>61</v>
      </c>
      <c r="CC4" s="473"/>
      <c r="CD4" s="474"/>
      <c r="CE4" s="475" t="s">
        <v>62</v>
      </c>
      <c r="CF4" s="473"/>
      <c r="CG4" s="473"/>
      <c r="CH4" s="473"/>
      <c r="CI4" s="473"/>
      <c r="CJ4" s="473"/>
      <c r="CK4" s="474"/>
      <c r="CL4" s="470" t="s">
        <v>52</v>
      </c>
      <c r="CM4" s="472" t="s">
        <v>61</v>
      </c>
      <c r="CN4" s="473"/>
      <c r="CO4" s="474"/>
      <c r="CP4" s="475" t="s">
        <v>62</v>
      </c>
      <c r="CQ4" s="473"/>
      <c r="CR4" s="473"/>
      <c r="CS4" s="473"/>
      <c r="CT4" s="473"/>
      <c r="CU4" s="473"/>
      <c r="CV4" s="474"/>
      <c r="CW4" s="470" t="s">
        <v>52</v>
      </c>
      <c r="CX4" s="472" t="s">
        <v>61</v>
      </c>
      <c r="CY4" s="473"/>
      <c r="CZ4" s="474"/>
      <c r="DA4" s="475" t="s">
        <v>62</v>
      </c>
      <c r="DB4" s="473"/>
      <c r="DC4" s="473"/>
      <c r="DD4" s="473"/>
      <c r="DE4" s="473"/>
      <c r="DF4" s="473"/>
      <c r="DG4" s="474"/>
      <c r="DH4" s="470" t="s">
        <v>52</v>
      </c>
    </row>
    <row r="5" spans="2:112" ht="30" customHeight="1" thickBot="1" x14ac:dyDescent="0.25">
      <c r="B5" s="485"/>
      <c r="C5" s="204" t="s">
        <v>43</v>
      </c>
      <c r="D5" s="182" t="s">
        <v>44</v>
      </c>
      <c r="E5" s="205" t="s">
        <v>45</v>
      </c>
      <c r="F5" s="180" t="s">
        <v>83</v>
      </c>
      <c r="G5" s="178" t="s">
        <v>47</v>
      </c>
      <c r="H5" s="178" t="s">
        <v>48</v>
      </c>
      <c r="I5" s="178" t="s">
        <v>49</v>
      </c>
      <c r="J5" s="178" t="s">
        <v>50</v>
      </c>
      <c r="K5" s="178" t="s">
        <v>51</v>
      </c>
      <c r="L5" s="181" t="s">
        <v>45</v>
      </c>
      <c r="M5" s="471"/>
      <c r="N5" s="204" t="s">
        <v>43</v>
      </c>
      <c r="O5" s="178" t="s">
        <v>44</v>
      </c>
      <c r="P5" s="182" t="s">
        <v>45</v>
      </c>
      <c r="Q5" s="180" t="s">
        <v>83</v>
      </c>
      <c r="R5" s="178" t="s">
        <v>47</v>
      </c>
      <c r="S5" s="178" t="s">
        <v>48</v>
      </c>
      <c r="T5" s="178" t="s">
        <v>49</v>
      </c>
      <c r="U5" s="178" t="s">
        <v>50</v>
      </c>
      <c r="V5" s="178" t="s">
        <v>51</v>
      </c>
      <c r="W5" s="182" t="s">
        <v>45</v>
      </c>
      <c r="X5" s="471"/>
      <c r="Y5" s="177" t="s">
        <v>43</v>
      </c>
      <c r="Z5" s="178" t="s">
        <v>44</v>
      </c>
      <c r="AA5" s="181" t="s">
        <v>45</v>
      </c>
      <c r="AB5" s="180" t="s">
        <v>83</v>
      </c>
      <c r="AC5" s="178" t="s">
        <v>47</v>
      </c>
      <c r="AD5" s="178" t="s">
        <v>48</v>
      </c>
      <c r="AE5" s="178" t="s">
        <v>49</v>
      </c>
      <c r="AF5" s="178" t="s">
        <v>50</v>
      </c>
      <c r="AG5" s="178" t="s">
        <v>51</v>
      </c>
      <c r="AH5" s="182" t="s">
        <v>45</v>
      </c>
      <c r="AI5" s="471"/>
      <c r="AJ5" s="177" t="s">
        <v>43</v>
      </c>
      <c r="AK5" s="178" t="s">
        <v>44</v>
      </c>
      <c r="AL5" s="182" t="s">
        <v>45</v>
      </c>
      <c r="AM5" s="180" t="s">
        <v>83</v>
      </c>
      <c r="AN5" s="178" t="s">
        <v>47</v>
      </c>
      <c r="AO5" s="178" t="s">
        <v>48</v>
      </c>
      <c r="AP5" s="178" t="s">
        <v>49</v>
      </c>
      <c r="AQ5" s="178" t="s">
        <v>50</v>
      </c>
      <c r="AR5" s="178" t="s">
        <v>51</v>
      </c>
      <c r="AS5" s="182" t="s">
        <v>45</v>
      </c>
      <c r="AT5" s="471"/>
      <c r="AU5" s="177" t="s">
        <v>43</v>
      </c>
      <c r="AV5" s="178" t="s">
        <v>44</v>
      </c>
      <c r="AW5" s="181" t="s">
        <v>45</v>
      </c>
      <c r="AX5" s="180" t="s">
        <v>83</v>
      </c>
      <c r="AY5" s="178" t="s">
        <v>47</v>
      </c>
      <c r="AZ5" s="178" t="s">
        <v>48</v>
      </c>
      <c r="BA5" s="178" t="s">
        <v>49</v>
      </c>
      <c r="BB5" s="178" t="s">
        <v>50</v>
      </c>
      <c r="BC5" s="178" t="s">
        <v>51</v>
      </c>
      <c r="BD5" s="181" t="s">
        <v>45</v>
      </c>
      <c r="BE5" s="471"/>
      <c r="BF5" s="177" t="s">
        <v>43</v>
      </c>
      <c r="BG5" s="178" t="s">
        <v>44</v>
      </c>
      <c r="BH5" s="182" t="s">
        <v>45</v>
      </c>
      <c r="BI5" s="180" t="s">
        <v>83</v>
      </c>
      <c r="BJ5" s="178" t="s">
        <v>47</v>
      </c>
      <c r="BK5" s="178" t="s">
        <v>48</v>
      </c>
      <c r="BL5" s="178" t="s">
        <v>49</v>
      </c>
      <c r="BM5" s="178" t="s">
        <v>50</v>
      </c>
      <c r="BN5" s="178" t="s">
        <v>51</v>
      </c>
      <c r="BO5" s="182" t="s">
        <v>45</v>
      </c>
      <c r="BP5" s="471"/>
      <c r="BQ5" s="177" t="s">
        <v>43</v>
      </c>
      <c r="BR5" s="178" t="s">
        <v>44</v>
      </c>
      <c r="BS5" s="182" t="s">
        <v>45</v>
      </c>
      <c r="BT5" s="180" t="s">
        <v>83</v>
      </c>
      <c r="BU5" s="178" t="s">
        <v>47</v>
      </c>
      <c r="BV5" s="178" t="s">
        <v>48</v>
      </c>
      <c r="BW5" s="178" t="s">
        <v>49</v>
      </c>
      <c r="BX5" s="178" t="s">
        <v>50</v>
      </c>
      <c r="BY5" s="178" t="s">
        <v>51</v>
      </c>
      <c r="BZ5" s="182" t="s">
        <v>45</v>
      </c>
      <c r="CA5" s="471"/>
      <c r="CB5" s="177" t="s">
        <v>43</v>
      </c>
      <c r="CC5" s="178" t="s">
        <v>44</v>
      </c>
      <c r="CD5" s="182" t="s">
        <v>45</v>
      </c>
      <c r="CE5" s="180" t="s">
        <v>83</v>
      </c>
      <c r="CF5" s="178" t="s">
        <v>47</v>
      </c>
      <c r="CG5" s="178" t="s">
        <v>48</v>
      </c>
      <c r="CH5" s="178" t="s">
        <v>49</v>
      </c>
      <c r="CI5" s="178" t="s">
        <v>50</v>
      </c>
      <c r="CJ5" s="178" t="s">
        <v>51</v>
      </c>
      <c r="CK5" s="182" t="s">
        <v>45</v>
      </c>
      <c r="CL5" s="471"/>
      <c r="CM5" s="177" t="s">
        <v>43</v>
      </c>
      <c r="CN5" s="178" t="s">
        <v>44</v>
      </c>
      <c r="CO5" s="182" t="s">
        <v>45</v>
      </c>
      <c r="CP5" s="180" t="s">
        <v>83</v>
      </c>
      <c r="CQ5" s="178" t="s">
        <v>47</v>
      </c>
      <c r="CR5" s="178" t="s">
        <v>48</v>
      </c>
      <c r="CS5" s="178" t="s">
        <v>49</v>
      </c>
      <c r="CT5" s="178" t="s">
        <v>50</v>
      </c>
      <c r="CU5" s="178" t="s">
        <v>51</v>
      </c>
      <c r="CV5" s="182" t="s">
        <v>45</v>
      </c>
      <c r="CW5" s="471"/>
      <c r="CX5" s="177" t="s">
        <v>43</v>
      </c>
      <c r="CY5" s="178" t="s">
        <v>44</v>
      </c>
      <c r="CZ5" s="182" t="s">
        <v>45</v>
      </c>
      <c r="DA5" s="180" t="s">
        <v>83</v>
      </c>
      <c r="DB5" s="178" t="s">
        <v>47</v>
      </c>
      <c r="DC5" s="178" t="s">
        <v>48</v>
      </c>
      <c r="DD5" s="178" t="s">
        <v>49</v>
      </c>
      <c r="DE5" s="178" t="s">
        <v>50</v>
      </c>
      <c r="DF5" s="178" t="s">
        <v>51</v>
      </c>
      <c r="DG5" s="182" t="s">
        <v>45</v>
      </c>
      <c r="DH5" s="471"/>
    </row>
    <row r="6" spans="2:112" ht="21" customHeight="1" x14ac:dyDescent="0.2">
      <c r="B6" s="84" t="s">
        <v>4</v>
      </c>
      <c r="C6" s="183">
        <v>0</v>
      </c>
      <c r="D6" s="189">
        <v>0</v>
      </c>
      <c r="E6" s="206">
        <v>0</v>
      </c>
      <c r="F6" s="186">
        <v>0</v>
      </c>
      <c r="G6" s="184">
        <v>12372</v>
      </c>
      <c r="H6" s="184">
        <v>21271</v>
      </c>
      <c r="I6" s="184">
        <v>20855</v>
      </c>
      <c r="J6" s="184">
        <v>24962</v>
      </c>
      <c r="K6" s="184">
        <v>25976</v>
      </c>
      <c r="L6" s="187">
        <v>105436</v>
      </c>
      <c r="M6" s="188">
        <v>105436</v>
      </c>
      <c r="N6" s="183">
        <v>0</v>
      </c>
      <c r="O6" s="184">
        <v>9</v>
      </c>
      <c r="P6" s="189">
        <v>9</v>
      </c>
      <c r="Q6" s="186">
        <v>0</v>
      </c>
      <c r="R6" s="184">
        <v>50</v>
      </c>
      <c r="S6" s="184">
        <v>86</v>
      </c>
      <c r="T6" s="184">
        <v>288</v>
      </c>
      <c r="U6" s="184">
        <v>707</v>
      </c>
      <c r="V6" s="184">
        <v>1160</v>
      </c>
      <c r="W6" s="189">
        <v>2291</v>
      </c>
      <c r="X6" s="188">
        <v>2300</v>
      </c>
      <c r="Y6" s="183">
        <v>1608</v>
      </c>
      <c r="Z6" s="184">
        <v>4145</v>
      </c>
      <c r="AA6" s="189">
        <v>5753</v>
      </c>
      <c r="AB6" s="186">
        <v>0</v>
      </c>
      <c r="AC6" s="184">
        <v>10278</v>
      </c>
      <c r="AD6" s="184">
        <v>15794</v>
      </c>
      <c r="AE6" s="184">
        <v>9476</v>
      </c>
      <c r="AF6" s="184">
        <v>7734</v>
      </c>
      <c r="AG6" s="184">
        <v>5755</v>
      </c>
      <c r="AH6" s="189">
        <v>49037</v>
      </c>
      <c r="AI6" s="188">
        <v>54790</v>
      </c>
      <c r="AJ6" s="183">
        <v>218</v>
      </c>
      <c r="AK6" s="184">
        <v>795</v>
      </c>
      <c r="AL6" s="189">
        <v>1013</v>
      </c>
      <c r="AM6" s="186">
        <v>0</v>
      </c>
      <c r="AN6" s="184">
        <v>1034</v>
      </c>
      <c r="AO6" s="184">
        <v>1788</v>
      </c>
      <c r="AP6" s="184">
        <v>900</v>
      </c>
      <c r="AQ6" s="184">
        <v>1156</v>
      </c>
      <c r="AR6" s="184">
        <v>693</v>
      </c>
      <c r="AS6" s="189">
        <v>5571</v>
      </c>
      <c r="AT6" s="188">
        <v>6584</v>
      </c>
      <c r="AU6" s="183">
        <v>3</v>
      </c>
      <c r="AV6" s="184">
        <v>0</v>
      </c>
      <c r="AW6" s="189">
        <v>3</v>
      </c>
      <c r="AX6" s="186">
        <v>0</v>
      </c>
      <c r="AY6" s="184">
        <v>10732</v>
      </c>
      <c r="AZ6" s="184">
        <v>10055</v>
      </c>
      <c r="BA6" s="184">
        <v>5702</v>
      </c>
      <c r="BB6" s="184">
        <v>3155</v>
      </c>
      <c r="BC6" s="184">
        <v>1372</v>
      </c>
      <c r="BD6" s="187">
        <v>31016</v>
      </c>
      <c r="BE6" s="188">
        <v>31019</v>
      </c>
      <c r="BF6" s="183">
        <v>0</v>
      </c>
      <c r="BG6" s="184">
        <v>0</v>
      </c>
      <c r="BH6" s="189">
        <v>0</v>
      </c>
      <c r="BI6" s="186">
        <v>0</v>
      </c>
      <c r="BJ6" s="184">
        <v>2321</v>
      </c>
      <c r="BK6" s="184">
        <v>3140</v>
      </c>
      <c r="BL6" s="184">
        <v>2443</v>
      </c>
      <c r="BM6" s="184">
        <v>1253</v>
      </c>
      <c r="BN6" s="184">
        <v>325</v>
      </c>
      <c r="BO6" s="189">
        <v>9482</v>
      </c>
      <c r="BP6" s="188">
        <v>9482</v>
      </c>
      <c r="BQ6" s="183">
        <v>70</v>
      </c>
      <c r="BR6" s="184">
        <v>71</v>
      </c>
      <c r="BS6" s="189">
        <v>141</v>
      </c>
      <c r="BT6" s="186">
        <v>0</v>
      </c>
      <c r="BU6" s="184">
        <v>1237</v>
      </c>
      <c r="BV6" s="184">
        <v>2029</v>
      </c>
      <c r="BW6" s="184">
        <v>2411</v>
      </c>
      <c r="BX6" s="184">
        <v>2113</v>
      </c>
      <c r="BY6" s="184">
        <v>928</v>
      </c>
      <c r="BZ6" s="189">
        <v>8718</v>
      </c>
      <c r="CA6" s="188">
        <v>8859</v>
      </c>
      <c r="CB6" s="183">
        <v>3</v>
      </c>
      <c r="CC6" s="184">
        <v>0</v>
      </c>
      <c r="CD6" s="189">
        <v>3</v>
      </c>
      <c r="CE6" s="186">
        <v>0</v>
      </c>
      <c r="CF6" s="184">
        <v>148</v>
      </c>
      <c r="CG6" s="184">
        <v>286</v>
      </c>
      <c r="CH6" s="184">
        <v>356</v>
      </c>
      <c r="CI6" s="184">
        <v>385</v>
      </c>
      <c r="CJ6" s="184">
        <v>156</v>
      </c>
      <c r="CK6" s="189">
        <v>1331</v>
      </c>
      <c r="CL6" s="188">
        <v>1334</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8</v>
      </c>
      <c r="DC6" s="184">
        <v>0</v>
      </c>
      <c r="DD6" s="184">
        <v>0</v>
      </c>
      <c r="DE6" s="184">
        <v>0</v>
      </c>
      <c r="DF6" s="184">
        <v>0</v>
      </c>
      <c r="DG6" s="189">
        <v>8</v>
      </c>
      <c r="DH6" s="188">
        <v>8</v>
      </c>
    </row>
    <row r="7" spans="2:112" ht="21" customHeight="1" x14ac:dyDescent="0.2">
      <c r="B7" s="95" t="s">
        <v>5</v>
      </c>
      <c r="C7" s="190">
        <v>0</v>
      </c>
      <c r="D7" s="196">
        <v>0</v>
      </c>
      <c r="E7" s="207">
        <v>0</v>
      </c>
      <c r="F7" s="193">
        <v>0</v>
      </c>
      <c r="G7" s="191">
        <v>4479</v>
      </c>
      <c r="H7" s="191">
        <v>9076</v>
      </c>
      <c r="I7" s="191">
        <v>8208</v>
      </c>
      <c r="J7" s="191">
        <v>10106</v>
      </c>
      <c r="K7" s="191">
        <v>11367</v>
      </c>
      <c r="L7" s="194">
        <v>43236</v>
      </c>
      <c r="M7" s="195">
        <v>43236</v>
      </c>
      <c r="N7" s="190">
        <v>0</v>
      </c>
      <c r="O7" s="191">
        <v>9</v>
      </c>
      <c r="P7" s="196">
        <v>9</v>
      </c>
      <c r="Q7" s="193">
        <v>0</v>
      </c>
      <c r="R7" s="191">
        <v>22</v>
      </c>
      <c r="S7" s="191">
        <v>38</v>
      </c>
      <c r="T7" s="191">
        <v>101</v>
      </c>
      <c r="U7" s="191">
        <v>237</v>
      </c>
      <c r="V7" s="191">
        <v>630</v>
      </c>
      <c r="W7" s="196">
        <v>1028</v>
      </c>
      <c r="X7" s="195">
        <v>1037</v>
      </c>
      <c r="Y7" s="190">
        <v>789</v>
      </c>
      <c r="Z7" s="191">
        <v>2348</v>
      </c>
      <c r="AA7" s="196">
        <v>3137</v>
      </c>
      <c r="AB7" s="193">
        <v>0</v>
      </c>
      <c r="AC7" s="191">
        <v>3671</v>
      </c>
      <c r="AD7" s="191">
        <v>8660</v>
      </c>
      <c r="AE7" s="191">
        <v>4871</v>
      </c>
      <c r="AF7" s="191">
        <v>3788</v>
      </c>
      <c r="AG7" s="191">
        <v>2812</v>
      </c>
      <c r="AH7" s="196">
        <v>23802</v>
      </c>
      <c r="AI7" s="195">
        <v>26939</v>
      </c>
      <c r="AJ7" s="190">
        <v>77</v>
      </c>
      <c r="AK7" s="191">
        <v>513</v>
      </c>
      <c r="AL7" s="196">
        <v>590</v>
      </c>
      <c r="AM7" s="193">
        <v>0</v>
      </c>
      <c r="AN7" s="191">
        <v>306</v>
      </c>
      <c r="AO7" s="191">
        <v>784</v>
      </c>
      <c r="AP7" s="191">
        <v>372</v>
      </c>
      <c r="AQ7" s="191">
        <v>519</v>
      </c>
      <c r="AR7" s="191">
        <v>353</v>
      </c>
      <c r="AS7" s="196">
        <v>2334</v>
      </c>
      <c r="AT7" s="195">
        <v>2924</v>
      </c>
      <c r="AU7" s="190">
        <v>0</v>
      </c>
      <c r="AV7" s="191">
        <v>0</v>
      </c>
      <c r="AW7" s="196">
        <v>0</v>
      </c>
      <c r="AX7" s="193">
        <v>0</v>
      </c>
      <c r="AY7" s="191">
        <v>3660</v>
      </c>
      <c r="AZ7" s="191">
        <v>4332</v>
      </c>
      <c r="BA7" s="191">
        <v>2190</v>
      </c>
      <c r="BB7" s="191">
        <v>1065</v>
      </c>
      <c r="BC7" s="191">
        <v>375</v>
      </c>
      <c r="BD7" s="194">
        <v>11622</v>
      </c>
      <c r="BE7" s="195">
        <v>11622</v>
      </c>
      <c r="BF7" s="190">
        <v>0</v>
      </c>
      <c r="BG7" s="191">
        <v>0</v>
      </c>
      <c r="BH7" s="196">
        <v>0</v>
      </c>
      <c r="BI7" s="193">
        <v>0</v>
      </c>
      <c r="BJ7" s="191">
        <v>678</v>
      </c>
      <c r="BK7" s="191">
        <v>1548</v>
      </c>
      <c r="BL7" s="191">
        <v>1129</v>
      </c>
      <c r="BM7" s="191">
        <v>553</v>
      </c>
      <c r="BN7" s="191">
        <v>172</v>
      </c>
      <c r="BO7" s="196">
        <v>4080</v>
      </c>
      <c r="BP7" s="195">
        <v>4080</v>
      </c>
      <c r="BQ7" s="190">
        <v>27</v>
      </c>
      <c r="BR7" s="191">
        <v>43</v>
      </c>
      <c r="BS7" s="196">
        <v>70</v>
      </c>
      <c r="BT7" s="193">
        <v>0</v>
      </c>
      <c r="BU7" s="191">
        <v>426</v>
      </c>
      <c r="BV7" s="191">
        <v>740</v>
      </c>
      <c r="BW7" s="191">
        <v>1048</v>
      </c>
      <c r="BX7" s="191">
        <v>821</v>
      </c>
      <c r="BY7" s="191">
        <v>405</v>
      </c>
      <c r="BZ7" s="196">
        <v>3440</v>
      </c>
      <c r="CA7" s="195">
        <v>3510</v>
      </c>
      <c r="CB7" s="190">
        <v>3</v>
      </c>
      <c r="CC7" s="191">
        <v>0</v>
      </c>
      <c r="CD7" s="196">
        <v>3</v>
      </c>
      <c r="CE7" s="193">
        <v>0</v>
      </c>
      <c r="CF7" s="191">
        <v>45</v>
      </c>
      <c r="CG7" s="191">
        <v>118</v>
      </c>
      <c r="CH7" s="191">
        <v>235</v>
      </c>
      <c r="CI7" s="191">
        <v>273</v>
      </c>
      <c r="CJ7" s="191">
        <v>71</v>
      </c>
      <c r="CK7" s="196">
        <v>742</v>
      </c>
      <c r="CL7" s="195">
        <v>745</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0</v>
      </c>
      <c r="D8" s="196">
        <v>0</v>
      </c>
      <c r="E8" s="207">
        <v>0</v>
      </c>
      <c r="F8" s="193">
        <v>0</v>
      </c>
      <c r="G8" s="191">
        <v>2097</v>
      </c>
      <c r="H8" s="191">
        <v>3574</v>
      </c>
      <c r="I8" s="191">
        <v>3259</v>
      </c>
      <c r="J8" s="191">
        <v>3673</v>
      </c>
      <c r="K8" s="191">
        <v>4582</v>
      </c>
      <c r="L8" s="194">
        <v>17185</v>
      </c>
      <c r="M8" s="195">
        <v>17185</v>
      </c>
      <c r="N8" s="190">
        <v>0</v>
      </c>
      <c r="O8" s="191">
        <v>0</v>
      </c>
      <c r="P8" s="196">
        <v>0</v>
      </c>
      <c r="Q8" s="193">
        <v>0</v>
      </c>
      <c r="R8" s="191">
        <v>12</v>
      </c>
      <c r="S8" s="191">
        <v>12</v>
      </c>
      <c r="T8" s="191">
        <v>64</v>
      </c>
      <c r="U8" s="191">
        <v>135</v>
      </c>
      <c r="V8" s="191">
        <v>134</v>
      </c>
      <c r="W8" s="196">
        <v>357</v>
      </c>
      <c r="X8" s="195">
        <v>357</v>
      </c>
      <c r="Y8" s="190">
        <v>303</v>
      </c>
      <c r="Z8" s="191">
        <v>651</v>
      </c>
      <c r="AA8" s="196">
        <v>954</v>
      </c>
      <c r="AB8" s="193">
        <v>0</v>
      </c>
      <c r="AC8" s="191">
        <v>2673</v>
      </c>
      <c r="AD8" s="191">
        <v>2612</v>
      </c>
      <c r="AE8" s="191">
        <v>1689</v>
      </c>
      <c r="AF8" s="191">
        <v>1327</v>
      </c>
      <c r="AG8" s="191">
        <v>1061</v>
      </c>
      <c r="AH8" s="196">
        <v>9362</v>
      </c>
      <c r="AI8" s="195">
        <v>10316</v>
      </c>
      <c r="AJ8" s="190">
        <v>9</v>
      </c>
      <c r="AK8" s="191">
        <v>56</v>
      </c>
      <c r="AL8" s="196">
        <v>65</v>
      </c>
      <c r="AM8" s="193">
        <v>0</v>
      </c>
      <c r="AN8" s="191">
        <v>250</v>
      </c>
      <c r="AO8" s="191">
        <v>207</v>
      </c>
      <c r="AP8" s="191">
        <v>137</v>
      </c>
      <c r="AQ8" s="191">
        <v>234</v>
      </c>
      <c r="AR8" s="191">
        <v>69</v>
      </c>
      <c r="AS8" s="196">
        <v>897</v>
      </c>
      <c r="AT8" s="195">
        <v>962</v>
      </c>
      <c r="AU8" s="190">
        <v>3</v>
      </c>
      <c r="AV8" s="191">
        <v>0</v>
      </c>
      <c r="AW8" s="196">
        <v>3</v>
      </c>
      <c r="AX8" s="193">
        <v>0</v>
      </c>
      <c r="AY8" s="191">
        <v>2113</v>
      </c>
      <c r="AZ8" s="191">
        <v>1638</v>
      </c>
      <c r="BA8" s="191">
        <v>862</v>
      </c>
      <c r="BB8" s="191">
        <v>515</v>
      </c>
      <c r="BC8" s="191">
        <v>219</v>
      </c>
      <c r="BD8" s="194">
        <v>5347</v>
      </c>
      <c r="BE8" s="195">
        <v>5350</v>
      </c>
      <c r="BF8" s="190">
        <v>0</v>
      </c>
      <c r="BG8" s="191">
        <v>0</v>
      </c>
      <c r="BH8" s="196">
        <v>0</v>
      </c>
      <c r="BI8" s="193">
        <v>0</v>
      </c>
      <c r="BJ8" s="191">
        <v>466</v>
      </c>
      <c r="BK8" s="191">
        <v>404</v>
      </c>
      <c r="BL8" s="191">
        <v>348</v>
      </c>
      <c r="BM8" s="191">
        <v>159</v>
      </c>
      <c r="BN8" s="191">
        <v>25</v>
      </c>
      <c r="BO8" s="196">
        <v>1402</v>
      </c>
      <c r="BP8" s="195">
        <v>1402</v>
      </c>
      <c r="BQ8" s="190">
        <v>0</v>
      </c>
      <c r="BR8" s="191">
        <v>7</v>
      </c>
      <c r="BS8" s="196">
        <v>7</v>
      </c>
      <c r="BT8" s="193">
        <v>0</v>
      </c>
      <c r="BU8" s="191">
        <v>162</v>
      </c>
      <c r="BV8" s="191">
        <v>226</v>
      </c>
      <c r="BW8" s="191">
        <v>377</v>
      </c>
      <c r="BX8" s="191">
        <v>345</v>
      </c>
      <c r="BY8" s="191">
        <v>97</v>
      </c>
      <c r="BZ8" s="196">
        <v>1207</v>
      </c>
      <c r="CA8" s="195">
        <v>1214</v>
      </c>
      <c r="CB8" s="190">
        <v>0</v>
      </c>
      <c r="CC8" s="191">
        <v>0</v>
      </c>
      <c r="CD8" s="196">
        <v>0</v>
      </c>
      <c r="CE8" s="193">
        <v>0</v>
      </c>
      <c r="CF8" s="191">
        <v>33</v>
      </c>
      <c r="CG8" s="191">
        <v>72</v>
      </c>
      <c r="CH8" s="191">
        <v>58</v>
      </c>
      <c r="CI8" s="191">
        <v>57</v>
      </c>
      <c r="CJ8" s="191">
        <v>31</v>
      </c>
      <c r="CK8" s="196">
        <v>251</v>
      </c>
      <c r="CL8" s="195">
        <v>251</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6">
        <v>0</v>
      </c>
      <c r="E9" s="207">
        <v>0</v>
      </c>
      <c r="F9" s="193">
        <v>0</v>
      </c>
      <c r="G9" s="191">
        <v>531</v>
      </c>
      <c r="H9" s="191">
        <v>1569</v>
      </c>
      <c r="I9" s="191">
        <v>1247</v>
      </c>
      <c r="J9" s="191">
        <v>1297</v>
      </c>
      <c r="K9" s="191">
        <v>2066</v>
      </c>
      <c r="L9" s="194">
        <v>6710</v>
      </c>
      <c r="M9" s="195">
        <v>6710</v>
      </c>
      <c r="N9" s="190">
        <v>0</v>
      </c>
      <c r="O9" s="191">
        <v>0</v>
      </c>
      <c r="P9" s="196">
        <v>0</v>
      </c>
      <c r="Q9" s="193">
        <v>0</v>
      </c>
      <c r="R9" s="191">
        <v>0</v>
      </c>
      <c r="S9" s="191">
        <v>5</v>
      </c>
      <c r="T9" s="191">
        <v>32</v>
      </c>
      <c r="U9" s="191">
        <v>64</v>
      </c>
      <c r="V9" s="191">
        <v>57</v>
      </c>
      <c r="W9" s="196">
        <v>158</v>
      </c>
      <c r="X9" s="195">
        <v>158</v>
      </c>
      <c r="Y9" s="190">
        <v>41</v>
      </c>
      <c r="Z9" s="191">
        <v>140</v>
      </c>
      <c r="AA9" s="196">
        <v>181</v>
      </c>
      <c r="AB9" s="193">
        <v>0</v>
      </c>
      <c r="AC9" s="191">
        <v>344</v>
      </c>
      <c r="AD9" s="191">
        <v>720</v>
      </c>
      <c r="AE9" s="191">
        <v>526</v>
      </c>
      <c r="AF9" s="191">
        <v>447</v>
      </c>
      <c r="AG9" s="191">
        <v>373</v>
      </c>
      <c r="AH9" s="196">
        <v>2410</v>
      </c>
      <c r="AI9" s="195">
        <v>2591</v>
      </c>
      <c r="AJ9" s="190">
        <v>0</v>
      </c>
      <c r="AK9" s="191">
        <v>30</v>
      </c>
      <c r="AL9" s="196">
        <v>30</v>
      </c>
      <c r="AM9" s="193">
        <v>0</v>
      </c>
      <c r="AN9" s="191">
        <v>8</v>
      </c>
      <c r="AO9" s="191">
        <v>95</v>
      </c>
      <c r="AP9" s="191">
        <v>8</v>
      </c>
      <c r="AQ9" s="191">
        <v>16</v>
      </c>
      <c r="AR9" s="191">
        <v>22</v>
      </c>
      <c r="AS9" s="196">
        <v>149</v>
      </c>
      <c r="AT9" s="195">
        <v>179</v>
      </c>
      <c r="AU9" s="190">
        <v>0</v>
      </c>
      <c r="AV9" s="191">
        <v>0</v>
      </c>
      <c r="AW9" s="196">
        <v>0</v>
      </c>
      <c r="AX9" s="193">
        <v>0</v>
      </c>
      <c r="AY9" s="191">
        <v>704</v>
      </c>
      <c r="AZ9" s="191">
        <v>959</v>
      </c>
      <c r="BA9" s="191">
        <v>635</v>
      </c>
      <c r="BB9" s="191">
        <v>198</v>
      </c>
      <c r="BC9" s="191">
        <v>149</v>
      </c>
      <c r="BD9" s="194">
        <v>2645</v>
      </c>
      <c r="BE9" s="195">
        <v>2645</v>
      </c>
      <c r="BF9" s="190">
        <v>0</v>
      </c>
      <c r="BG9" s="191">
        <v>0</v>
      </c>
      <c r="BH9" s="196">
        <v>0</v>
      </c>
      <c r="BI9" s="193">
        <v>0</v>
      </c>
      <c r="BJ9" s="191">
        <v>34</v>
      </c>
      <c r="BK9" s="191">
        <v>142</v>
      </c>
      <c r="BL9" s="191">
        <v>122</v>
      </c>
      <c r="BM9" s="191">
        <v>117</v>
      </c>
      <c r="BN9" s="191">
        <v>5</v>
      </c>
      <c r="BO9" s="196">
        <v>420</v>
      </c>
      <c r="BP9" s="195">
        <v>420</v>
      </c>
      <c r="BQ9" s="190">
        <v>0</v>
      </c>
      <c r="BR9" s="191">
        <v>0</v>
      </c>
      <c r="BS9" s="196">
        <v>0</v>
      </c>
      <c r="BT9" s="193">
        <v>0</v>
      </c>
      <c r="BU9" s="191">
        <v>133</v>
      </c>
      <c r="BV9" s="191">
        <v>126</v>
      </c>
      <c r="BW9" s="191">
        <v>80</v>
      </c>
      <c r="BX9" s="191">
        <v>320</v>
      </c>
      <c r="BY9" s="191">
        <v>95</v>
      </c>
      <c r="BZ9" s="196">
        <v>754</v>
      </c>
      <c r="CA9" s="195">
        <v>754</v>
      </c>
      <c r="CB9" s="190">
        <v>0</v>
      </c>
      <c r="CC9" s="191">
        <v>0</v>
      </c>
      <c r="CD9" s="196">
        <v>0</v>
      </c>
      <c r="CE9" s="193">
        <v>0</v>
      </c>
      <c r="CF9" s="191">
        <v>10</v>
      </c>
      <c r="CG9" s="191">
        <v>3</v>
      </c>
      <c r="CH9" s="191">
        <v>0</v>
      </c>
      <c r="CI9" s="191">
        <v>0</v>
      </c>
      <c r="CJ9" s="191">
        <v>0</v>
      </c>
      <c r="CK9" s="196">
        <v>13</v>
      </c>
      <c r="CL9" s="195">
        <v>13</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6">
        <v>0</v>
      </c>
      <c r="E10" s="207">
        <v>0</v>
      </c>
      <c r="F10" s="193">
        <v>0</v>
      </c>
      <c r="G10" s="191">
        <v>810</v>
      </c>
      <c r="H10" s="191">
        <v>495</v>
      </c>
      <c r="I10" s="191">
        <v>715</v>
      </c>
      <c r="J10" s="191">
        <v>1119</v>
      </c>
      <c r="K10" s="191">
        <v>865</v>
      </c>
      <c r="L10" s="194">
        <v>4004</v>
      </c>
      <c r="M10" s="195">
        <v>4004</v>
      </c>
      <c r="N10" s="190">
        <v>0</v>
      </c>
      <c r="O10" s="191">
        <v>0</v>
      </c>
      <c r="P10" s="196">
        <v>0</v>
      </c>
      <c r="Q10" s="193">
        <v>0</v>
      </c>
      <c r="R10" s="191">
        <v>11</v>
      </c>
      <c r="S10" s="191">
        <v>0</v>
      </c>
      <c r="T10" s="191">
        <v>0</v>
      </c>
      <c r="U10" s="191">
        <v>42</v>
      </c>
      <c r="V10" s="191">
        <v>59</v>
      </c>
      <c r="W10" s="196">
        <v>112</v>
      </c>
      <c r="X10" s="195">
        <v>112</v>
      </c>
      <c r="Y10" s="190">
        <v>0</v>
      </c>
      <c r="Z10" s="191">
        <v>36</v>
      </c>
      <c r="AA10" s="196">
        <v>36</v>
      </c>
      <c r="AB10" s="193">
        <v>0</v>
      </c>
      <c r="AC10" s="191">
        <v>310</v>
      </c>
      <c r="AD10" s="191">
        <v>206</v>
      </c>
      <c r="AE10" s="191">
        <v>277</v>
      </c>
      <c r="AF10" s="191">
        <v>136</v>
      </c>
      <c r="AG10" s="191">
        <v>188</v>
      </c>
      <c r="AH10" s="196">
        <v>1117</v>
      </c>
      <c r="AI10" s="195">
        <v>1153</v>
      </c>
      <c r="AJ10" s="190">
        <v>6</v>
      </c>
      <c r="AK10" s="191">
        <v>8</v>
      </c>
      <c r="AL10" s="196">
        <v>14</v>
      </c>
      <c r="AM10" s="193">
        <v>0</v>
      </c>
      <c r="AN10" s="191">
        <v>44</v>
      </c>
      <c r="AO10" s="191">
        <v>55</v>
      </c>
      <c r="AP10" s="191">
        <v>24</v>
      </c>
      <c r="AQ10" s="191">
        <v>45</v>
      </c>
      <c r="AR10" s="191">
        <v>0</v>
      </c>
      <c r="AS10" s="196">
        <v>168</v>
      </c>
      <c r="AT10" s="195">
        <v>182</v>
      </c>
      <c r="AU10" s="190">
        <v>0</v>
      </c>
      <c r="AV10" s="191">
        <v>0</v>
      </c>
      <c r="AW10" s="196">
        <v>0</v>
      </c>
      <c r="AX10" s="193">
        <v>0</v>
      </c>
      <c r="AY10" s="191">
        <v>560</v>
      </c>
      <c r="AZ10" s="191">
        <v>292</v>
      </c>
      <c r="BA10" s="191">
        <v>118</v>
      </c>
      <c r="BB10" s="191">
        <v>84</v>
      </c>
      <c r="BC10" s="191">
        <v>25</v>
      </c>
      <c r="BD10" s="194">
        <v>1079</v>
      </c>
      <c r="BE10" s="195">
        <v>1079</v>
      </c>
      <c r="BF10" s="190">
        <v>0</v>
      </c>
      <c r="BG10" s="191">
        <v>0</v>
      </c>
      <c r="BH10" s="196">
        <v>0</v>
      </c>
      <c r="BI10" s="193">
        <v>0</v>
      </c>
      <c r="BJ10" s="191">
        <v>127</v>
      </c>
      <c r="BK10" s="191">
        <v>73</v>
      </c>
      <c r="BL10" s="191">
        <v>55</v>
      </c>
      <c r="BM10" s="191">
        <v>57</v>
      </c>
      <c r="BN10" s="191">
        <v>0</v>
      </c>
      <c r="BO10" s="196">
        <v>312</v>
      </c>
      <c r="BP10" s="195">
        <v>312</v>
      </c>
      <c r="BQ10" s="190">
        <v>0</v>
      </c>
      <c r="BR10" s="191">
        <v>0</v>
      </c>
      <c r="BS10" s="196">
        <v>0</v>
      </c>
      <c r="BT10" s="193">
        <v>0</v>
      </c>
      <c r="BU10" s="191">
        <v>75</v>
      </c>
      <c r="BV10" s="191">
        <v>50</v>
      </c>
      <c r="BW10" s="191">
        <v>8</v>
      </c>
      <c r="BX10" s="191">
        <v>74</v>
      </c>
      <c r="BY10" s="191">
        <v>26</v>
      </c>
      <c r="BZ10" s="196">
        <v>233</v>
      </c>
      <c r="CA10" s="195">
        <v>233</v>
      </c>
      <c r="CB10" s="190">
        <v>0</v>
      </c>
      <c r="CC10" s="191">
        <v>0</v>
      </c>
      <c r="CD10" s="196">
        <v>0</v>
      </c>
      <c r="CE10" s="193">
        <v>0</v>
      </c>
      <c r="CF10" s="191">
        <v>0</v>
      </c>
      <c r="CG10" s="191">
        <v>0</v>
      </c>
      <c r="CH10" s="191">
        <v>6</v>
      </c>
      <c r="CI10" s="191">
        <v>0</v>
      </c>
      <c r="CJ10" s="191">
        <v>0</v>
      </c>
      <c r="CK10" s="196">
        <v>6</v>
      </c>
      <c r="CL10" s="195">
        <v>6</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6">
        <v>0</v>
      </c>
      <c r="E11" s="207">
        <v>0</v>
      </c>
      <c r="F11" s="193">
        <v>0</v>
      </c>
      <c r="G11" s="191">
        <v>224</v>
      </c>
      <c r="H11" s="191">
        <v>399</v>
      </c>
      <c r="I11" s="191">
        <v>659</v>
      </c>
      <c r="J11" s="191">
        <v>614</v>
      </c>
      <c r="K11" s="191">
        <v>850</v>
      </c>
      <c r="L11" s="194">
        <v>2746</v>
      </c>
      <c r="M11" s="195">
        <v>2746</v>
      </c>
      <c r="N11" s="190">
        <v>0</v>
      </c>
      <c r="O11" s="191">
        <v>0</v>
      </c>
      <c r="P11" s="196">
        <v>0</v>
      </c>
      <c r="Q11" s="193">
        <v>0</v>
      </c>
      <c r="R11" s="191">
        <v>0</v>
      </c>
      <c r="S11" s="191">
        <v>8</v>
      </c>
      <c r="T11" s="191">
        <v>22</v>
      </c>
      <c r="U11" s="191">
        <v>1</v>
      </c>
      <c r="V11" s="191">
        <v>21</v>
      </c>
      <c r="W11" s="196">
        <v>52</v>
      </c>
      <c r="X11" s="195">
        <v>52</v>
      </c>
      <c r="Y11" s="190">
        <v>23</v>
      </c>
      <c r="Z11" s="191">
        <v>37</v>
      </c>
      <c r="AA11" s="196">
        <v>60</v>
      </c>
      <c r="AB11" s="193">
        <v>0</v>
      </c>
      <c r="AC11" s="191">
        <v>139</v>
      </c>
      <c r="AD11" s="191">
        <v>194</v>
      </c>
      <c r="AE11" s="191">
        <v>121</v>
      </c>
      <c r="AF11" s="191">
        <v>134</v>
      </c>
      <c r="AG11" s="191">
        <v>98</v>
      </c>
      <c r="AH11" s="196">
        <v>686</v>
      </c>
      <c r="AI11" s="195">
        <v>746</v>
      </c>
      <c r="AJ11" s="190">
        <v>0</v>
      </c>
      <c r="AK11" s="191">
        <v>14</v>
      </c>
      <c r="AL11" s="196">
        <v>14</v>
      </c>
      <c r="AM11" s="193">
        <v>0</v>
      </c>
      <c r="AN11" s="191">
        <v>51</v>
      </c>
      <c r="AO11" s="191">
        <v>40</v>
      </c>
      <c r="AP11" s="191">
        <v>46</v>
      </c>
      <c r="AQ11" s="191">
        <v>29</v>
      </c>
      <c r="AR11" s="191">
        <v>2</v>
      </c>
      <c r="AS11" s="196">
        <v>168</v>
      </c>
      <c r="AT11" s="195">
        <v>182</v>
      </c>
      <c r="AU11" s="190">
        <v>0</v>
      </c>
      <c r="AV11" s="191">
        <v>0</v>
      </c>
      <c r="AW11" s="196">
        <v>0</v>
      </c>
      <c r="AX11" s="193">
        <v>0</v>
      </c>
      <c r="AY11" s="191">
        <v>178</v>
      </c>
      <c r="AZ11" s="191">
        <v>183</v>
      </c>
      <c r="BA11" s="191">
        <v>192</v>
      </c>
      <c r="BB11" s="191">
        <v>63</v>
      </c>
      <c r="BC11" s="191">
        <v>57</v>
      </c>
      <c r="BD11" s="194">
        <v>673</v>
      </c>
      <c r="BE11" s="195">
        <v>673</v>
      </c>
      <c r="BF11" s="190">
        <v>0</v>
      </c>
      <c r="BG11" s="191">
        <v>0</v>
      </c>
      <c r="BH11" s="196">
        <v>0</v>
      </c>
      <c r="BI11" s="193">
        <v>0</v>
      </c>
      <c r="BJ11" s="191">
        <v>77</v>
      </c>
      <c r="BK11" s="191">
        <v>48</v>
      </c>
      <c r="BL11" s="191">
        <v>87</v>
      </c>
      <c r="BM11" s="191">
        <v>53</v>
      </c>
      <c r="BN11" s="191">
        <v>23</v>
      </c>
      <c r="BO11" s="196">
        <v>288</v>
      </c>
      <c r="BP11" s="195">
        <v>288</v>
      </c>
      <c r="BQ11" s="190">
        <v>8</v>
      </c>
      <c r="BR11" s="191">
        <v>0</v>
      </c>
      <c r="BS11" s="196">
        <v>8</v>
      </c>
      <c r="BT11" s="193">
        <v>0</v>
      </c>
      <c r="BU11" s="191">
        <v>70</v>
      </c>
      <c r="BV11" s="191">
        <v>70</v>
      </c>
      <c r="BW11" s="191">
        <v>150</v>
      </c>
      <c r="BX11" s="191">
        <v>18</v>
      </c>
      <c r="BY11" s="191">
        <v>38</v>
      </c>
      <c r="BZ11" s="196">
        <v>346</v>
      </c>
      <c r="CA11" s="195">
        <v>354</v>
      </c>
      <c r="CB11" s="190">
        <v>0</v>
      </c>
      <c r="CC11" s="191">
        <v>0</v>
      </c>
      <c r="CD11" s="196">
        <v>0</v>
      </c>
      <c r="CE11" s="193">
        <v>0</v>
      </c>
      <c r="CF11" s="191">
        <v>0</v>
      </c>
      <c r="CG11" s="191">
        <v>15</v>
      </c>
      <c r="CH11" s="191">
        <v>0</v>
      </c>
      <c r="CI11" s="191">
        <v>0</v>
      </c>
      <c r="CJ11" s="191">
        <v>4</v>
      </c>
      <c r="CK11" s="196">
        <v>19</v>
      </c>
      <c r="CL11" s="195">
        <v>19</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6">
        <v>0</v>
      </c>
      <c r="E12" s="207">
        <v>0</v>
      </c>
      <c r="F12" s="193">
        <v>0</v>
      </c>
      <c r="G12" s="191">
        <v>709</v>
      </c>
      <c r="H12" s="191">
        <v>621</v>
      </c>
      <c r="I12" s="191">
        <v>1139</v>
      </c>
      <c r="J12" s="191">
        <v>1640</v>
      </c>
      <c r="K12" s="191">
        <v>1291</v>
      </c>
      <c r="L12" s="194">
        <v>5400</v>
      </c>
      <c r="M12" s="195">
        <v>5400</v>
      </c>
      <c r="N12" s="190">
        <v>0</v>
      </c>
      <c r="O12" s="191">
        <v>0</v>
      </c>
      <c r="P12" s="196">
        <v>0</v>
      </c>
      <c r="Q12" s="193">
        <v>0</v>
      </c>
      <c r="R12" s="191">
        <v>5</v>
      </c>
      <c r="S12" s="191">
        <v>0</v>
      </c>
      <c r="T12" s="191">
        <v>5</v>
      </c>
      <c r="U12" s="191">
        <v>40</v>
      </c>
      <c r="V12" s="191">
        <v>32</v>
      </c>
      <c r="W12" s="196">
        <v>82</v>
      </c>
      <c r="X12" s="195">
        <v>82</v>
      </c>
      <c r="Y12" s="190">
        <v>60</v>
      </c>
      <c r="Z12" s="191">
        <v>116</v>
      </c>
      <c r="AA12" s="196">
        <v>176</v>
      </c>
      <c r="AB12" s="193">
        <v>0</v>
      </c>
      <c r="AC12" s="191">
        <v>501</v>
      </c>
      <c r="AD12" s="191">
        <v>594</v>
      </c>
      <c r="AE12" s="191">
        <v>354</v>
      </c>
      <c r="AF12" s="191">
        <v>296</v>
      </c>
      <c r="AG12" s="191">
        <v>232</v>
      </c>
      <c r="AH12" s="196">
        <v>1977</v>
      </c>
      <c r="AI12" s="195">
        <v>2153</v>
      </c>
      <c r="AJ12" s="190">
        <v>0</v>
      </c>
      <c r="AK12" s="191">
        <v>0</v>
      </c>
      <c r="AL12" s="196">
        <v>0</v>
      </c>
      <c r="AM12" s="193">
        <v>0</v>
      </c>
      <c r="AN12" s="191">
        <v>34</v>
      </c>
      <c r="AO12" s="191">
        <v>128</v>
      </c>
      <c r="AP12" s="191">
        <v>32</v>
      </c>
      <c r="AQ12" s="191">
        <v>68</v>
      </c>
      <c r="AR12" s="191">
        <v>45</v>
      </c>
      <c r="AS12" s="196">
        <v>307</v>
      </c>
      <c r="AT12" s="195">
        <v>307</v>
      </c>
      <c r="AU12" s="190">
        <v>0</v>
      </c>
      <c r="AV12" s="191">
        <v>0</v>
      </c>
      <c r="AW12" s="196">
        <v>0</v>
      </c>
      <c r="AX12" s="193">
        <v>0</v>
      </c>
      <c r="AY12" s="191">
        <v>436</v>
      </c>
      <c r="AZ12" s="191">
        <v>344</v>
      </c>
      <c r="BA12" s="191">
        <v>167</v>
      </c>
      <c r="BB12" s="191">
        <v>121</v>
      </c>
      <c r="BC12" s="191">
        <v>24</v>
      </c>
      <c r="BD12" s="194">
        <v>1092</v>
      </c>
      <c r="BE12" s="195">
        <v>1092</v>
      </c>
      <c r="BF12" s="190">
        <v>0</v>
      </c>
      <c r="BG12" s="191">
        <v>0</v>
      </c>
      <c r="BH12" s="196">
        <v>0</v>
      </c>
      <c r="BI12" s="193">
        <v>0</v>
      </c>
      <c r="BJ12" s="191">
        <v>104</v>
      </c>
      <c r="BK12" s="191">
        <v>78</v>
      </c>
      <c r="BL12" s="191">
        <v>88</v>
      </c>
      <c r="BM12" s="191">
        <v>38</v>
      </c>
      <c r="BN12" s="191">
        <v>22</v>
      </c>
      <c r="BO12" s="196">
        <v>330</v>
      </c>
      <c r="BP12" s="195">
        <v>330</v>
      </c>
      <c r="BQ12" s="190">
        <v>17</v>
      </c>
      <c r="BR12" s="191">
        <v>0</v>
      </c>
      <c r="BS12" s="196">
        <v>17</v>
      </c>
      <c r="BT12" s="193">
        <v>0</v>
      </c>
      <c r="BU12" s="191">
        <v>45</v>
      </c>
      <c r="BV12" s="191">
        <v>56</v>
      </c>
      <c r="BW12" s="191">
        <v>120</v>
      </c>
      <c r="BX12" s="191">
        <v>67</v>
      </c>
      <c r="BY12" s="191">
        <v>16</v>
      </c>
      <c r="BZ12" s="196">
        <v>304</v>
      </c>
      <c r="CA12" s="195">
        <v>321</v>
      </c>
      <c r="CB12" s="190">
        <v>0</v>
      </c>
      <c r="CC12" s="191">
        <v>0</v>
      </c>
      <c r="CD12" s="196">
        <v>0</v>
      </c>
      <c r="CE12" s="193">
        <v>0</v>
      </c>
      <c r="CF12" s="191">
        <v>0</v>
      </c>
      <c r="CG12" s="191">
        <v>32</v>
      </c>
      <c r="CH12" s="191">
        <v>30</v>
      </c>
      <c r="CI12" s="191">
        <v>0</v>
      </c>
      <c r="CJ12" s="191">
        <v>0</v>
      </c>
      <c r="CK12" s="196">
        <v>62</v>
      </c>
      <c r="CL12" s="195">
        <v>62</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6">
        <v>0</v>
      </c>
      <c r="E13" s="207">
        <v>0</v>
      </c>
      <c r="F13" s="193">
        <v>0</v>
      </c>
      <c r="G13" s="191">
        <v>1350</v>
      </c>
      <c r="H13" s="191">
        <v>1662</v>
      </c>
      <c r="I13" s="191">
        <v>1913</v>
      </c>
      <c r="J13" s="191">
        <v>2158</v>
      </c>
      <c r="K13" s="191">
        <v>1332</v>
      </c>
      <c r="L13" s="194">
        <v>8415</v>
      </c>
      <c r="M13" s="195">
        <v>8415</v>
      </c>
      <c r="N13" s="190">
        <v>0</v>
      </c>
      <c r="O13" s="191">
        <v>0</v>
      </c>
      <c r="P13" s="196">
        <v>0</v>
      </c>
      <c r="Q13" s="193">
        <v>0</v>
      </c>
      <c r="R13" s="191">
        <v>0</v>
      </c>
      <c r="S13" s="191">
        <v>12</v>
      </c>
      <c r="T13" s="191">
        <v>14</v>
      </c>
      <c r="U13" s="191">
        <v>29</v>
      </c>
      <c r="V13" s="191">
        <v>27</v>
      </c>
      <c r="W13" s="196">
        <v>82</v>
      </c>
      <c r="X13" s="195">
        <v>82</v>
      </c>
      <c r="Y13" s="190">
        <v>102</v>
      </c>
      <c r="Z13" s="191">
        <v>282</v>
      </c>
      <c r="AA13" s="196">
        <v>384</v>
      </c>
      <c r="AB13" s="193">
        <v>0</v>
      </c>
      <c r="AC13" s="191">
        <v>682</v>
      </c>
      <c r="AD13" s="191">
        <v>526</v>
      </c>
      <c r="AE13" s="191">
        <v>316</v>
      </c>
      <c r="AF13" s="191">
        <v>408</v>
      </c>
      <c r="AG13" s="191">
        <v>138</v>
      </c>
      <c r="AH13" s="196">
        <v>2070</v>
      </c>
      <c r="AI13" s="195">
        <v>2454</v>
      </c>
      <c r="AJ13" s="190">
        <v>2</v>
      </c>
      <c r="AK13" s="191">
        <v>42</v>
      </c>
      <c r="AL13" s="196">
        <v>44</v>
      </c>
      <c r="AM13" s="193">
        <v>0</v>
      </c>
      <c r="AN13" s="191">
        <v>108</v>
      </c>
      <c r="AO13" s="191">
        <v>78</v>
      </c>
      <c r="AP13" s="191">
        <v>21</v>
      </c>
      <c r="AQ13" s="191">
        <v>51</v>
      </c>
      <c r="AR13" s="191">
        <v>20</v>
      </c>
      <c r="AS13" s="196">
        <v>278</v>
      </c>
      <c r="AT13" s="195">
        <v>322</v>
      </c>
      <c r="AU13" s="190">
        <v>0</v>
      </c>
      <c r="AV13" s="191">
        <v>0</v>
      </c>
      <c r="AW13" s="196">
        <v>0</v>
      </c>
      <c r="AX13" s="193">
        <v>0</v>
      </c>
      <c r="AY13" s="191">
        <v>1153</v>
      </c>
      <c r="AZ13" s="191">
        <v>443</v>
      </c>
      <c r="BA13" s="191">
        <v>411</v>
      </c>
      <c r="BB13" s="191">
        <v>254</v>
      </c>
      <c r="BC13" s="191">
        <v>95</v>
      </c>
      <c r="BD13" s="194">
        <v>2356</v>
      </c>
      <c r="BE13" s="195">
        <v>2356</v>
      </c>
      <c r="BF13" s="190">
        <v>0</v>
      </c>
      <c r="BG13" s="191">
        <v>0</v>
      </c>
      <c r="BH13" s="196">
        <v>0</v>
      </c>
      <c r="BI13" s="193">
        <v>0</v>
      </c>
      <c r="BJ13" s="191">
        <v>153</v>
      </c>
      <c r="BK13" s="191">
        <v>90</v>
      </c>
      <c r="BL13" s="191">
        <v>99</v>
      </c>
      <c r="BM13" s="191">
        <v>29</v>
      </c>
      <c r="BN13" s="191">
        <v>7</v>
      </c>
      <c r="BO13" s="196">
        <v>378</v>
      </c>
      <c r="BP13" s="195">
        <v>378</v>
      </c>
      <c r="BQ13" s="190">
        <v>0</v>
      </c>
      <c r="BR13" s="191">
        <v>7</v>
      </c>
      <c r="BS13" s="196">
        <v>7</v>
      </c>
      <c r="BT13" s="193">
        <v>0</v>
      </c>
      <c r="BU13" s="191">
        <v>93</v>
      </c>
      <c r="BV13" s="191">
        <v>160</v>
      </c>
      <c r="BW13" s="191">
        <v>119</v>
      </c>
      <c r="BX13" s="191">
        <v>78</v>
      </c>
      <c r="BY13" s="191">
        <v>41</v>
      </c>
      <c r="BZ13" s="196">
        <v>491</v>
      </c>
      <c r="CA13" s="195">
        <v>498</v>
      </c>
      <c r="CB13" s="190">
        <v>0</v>
      </c>
      <c r="CC13" s="191">
        <v>0</v>
      </c>
      <c r="CD13" s="196">
        <v>0</v>
      </c>
      <c r="CE13" s="193">
        <v>0</v>
      </c>
      <c r="CF13" s="191">
        <v>0</v>
      </c>
      <c r="CG13" s="191">
        <v>9</v>
      </c>
      <c r="CH13" s="191">
        <v>0</v>
      </c>
      <c r="CI13" s="191">
        <v>17</v>
      </c>
      <c r="CJ13" s="191">
        <v>5</v>
      </c>
      <c r="CK13" s="196">
        <v>31</v>
      </c>
      <c r="CL13" s="195">
        <v>31</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6">
        <v>0</v>
      </c>
      <c r="E14" s="207">
        <v>0</v>
      </c>
      <c r="F14" s="193">
        <v>0</v>
      </c>
      <c r="G14" s="191">
        <v>201</v>
      </c>
      <c r="H14" s="191">
        <v>207</v>
      </c>
      <c r="I14" s="191">
        <v>202</v>
      </c>
      <c r="J14" s="191">
        <v>245</v>
      </c>
      <c r="K14" s="191">
        <v>371</v>
      </c>
      <c r="L14" s="194">
        <v>1226</v>
      </c>
      <c r="M14" s="195">
        <v>1226</v>
      </c>
      <c r="N14" s="190">
        <v>0</v>
      </c>
      <c r="O14" s="191">
        <v>0</v>
      </c>
      <c r="P14" s="196">
        <v>0</v>
      </c>
      <c r="Q14" s="193">
        <v>0</v>
      </c>
      <c r="R14" s="191">
        <v>0</v>
      </c>
      <c r="S14" s="191">
        <v>0</v>
      </c>
      <c r="T14" s="191">
        <v>5</v>
      </c>
      <c r="U14" s="191">
        <v>21</v>
      </c>
      <c r="V14" s="191">
        <v>13</v>
      </c>
      <c r="W14" s="196">
        <v>39</v>
      </c>
      <c r="X14" s="195">
        <v>39</v>
      </c>
      <c r="Y14" s="190">
        <v>22</v>
      </c>
      <c r="Z14" s="191">
        <v>10</v>
      </c>
      <c r="AA14" s="196">
        <v>32</v>
      </c>
      <c r="AB14" s="193">
        <v>0</v>
      </c>
      <c r="AC14" s="191">
        <v>332</v>
      </c>
      <c r="AD14" s="191">
        <v>186</v>
      </c>
      <c r="AE14" s="191">
        <v>88</v>
      </c>
      <c r="AF14" s="191">
        <v>116</v>
      </c>
      <c r="AG14" s="191">
        <v>86</v>
      </c>
      <c r="AH14" s="196">
        <v>808</v>
      </c>
      <c r="AI14" s="195">
        <v>840</v>
      </c>
      <c r="AJ14" s="190">
        <v>0</v>
      </c>
      <c r="AK14" s="191">
        <v>0</v>
      </c>
      <c r="AL14" s="196">
        <v>0</v>
      </c>
      <c r="AM14" s="193">
        <v>0</v>
      </c>
      <c r="AN14" s="191">
        <v>10</v>
      </c>
      <c r="AO14" s="191">
        <v>51</v>
      </c>
      <c r="AP14" s="191">
        <v>32</v>
      </c>
      <c r="AQ14" s="191">
        <v>9</v>
      </c>
      <c r="AR14" s="191">
        <v>23</v>
      </c>
      <c r="AS14" s="196">
        <v>125</v>
      </c>
      <c r="AT14" s="195">
        <v>125</v>
      </c>
      <c r="AU14" s="190">
        <v>0</v>
      </c>
      <c r="AV14" s="191">
        <v>0</v>
      </c>
      <c r="AW14" s="196">
        <v>0</v>
      </c>
      <c r="AX14" s="193">
        <v>0</v>
      </c>
      <c r="AY14" s="191">
        <v>118</v>
      </c>
      <c r="AZ14" s="191">
        <v>97</v>
      </c>
      <c r="BA14" s="191">
        <v>120</v>
      </c>
      <c r="BB14" s="191">
        <v>96</v>
      </c>
      <c r="BC14" s="191">
        <v>22</v>
      </c>
      <c r="BD14" s="194">
        <v>453</v>
      </c>
      <c r="BE14" s="195">
        <v>453</v>
      </c>
      <c r="BF14" s="190">
        <v>0</v>
      </c>
      <c r="BG14" s="191">
        <v>0</v>
      </c>
      <c r="BH14" s="196">
        <v>0</v>
      </c>
      <c r="BI14" s="193">
        <v>0</v>
      </c>
      <c r="BJ14" s="191">
        <v>67</v>
      </c>
      <c r="BK14" s="191">
        <v>49</v>
      </c>
      <c r="BL14" s="191">
        <v>46</v>
      </c>
      <c r="BM14" s="191">
        <v>31</v>
      </c>
      <c r="BN14" s="191">
        <v>4</v>
      </c>
      <c r="BO14" s="196">
        <v>197</v>
      </c>
      <c r="BP14" s="195">
        <v>197</v>
      </c>
      <c r="BQ14" s="190">
        <v>0</v>
      </c>
      <c r="BR14" s="191">
        <v>0</v>
      </c>
      <c r="BS14" s="196">
        <v>0</v>
      </c>
      <c r="BT14" s="193">
        <v>0</v>
      </c>
      <c r="BU14" s="191">
        <v>6</v>
      </c>
      <c r="BV14" s="191">
        <v>8</v>
      </c>
      <c r="BW14" s="191">
        <v>0</v>
      </c>
      <c r="BX14" s="191">
        <v>8</v>
      </c>
      <c r="BY14" s="191">
        <v>24</v>
      </c>
      <c r="BZ14" s="196">
        <v>46</v>
      </c>
      <c r="CA14" s="195">
        <v>46</v>
      </c>
      <c r="CB14" s="190">
        <v>0</v>
      </c>
      <c r="CC14" s="191">
        <v>0</v>
      </c>
      <c r="CD14" s="196">
        <v>0</v>
      </c>
      <c r="CE14" s="193">
        <v>0</v>
      </c>
      <c r="CF14" s="191">
        <v>0</v>
      </c>
      <c r="CG14" s="191">
        <v>0</v>
      </c>
      <c r="CH14" s="191">
        <v>8</v>
      </c>
      <c r="CI14" s="191">
        <v>5</v>
      </c>
      <c r="CJ14" s="191">
        <v>26</v>
      </c>
      <c r="CK14" s="196">
        <v>39</v>
      </c>
      <c r="CL14" s="195">
        <v>39</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6">
        <v>0</v>
      </c>
      <c r="E15" s="207">
        <v>0</v>
      </c>
      <c r="F15" s="193">
        <v>0</v>
      </c>
      <c r="G15" s="191">
        <v>453</v>
      </c>
      <c r="H15" s="191">
        <v>556</v>
      </c>
      <c r="I15" s="191">
        <v>661</v>
      </c>
      <c r="J15" s="191">
        <v>817</v>
      </c>
      <c r="K15" s="191">
        <v>571</v>
      </c>
      <c r="L15" s="194">
        <v>3058</v>
      </c>
      <c r="M15" s="195">
        <v>3058</v>
      </c>
      <c r="N15" s="190">
        <v>0</v>
      </c>
      <c r="O15" s="191">
        <v>0</v>
      </c>
      <c r="P15" s="196">
        <v>0</v>
      </c>
      <c r="Q15" s="193">
        <v>0</v>
      </c>
      <c r="R15" s="191">
        <v>0</v>
      </c>
      <c r="S15" s="191">
        <v>4</v>
      </c>
      <c r="T15" s="191">
        <v>5</v>
      </c>
      <c r="U15" s="191">
        <v>18</v>
      </c>
      <c r="V15" s="191">
        <v>20</v>
      </c>
      <c r="W15" s="196">
        <v>47</v>
      </c>
      <c r="X15" s="195">
        <v>47</v>
      </c>
      <c r="Y15" s="190">
        <v>51</v>
      </c>
      <c r="Z15" s="191">
        <v>153</v>
      </c>
      <c r="AA15" s="196">
        <v>204</v>
      </c>
      <c r="AB15" s="193">
        <v>0</v>
      </c>
      <c r="AC15" s="191">
        <v>164</v>
      </c>
      <c r="AD15" s="191">
        <v>304</v>
      </c>
      <c r="AE15" s="191">
        <v>123</v>
      </c>
      <c r="AF15" s="191">
        <v>217</v>
      </c>
      <c r="AG15" s="191">
        <v>76</v>
      </c>
      <c r="AH15" s="196">
        <v>884</v>
      </c>
      <c r="AI15" s="195">
        <v>1088</v>
      </c>
      <c r="AJ15" s="190">
        <v>9</v>
      </c>
      <c r="AK15" s="191">
        <v>12</v>
      </c>
      <c r="AL15" s="196">
        <v>21</v>
      </c>
      <c r="AM15" s="193">
        <v>0</v>
      </c>
      <c r="AN15" s="191">
        <v>10</v>
      </c>
      <c r="AO15" s="191">
        <v>6</v>
      </c>
      <c r="AP15" s="191">
        <v>12</v>
      </c>
      <c r="AQ15" s="191">
        <v>46</v>
      </c>
      <c r="AR15" s="191">
        <v>0</v>
      </c>
      <c r="AS15" s="196">
        <v>74</v>
      </c>
      <c r="AT15" s="195">
        <v>95</v>
      </c>
      <c r="AU15" s="190">
        <v>0</v>
      </c>
      <c r="AV15" s="191">
        <v>0</v>
      </c>
      <c r="AW15" s="196">
        <v>0</v>
      </c>
      <c r="AX15" s="193">
        <v>0</v>
      </c>
      <c r="AY15" s="191">
        <v>362</v>
      </c>
      <c r="AZ15" s="191">
        <v>361</v>
      </c>
      <c r="BA15" s="191">
        <v>125</v>
      </c>
      <c r="BB15" s="191">
        <v>58</v>
      </c>
      <c r="BC15" s="191">
        <v>63</v>
      </c>
      <c r="BD15" s="194">
        <v>969</v>
      </c>
      <c r="BE15" s="195">
        <v>969</v>
      </c>
      <c r="BF15" s="190">
        <v>0</v>
      </c>
      <c r="BG15" s="191">
        <v>0</v>
      </c>
      <c r="BH15" s="196">
        <v>0</v>
      </c>
      <c r="BI15" s="193">
        <v>0</v>
      </c>
      <c r="BJ15" s="191">
        <v>67</v>
      </c>
      <c r="BK15" s="191">
        <v>65</v>
      </c>
      <c r="BL15" s="191">
        <v>64</v>
      </c>
      <c r="BM15" s="191">
        <v>20</v>
      </c>
      <c r="BN15" s="191">
        <v>0</v>
      </c>
      <c r="BO15" s="196">
        <v>216</v>
      </c>
      <c r="BP15" s="195">
        <v>216</v>
      </c>
      <c r="BQ15" s="190">
        <v>0</v>
      </c>
      <c r="BR15" s="191">
        <v>0</v>
      </c>
      <c r="BS15" s="196">
        <v>0</v>
      </c>
      <c r="BT15" s="193">
        <v>0</v>
      </c>
      <c r="BU15" s="191">
        <v>57</v>
      </c>
      <c r="BV15" s="191">
        <v>61</v>
      </c>
      <c r="BW15" s="191">
        <v>92</v>
      </c>
      <c r="BX15" s="191">
        <v>85</v>
      </c>
      <c r="BY15" s="191">
        <v>7</v>
      </c>
      <c r="BZ15" s="196">
        <v>302</v>
      </c>
      <c r="CA15" s="195">
        <v>302</v>
      </c>
      <c r="CB15" s="190">
        <v>0</v>
      </c>
      <c r="CC15" s="191">
        <v>0</v>
      </c>
      <c r="CD15" s="196">
        <v>0</v>
      </c>
      <c r="CE15" s="193">
        <v>0</v>
      </c>
      <c r="CF15" s="191">
        <v>19</v>
      </c>
      <c r="CG15" s="191">
        <v>0</v>
      </c>
      <c r="CH15" s="191">
        <v>0</v>
      </c>
      <c r="CI15" s="191">
        <v>0</v>
      </c>
      <c r="CJ15" s="191">
        <v>5</v>
      </c>
      <c r="CK15" s="196">
        <v>24</v>
      </c>
      <c r="CL15" s="195">
        <v>24</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6">
        <v>0</v>
      </c>
      <c r="E16" s="207">
        <v>0</v>
      </c>
      <c r="F16" s="193">
        <v>0</v>
      </c>
      <c r="G16" s="191">
        <v>186</v>
      </c>
      <c r="H16" s="191">
        <v>444</v>
      </c>
      <c r="I16" s="191">
        <v>552</v>
      </c>
      <c r="J16" s="191">
        <v>545</v>
      </c>
      <c r="K16" s="191">
        <v>682</v>
      </c>
      <c r="L16" s="194">
        <v>2409</v>
      </c>
      <c r="M16" s="195">
        <v>2409</v>
      </c>
      <c r="N16" s="190">
        <v>0</v>
      </c>
      <c r="O16" s="191">
        <v>0</v>
      </c>
      <c r="P16" s="196">
        <v>0</v>
      </c>
      <c r="Q16" s="193">
        <v>0</v>
      </c>
      <c r="R16" s="191">
        <v>0</v>
      </c>
      <c r="S16" s="191">
        <v>3</v>
      </c>
      <c r="T16" s="191">
        <v>0</v>
      </c>
      <c r="U16" s="191">
        <v>8</v>
      </c>
      <c r="V16" s="191">
        <v>19</v>
      </c>
      <c r="W16" s="196">
        <v>30</v>
      </c>
      <c r="X16" s="195">
        <v>30</v>
      </c>
      <c r="Y16" s="190">
        <v>10</v>
      </c>
      <c r="Z16" s="191">
        <v>36</v>
      </c>
      <c r="AA16" s="196">
        <v>46</v>
      </c>
      <c r="AB16" s="193">
        <v>0</v>
      </c>
      <c r="AC16" s="191">
        <v>166</v>
      </c>
      <c r="AD16" s="191">
        <v>211</v>
      </c>
      <c r="AE16" s="191">
        <v>136</v>
      </c>
      <c r="AF16" s="191">
        <v>66</v>
      </c>
      <c r="AG16" s="191">
        <v>75</v>
      </c>
      <c r="AH16" s="196">
        <v>654</v>
      </c>
      <c r="AI16" s="195">
        <v>700</v>
      </c>
      <c r="AJ16" s="190">
        <v>8</v>
      </c>
      <c r="AK16" s="191">
        <v>0</v>
      </c>
      <c r="AL16" s="196">
        <v>8</v>
      </c>
      <c r="AM16" s="193">
        <v>0</v>
      </c>
      <c r="AN16" s="191">
        <v>4</v>
      </c>
      <c r="AO16" s="191">
        <v>49</v>
      </c>
      <c r="AP16" s="191">
        <v>12</v>
      </c>
      <c r="AQ16" s="191">
        <v>0</v>
      </c>
      <c r="AR16" s="191">
        <v>49</v>
      </c>
      <c r="AS16" s="196">
        <v>114</v>
      </c>
      <c r="AT16" s="195">
        <v>122</v>
      </c>
      <c r="AU16" s="190">
        <v>0</v>
      </c>
      <c r="AV16" s="191">
        <v>0</v>
      </c>
      <c r="AW16" s="196">
        <v>0</v>
      </c>
      <c r="AX16" s="193">
        <v>0</v>
      </c>
      <c r="AY16" s="191">
        <v>125</v>
      </c>
      <c r="AZ16" s="191">
        <v>77</v>
      </c>
      <c r="BA16" s="191">
        <v>50</v>
      </c>
      <c r="BB16" s="191">
        <v>26</v>
      </c>
      <c r="BC16" s="191">
        <v>34</v>
      </c>
      <c r="BD16" s="194">
        <v>312</v>
      </c>
      <c r="BE16" s="195">
        <v>312</v>
      </c>
      <c r="BF16" s="190">
        <v>0</v>
      </c>
      <c r="BG16" s="191">
        <v>0</v>
      </c>
      <c r="BH16" s="196">
        <v>0</v>
      </c>
      <c r="BI16" s="193">
        <v>0</v>
      </c>
      <c r="BJ16" s="191">
        <v>20</v>
      </c>
      <c r="BK16" s="191">
        <v>39</v>
      </c>
      <c r="BL16" s="191">
        <v>16</v>
      </c>
      <c r="BM16" s="191">
        <v>33</v>
      </c>
      <c r="BN16" s="191">
        <v>0</v>
      </c>
      <c r="BO16" s="196">
        <v>108</v>
      </c>
      <c r="BP16" s="195">
        <v>108</v>
      </c>
      <c r="BQ16" s="190">
        <v>0</v>
      </c>
      <c r="BR16" s="191">
        <v>0</v>
      </c>
      <c r="BS16" s="196">
        <v>0</v>
      </c>
      <c r="BT16" s="193">
        <v>0</v>
      </c>
      <c r="BU16" s="191">
        <v>0</v>
      </c>
      <c r="BV16" s="191">
        <v>19</v>
      </c>
      <c r="BW16" s="191">
        <v>2</v>
      </c>
      <c r="BX16" s="191">
        <v>0</v>
      </c>
      <c r="BY16" s="191">
        <v>0</v>
      </c>
      <c r="BZ16" s="196">
        <v>21</v>
      </c>
      <c r="CA16" s="195">
        <v>21</v>
      </c>
      <c r="CB16" s="190">
        <v>0</v>
      </c>
      <c r="CC16" s="191">
        <v>0</v>
      </c>
      <c r="CD16" s="196">
        <v>0</v>
      </c>
      <c r="CE16" s="193">
        <v>0</v>
      </c>
      <c r="CF16" s="191">
        <v>0</v>
      </c>
      <c r="CG16" s="191">
        <v>0</v>
      </c>
      <c r="CH16" s="191">
        <v>3</v>
      </c>
      <c r="CI16" s="191">
        <v>6</v>
      </c>
      <c r="CJ16" s="191">
        <v>0</v>
      </c>
      <c r="CK16" s="196">
        <v>9</v>
      </c>
      <c r="CL16" s="195">
        <v>9</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6">
        <v>0</v>
      </c>
      <c r="E17" s="207">
        <v>0</v>
      </c>
      <c r="F17" s="193">
        <v>0</v>
      </c>
      <c r="G17" s="191">
        <v>44</v>
      </c>
      <c r="H17" s="191">
        <v>22</v>
      </c>
      <c r="I17" s="191">
        <v>0</v>
      </c>
      <c r="J17" s="191">
        <v>6</v>
      </c>
      <c r="K17" s="191">
        <v>10</v>
      </c>
      <c r="L17" s="194">
        <v>82</v>
      </c>
      <c r="M17" s="195">
        <v>82</v>
      </c>
      <c r="N17" s="190">
        <v>0</v>
      </c>
      <c r="O17" s="191">
        <v>0</v>
      </c>
      <c r="P17" s="196">
        <v>0</v>
      </c>
      <c r="Q17" s="193">
        <v>0</v>
      </c>
      <c r="R17" s="191">
        <v>0</v>
      </c>
      <c r="S17" s="191">
        <v>0</v>
      </c>
      <c r="T17" s="191">
        <v>4</v>
      </c>
      <c r="U17" s="191">
        <v>0</v>
      </c>
      <c r="V17" s="191">
        <v>4</v>
      </c>
      <c r="W17" s="196">
        <v>8</v>
      </c>
      <c r="X17" s="195">
        <v>8</v>
      </c>
      <c r="Y17" s="190">
        <v>0</v>
      </c>
      <c r="Z17" s="191">
        <v>18</v>
      </c>
      <c r="AA17" s="196">
        <v>18</v>
      </c>
      <c r="AB17" s="193">
        <v>0</v>
      </c>
      <c r="AC17" s="191">
        <v>26</v>
      </c>
      <c r="AD17" s="191">
        <v>38</v>
      </c>
      <c r="AE17" s="191">
        <v>17</v>
      </c>
      <c r="AF17" s="191">
        <v>17</v>
      </c>
      <c r="AG17" s="191">
        <v>31</v>
      </c>
      <c r="AH17" s="196">
        <v>129</v>
      </c>
      <c r="AI17" s="195">
        <v>147</v>
      </c>
      <c r="AJ17" s="190">
        <v>0</v>
      </c>
      <c r="AK17" s="191">
        <v>0</v>
      </c>
      <c r="AL17" s="196">
        <v>0</v>
      </c>
      <c r="AM17" s="193">
        <v>0</v>
      </c>
      <c r="AN17" s="191">
        <v>0</v>
      </c>
      <c r="AO17" s="191">
        <v>12</v>
      </c>
      <c r="AP17" s="191">
        <v>0</v>
      </c>
      <c r="AQ17" s="191">
        <v>0</v>
      </c>
      <c r="AR17" s="191">
        <v>9</v>
      </c>
      <c r="AS17" s="196">
        <v>21</v>
      </c>
      <c r="AT17" s="195">
        <v>21</v>
      </c>
      <c r="AU17" s="190">
        <v>0</v>
      </c>
      <c r="AV17" s="191">
        <v>0</v>
      </c>
      <c r="AW17" s="196">
        <v>0</v>
      </c>
      <c r="AX17" s="193">
        <v>0</v>
      </c>
      <c r="AY17" s="191">
        <v>10</v>
      </c>
      <c r="AZ17" s="191">
        <v>10</v>
      </c>
      <c r="BA17" s="191">
        <v>0</v>
      </c>
      <c r="BB17" s="191">
        <v>3</v>
      </c>
      <c r="BC17" s="191">
        <v>0</v>
      </c>
      <c r="BD17" s="194">
        <v>23</v>
      </c>
      <c r="BE17" s="195">
        <v>23</v>
      </c>
      <c r="BF17" s="190">
        <v>0</v>
      </c>
      <c r="BG17" s="191">
        <v>0</v>
      </c>
      <c r="BH17" s="196">
        <v>0</v>
      </c>
      <c r="BI17" s="193">
        <v>0</v>
      </c>
      <c r="BJ17" s="191">
        <v>0</v>
      </c>
      <c r="BK17" s="191">
        <v>13</v>
      </c>
      <c r="BL17" s="191">
        <v>18</v>
      </c>
      <c r="BM17" s="191">
        <v>8</v>
      </c>
      <c r="BN17" s="191">
        <v>9</v>
      </c>
      <c r="BO17" s="196">
        <v>48</v>
      </c>
      <c r="BP17" s="195">
        <v>48</v>
      </c>
      <c r="BQ17" s="190">
        <v>0</v>
      </c>
      <c r="BR17" s="191">
        <v>0</v>
      </c>
      <c r="BS17" s="196">
        <v>0</v>
      </c>
      <c r="BT17" s="193">
        <v>0</v>
      </c>
      <c r="BU17" s="191">
        <v>4</v>
      </c>
      <c r="BV17" s="191">
        <v>14</v>
      </c>
      <c r="BW17" s="191">
        <v>0</v>
      </c>
      <c r="BX17" s="191">
        <v>27</v>
      </c>
      <c r="BY17" s="191">
        <v>33</v>
      </c>
      <c r="BZ17" s="196">
        <v>78</v>
      </c>
      <c r="CA17" s="195">
        <v>78</v>
      </c>
      <c r="CB17" s="190">
        <v>0</v>
      </c>
      <c r="CC17" s="191">
        <v>0</v>
      </c>
      <c r="CD17" s="196">
        <v>0</v>
      </c>
      <c r="CE17" s="193">
        <v>0</v>
      </c>
      <c r="CF17" s="191">
        <v>0</v>
      </c>
      <c r="CG17" s="191">
        <v>4</v>
      </c>
      <c r="CH17" s="191">
        <v>0</v>
      </c>
      <c r="CI17" s="191">
        <v>0</v>
      </c>
      <c r="CJ17" s="191">
        <v>0</v>
      </c>
      <c r="CK17" s="196">
        <v>4</v>
      </c>
      <c r="CL17" s="195">
        <v>4</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6">
        <v>0</v>
      </c>
      <c r="E18" s="207">
        <v>0</v>
      </c>
      <c r="F18" s="193">
        <v>0</v>
      </c>
      <c r="G18" s="191">
        <v>18</v>
      </c>
      <c r="H18" s="191">
        <v>441</v>
      </c>
      <c r="I18" s="191">
        <v>43</v>
      </c>
      <c r="J18" s="191">
        <v>222</v>
      </c>
      <c r="K18" s="191">
        <v>99</v>
      </c>
      <c r="L18" s="194">
        <v>823</v>
      </c>
      <c r="M18" s="195">
        <v>823</v>
      </c>
      <c r="N18" s="190">
        <v>0</v>
      </c>
      <c r="O18" s="191">
        <v>0</v>
      </c>
      <c r="P18" s="196">
        <v>0</v>
      </c>
      <c r="Q18" s="193">
        <v>0</v>
      </c>
      <c r="R18" s="191">
        <v>0</v>
      </c>
      <c r="S18" s="191">
        <v>0</v>
      </c>
      <c r="T18" s="191">
        <v>1</v>
      </c>
      <c r="U18" s="191">
        <v>5</v>
      </c>
      <c r="V18" s="191">
        <v>14</v>
      </c>
      <c r="W18" s="196">
        <v>20</v>
      </c>
      <c r="X18" s="195">
        <v>20</v>
      </c>
      <c r="Y18" s="190">
        <v>5</v>
      </c>
      <c r="Z18" s="191">
        <v>49</v>
      </c>
      <c r="AA18" s="196">
        <v>54</v>
      </c>
      <c r="AB18" s="193">
        <v>0</v>
      </c>
      <c r="AC18" s="191">
        <v>66</v>
      </c>
      <c r="AD18" s="191">
        <v>140</v>
      </c>
      <c r="AE18" s="191">
        <v>87</v>
      </c>
      <c r="AF18" s="191">
        <v>110</v>
      </c>
      <c r="AG18" s="191">
        <v>60</v>
      </c>
      <c r="AH18" s="196">
        <v>463</v>
      </c>
      <c r="AI18" s="195">
        <v>517</v>
      </c>
      <c r="AJ18" s="190">
        <v>15</v>
      </c>
      <c r="AK18" s="191">
        <v>0</v>
      </c>
      <c r="AL18" s="196">
        <v>15</v>
      </c>
      <c r="AM18" s="193">
        <v>0</v>
      </c>
      <c r="AN18" s="191">
        <v>0</v>
      </c>
      <c r="AO18" s="191">
        <v>0</v>
      </c>
      <c r="AP18" s="191">
        <v>12</v>
      </c>
      <c r="AQ18" s="191">
        <v>0</v>
      </c>
      <c r="AR18" s="191">
        <v>32</v>
      </c>
      <c r="AS18" s="196">
        <v>44</v>
      </c>
      <c r="AT18" s="195">
        <v>59</v>
      </c>
      <c r="AU18" s="190">
        <v>0</v>
      </c>
      <c r="AV18" s="191">
        <v>0</v>
      </c>
      <c r="AW18" s="196">
        <v>0</v>
      </c>
      <c r="AX18" s="193">
        <v>0</v>
      </c>
      <c r="AY18" s="191">
        <v>118</v>
      </c>
      <c r="AZ18" s="191">
        <v>194</v>
      </c>
      <c r="BA18" s="191">
        <v>45</v>
      </c>
      <c r="BB18" s="191">
        <v>82</v>
      </c>
      <c r="BC18" s="191">
        <v>13</v>
      </c>
      <c r="BD18" s="194">
        <v>452</v>
      </c>
      <c r="BE18" s="195">
        <v>452</v>
      </c>
      <c r="BF18" s="190">
        <v>0</v>
      </c>
      <c r="BG18" s="191">
        <v>0</v>
      </c>
      <c r="BH18" s="196">
        <v>0</v>
      </c>
      <c r="BI18" s="193">
        <v>0</v>
      </c>
      <c r="BJ18" s="191">
        <v>76</v>
      </c>
      <c r="BK18" s="191">
        <v>129</v>
      </c>
      <c r="BL18" s="191">
        <v>30</v>
      </c>
      <c r="BM18" s="191">
        <v>6</v>
      </c>
      <c r="BN18" s="191">
        <v>9</v>
      </c>
      <c r="BO18" s="196">
        <v>250</v>
      </c>
      <c r="BP18" s="195">
        <v>250</v>
      </c>
      <c r="BQ18" s="190">
        <v>13</v>
      </c>
      <c r="BR18" s="191">
        <v>8</v>
      </c>
      <c r="BS18" s="196">
        <v>21</v>
      </c>
      <c r="BT18" s="193">
        <v>0</v>
      </c>
      <c r="BU18" s="191">
        <v>7</v>
      </c>
      <c r="BV18" s="191">
        <v>39</v>
      </c>
      <c r="BW18" s="191">
        <v>29</v>
      </c>
      <c r="BX18" s="191">
        <v>13</v>
      </c>
      <c r="BY18" s="191">
        <v>5</v>
      </c>
      <c r="BZ18" s="196">
        <v>93</v>
      </c>
      <c r="CA18" s="195">
        <v>114</v>
      </c>
      <c r="CB18" s="190">
        <v>0</v>
      </c>
      <c r="CC18" s="191">
        <v>0</v>
      </c>
      <c r="CD18" s="196">
        <v>0</v>
      </c>
      <c r="CE18" s="193">
        <v>0</v>
      </c>
      <c r="CF18" s="191">
        <v>0</v>
      </c>
      <c r="CG18" s="191">
        <v>0</v>
      </c>
      <c r="CH18" s="191">
        <v>8</v>
      </c>
      <c r="CI18" s="191">
        <v>0</v>
      </c>
      <c r="CJ18" s="191">
        <v>0</v>
      </c>
      <c r="CK18" s="196">
        <v>8</v>
      </c>
      <c r="CL18" s="195">
        <v>8</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6">
        <v>0</v>
      </c>
      <c r="E19" s="207">
        <v>0</v>
      </c>
      <c r="F19" s="193">
        <v>0</v>
      </c>
      <c r="G19" s="191">
        <v>88</v>
      </c>
      <c r="H19" s="191">
        <v>566</v>
      </c>
      <c r="I19" s="191">
        <v>571</v>
      </c>
      <c r="J19" s="191">
        <v>297</v>
      </c>
      <c r="K19" s="191">
        <v>232</v>
      </c>
      <c r="L19" s="194">
        <v>1754</v>
      </c>
      <c r="M19" s="195">
        <v>1754</v>
      </c>
      <c r="N19" s="190">
        <v>0</v>
      </c>
      <c r="O19" s="191">
        <v>0</v>
      </c>
      <c r="P19" s="196">
        <v>0</v>
      </c>
      <c r="Q19" s="193">
        <v>0</v>
      </c>
      <c r="R19" s="191">
        <v>0</v>
      </c>
      <c r="S19" s="191">
        <v>0</v>
      </c>
      <c r="T19" s="191">
        <v>4</v>
      </c>
      <c r="U19" s="191">
        <v>22</v>
      </c>
      <c r="V19" s="191">
        <v>25</v>
      </c>
      <c r="W19" s="196">
        <v>51</v>
      </c>
      <c r="X19" s="195">
        <v>51</v>
      </c>
      <c r="Y19" s="190">
        <v>15</v>
      </c>
      <c r="Z19" s="191">
        <v>58</v>
      </c>
      <c r="AA19" s="196">
        <v>73</v>
      </c>
      <c r="AB19" s="193">
        <v>0</v>
      </c>
      <c r="AC19" s="191">
        <v>100</v>
      </c>
      <c r="AD19" s="191">
        <v>288</v>
      </c>
      <c r="AE19" s="191">
        <v>184</v>
      </c>
      <c r="AF19" s="191">
        <v>114</v>
      </c>
      <c r="AG19" s="191">
        <v>76</v>
      </c>
      <c r="AH19" s="196">
        <v>762</v>
      </c>
      <c r="AI19" s="195">
        <v>835</v>
      </c>
      <c r="AJ19" s="190">
        <v>24</v>
      </c>
      <c r="AK19" s="191">
        <v>0</v>
      </c>
      <c r="AL19" s="196">
        <v>24</v>
      </c>
      <c r="AM19" s="193">
        <v>0</v>
      </c>
      <c r="AN19" s="191">
        <v>39</v>
      </c>
      <c r="AO19" s="191">
        <v>69</v>
      </c>
      <c r="AP19" s="191">
        <v>99</v>
      </c>
      <c r="AQ19" s="191">
        <v>23</v>
      </c>
      <c r="AR19" s="191">
        <v>0</v>
      </c>
      <c r="AS19" s="196">
        <v>230</v>
      </c>
      <c r="AT19" s="195">
        <v>254</v>
      </c>
      <c r="AU19" s="190">
        <v>0</v>
      </c>
      <c r="AV19" s="191">
        <v>0</v>
      </c>
      <c r="AW19" s="196">
        <v>0</v>
      </c>
      <c r="AX19" s="193">
        <v>0</v>
      </c>
      <c r="AY19" s="191">
        <v>124</v>
      </c>
      <c r="AZ19" s="191">
        <v>218</v>
      </c>
      <c r="BA19" s="191">
        <v>165</v>
      </c>
      <c r="BB19" s="191">
        <v>81</v>
      </c>
      <c r="BC19" s="191">
        <v>70</v>
      </c>
      <c r="BD19" s="194">
        <v>658</v>
      </c>
      <c r="BE19" s="195">
        <v>658</v>
      </c>
      <c r="BF19" s="190">
        <v>0</v>
      </c>
      <c r="BG19" s="191">
        <v>0</v>
      </c>
      <c r="BH19" s="196">
        <v>0</v>
      </c>
      <c r="BI19" s="193">
        <v>0</v>
      </c>
      <c r="BJ19" s="191">
        <v>52</v>
      </c>
      <c r="BK19" s="191">
        <v>81</v>
      </c>
      <c r="BL19" s="191">
        <v>82</v>
      </c>
      <c r="BM19" s="191">
        <v>44</v>
      </c>
      <c r="BN19" s="191">
        <v>1</v>
      </c>
      <c r="BO19" s="196">
        <v>260</v>
      </c>
      <c r="BP19" s="195">
        <v>260</v>
      </c>
      <c r="BQ19" s="190">
        <v>5</v>
      </c>
      <c r="BR19" s="191">
        <v>0</v>
      </c>
      <c r="BS19" s="196">
        <v>5</v>
      </c>
      <c r="BT19" s="193">
        <v>0</v>
      </c>
      <c r="BU19" s="191">
        <v>23</v>
      </c>
      <c r="BV19" s="191">
        <v>147</v>
      </c>
      <c r="BW19" s="191">
        <v>102</v>
      </c>
      <c r="BX19" s="191">
        <v>65</v>
      </c>
      <c r="BY19" s="191">
        <v>0</v>
      </c>
      <c r="BZ19" s="196">
        <v>337</v>
      </c>
      <c r="CA19" s="195">
        <v>342</v>
      </c>
      <c r="CB19" s="190">
        <v>0</v>
      </c>
      <c r="CC19" s="191">
        <v>0</v>
      </c>
      <c r="CD19" s="196">
        <v>0</v>
      </c>
      <c r="CE19" s="193">
        <v>0</v>
      </c>
      <c r="CF19" s="191">
        <v>0</v>
      </c>
      <c r="CG19" s="191">
        <v>0</v>
      </c>
      <c r="CH19" s="191">
        <v>0</v>
      </c>
      <c r="CI19" s="191">
        <v>7</v>
      </c>
      <c r="CJ19" s="191">
        <v>0</v>
      </c>
      <c r="CK19" s="196">
        <v>7</v>
      </c>
      <c r="CL19" s="195">
        <v>7</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6">
        <v>0</v>
      </c>
      <c r="E20" s="207">
        <v>0</v>
      </c>
      <c r="F20" s="193">
        <v>0</v>
      </c>
      <c r="G20" s="191">
        <v>342</v>
      </c>
      <c r="H20" s="191">
        <v>358</v>
      </c>
      <c r="I20" s="191">
        <v>784</v>
      </c>
      <c r="J20" s="191">
        <v>681</v>
      </c>
      <c r="K20" s="191">
        <v>811</v>
      </c>
      <c r="L20" s="194">
        <v>2976</v>
      </c>
      <c r="M20" s="195">
        <v>2976</v>
      </c>
      <c r="N20" s="190">
        <v>0</v>
      </c>
      <c r="O20" s="191">
        <v>0</v>
      </c>
      <c r="P20" s="196">
        <v>0</v>
      </c>
      <c r="Q20" s="193">
        <v>0</v>
      </c>
      <c r="R20" s="191">
        <v>0</v>
      </c>
      <c r="S20" s="191">
        <v>0</v>
      </c>
      <c r="T20" s="191">
        <v>8</v>
      </c>
      <c r="U20" s="191">
        <v>16</v>
      </c>
      <c r="V20" s="191">
        <v>9</v>
      </c>
      <c r="W20" s="196">
        <v>33</v>
      </c>
      <c r="X20" s="195">
        <v>33</v>
      </c>
      <c r="Y20" s="190">
        <v>45</v>
      </c>
      <c r="Z20" s="191">
        <v>3</v>
      </c>
      <c r="AA20" s="196">
        <v>48</v>
      </c>
      <c r="AB20" s="193">
        <v>0</v>
      </c>
      <c r="AC20" s="191">
        <v>285</v>
      </c>
      <c r="AD20" s="191">
        <v>230</v>
      </c>
      <c r="AE20" s="191">
        <v>170</v>
      </c>
      <c r="AF20" s="191">
        <v>159</v>
      </c>
      <c r="AG20" s="191">
        <v>107</v>
      </c>
      <c r="AH20" s="196">
        <v>951</v>
      </c>
      <c r="AI20" s="195">
        <v>999</v>
      </c>
      <c r="AJ20" s="190">
        <v>21</v>
      </c>
      <c r="AK20" s="191">
        <v>8</v>
      </c>
      <c r="AL20" s="196">
        <v>29</v>
      </c>
      <c r="AM20" s="193">
        <v>0</v>
      </c>
      <c r="AN20" s="191">
        <v>9</v>
      </c>
      <c r="AO20" s="191">
        <v>72</v>
      </c>
      <c r="AP20" s="191">
        <v>27</v>
      </c>
      <c r="AQ20" s="191">
        <v>27</v>
      </c>
      <c r="AR20" s="191">
        <v>18</v>
      </c>
      <c r="AS20" s="196">
        <v>153</v>
      </c>
      <c r="AT20" s="195">
        <v>182</v>
      </c>
      <c r="AU20" s="190">
        <v>0</v>
      </c>
      <c r="AV20" s="191">
        <v>0</v>
      </c>
      <c r="AW20" s="196">
        <v>0</v>
      </c>
      <c r="AX20" s="193">
        <v>0</v>
      </c>
      <c r="AY20" s="191">
        <v>296</v>
      </c>
      <c r="AZ20" s="191">
        <v>349</v>
      </c>
      <c r="BA20" s="191">
        <v>201</v>
      </c>
      <c r="BB20" s="191">
        <v>153</v>
      </c>
      <c r="BC20" s="191">
        <v>116</v>
      </c>
      <c r="BD20" s="194">
        <v>1115</v>
      </c>
      <c r="BE20" s="195">
        <v>1115</v>
      </c>
      <c r="BF20" s="190">
        <v>0</v>
      </c>
      <c r="BG20" s="191">
        <v>0</v>
      </c>
      <c r="BH20" s="196">
        <v>0</v>
      </c>
      <c r="BI20" s="193">
        <v>0</v>
      </c>
      <c r="BJ20" s="191">
        <v>91</v>
      </c>
      <c r="BK20" s="191">
        <v>102</v>
      </c>
      <c r="BL20" s="191">
        <v>61</v>
      </c>
      <c r="BM20" s="191">
        <v>47</v>
      </c>
      <c r="BN20" s="191">
        <v>12</v>
      </c>
      <c r="BO20" s="196">
        <v>313</v>
      </c>
      <c r="BP20" s="195">
        <v>313</v>
      </c>
      <c r="BQ20" s="190">
        <v>0</v>
      </c>
      <c r="BR20" s="191">
        <v>6</v>
      </c>
      <c r="BS20" s="196">
        <v>6</v>
      </c>
      <c r="BT20" s="193">
        <v>0</v>
      </c>
      <c r="BU20" s="191">
        <v>16</v>
      </c>
      <c r="BV20" s="191">
        <v>75</v>
      </c>
      <c r="BW20" s="191">
        <v>127</v>
      </c>
      <c r="BX20" s="191">
        <v>87</v>
      </c>
      <c r="BY20" s="191">
        <v>82</v>
      </c>
      <c r="BZ20" s="196">
        <v>387</v>
      </c>
      <c r="CA20" s="195">
        <v>393</v>
      </c>
      <c r="CB20" s="190">
        <v>0</v>
      </c>
      <c r="CC20" s="191">
        <v>0</v>
      </c>
      <c r="CD20" s="196">
        <v>0</v>
      </c>
      <c r="CE20" s="193">
        <v>0</v>
      </c>
      <c r="CF20" s="191">
        <v>0</v>
      </c>
      <c r="CG20" s="191">
        <v>18</v>
      </c>
      <c r="CH20" s="191">
        <v>0</v>
      </c>
      <c r="CI20" s="191">
        <v>0</v>
      </c>
      <c r="CJ20" s="191">
        <v>0</v>
      </c>
      <c r="CK20" s="196">
        <v>18</v>
      </c>
      <c r="CL20" s="195">
        <v>18</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6">
        <v>0</v>
      </c>
      <c r="E21" s="207">
        <v>0</v>
      </c>
      <c r="F21" s="193">
        <v>0</v>
      </c>
      <c r="G21" s="191">
        <v>72</v>
      </c>
      <c r="H21" s="191">
        <v>181</v>
      </c>
      <c r="I21" s="191">
        <v>365</v>
      </c>
      <c r="J21" s="191">
        <v>221</v>
      </c>
      <c r="K21" s="191">
        <v>105</v>
      </c>
      <c r="L21" s="194">
        <v>944</v>
      </c>
      <c r="M21" s="195">
        <v>944</v>
      </c>
      <c r="N21" s="190">
        <v>0</v>
      </c>
      <c r="O21" s="191">
        <v>0</v>
      </c>
      <c r="P21" s="196">
        <v>0</v>
      </c>
      <c r="Q21" s="193">
        <v>0</v>
      </c>
      <c r="R21" s="191">
        <v>0</v>
      </c>
      <c r="S21" s="191">
        <v>0</v>
      </c>
      <c r="T21" s="191">
        <v>2</v>
      </c>
      <c r="U21" s="191">
        <v>8</v>
      </c>
      <c r="V21" s="191">
        <v>0</v>
      </c>
      <c r="W21" s="196">
        <v>10</v>
      </c>
      <c r="X21" s="195">
        <v>10</v>
      </c>
      <c r="Y21" s="190">
        <v>16</v>
      </c>
      <c r="Z21" s="191">
        <v>27</v>
      </c>
      <c r="AA21" s="196">
        <v>43</v>
      </c>
      <c r="AB21" s="193">
        <v>0</v>
      </c>
      <c r="AC21" s="191">
        <v>181</v>
      </c>
      <c r="AD21" s="191">
        <v>76</v>
      </c>
      <c r="AE21" s="191">
        <v>61</v>
      </c>
      <c r="AF21" s="191">
        <v>77</v>
      </c>
      <c r="AG21" s="191">
        <v>18</v>
      </c>
      <c r="AH21" s="196">
        <v>413</v>
      </c>
      <c r="AI21" s="195">
        <v>456</v>
      </c>
      <c r="AJ21" s="190">
        <v>0</v>
      </c>
      <c r="AK21" s="191">
        <v>0</v>
      </c>
      <c r="AL21" s="196">
        <v>0</v>
      </c>
      <c r="AM21" s="193">
        <v>0</v>
      </c>
      <c r="AN21" s="191">
        <v>39</v>
      </c>
      <c r="AO21" s="191">
        <v>2</v>
      </c>
      <c r="AP21" s="191">
        <v>0</v>
      </c>
      <c r="AQ21" s="191">
        <v>24</v>
      </c>
      <c r="AR21" s="191">
        <v>0</v>
      </c>
      <c r="AS21" s="196">
        <v>65</v>
      </c>
      <c r="AT21" s="195">
        <v>65</v>
      </c>
      <c r="AU21" s="190">
        <v>0</v>
      </c>
      <c r="AV21" s="191">
        <v>0</v>
      </c>
      <c r="AW21" s="196">
        <v>0</v>
      </c>
      <c r="AX21" s="193">
        <v>0</v>
      </c>
      <c r="AY21" s="191">
        <v>107</v>
      </c>
      <c r="AZ21" s="191">
        <v>98</v>
      </c>
      <c r="BA21" s="191">
        <v>24</v>
      </c>
      <c r="BB21" s="191">
        <v>6</v>
      </c>
      <c r="BC21" s="191">
        <v>18</v>
      </c>
      <c r="BD21" s="194">
        <v>253</v>
      </c>
      <c r="BE21" s="195">
        <v>253</v>
      </c>
      <c r="BF21" s="190">
        <v>0</v>
      </c>
      <c r="BG21" s="191">
        <v>0</v>
      </c>
      <c r="BH21" s="196">
        <v>0</v>
      </c>
      <c r="BI21" s="193">
        <v>0</v>
      </c>
      <c r="BJ21" s="191">
        <v>100</v>
      </c>
      <c r="BK21" s="191">
        <v>45</v>
      </c>
      <c r="BL21" s="191">
        <v>25</v>
      </c>
      <c r="BM21" s="191">
        <v>30</v>
      </c>
      <c r="BN21" s="191">
        <v>11</v>
      </c>
      <c r="BO21" s="196">
        <v>211</v>
      </c>
      <c r="BP21" s="195">
        <v>211</v>
      </c>
      <c r="BQ21" s="190">
        <v>0</v>
      </c>
      <c r="BR21" s="191">
        <v>0</v>
      </c>
      <c r="BS21" s="196">
        <v>0</v>
      </c>
      <c r="BT21" s="193">
        <v>0</v>
      </c>
      <c r="BU21" s="191">
        <v>3</v>
      </c>
      <c r="BV21" s="191">
        <v>15</v>
      </c>
      <c r="BW21" s="191">
        <v>4</v>
      </c>
      <c r="BX21" s="191">
        <v>2</v>
      </c>
      <c r="BY21" s="191">
        <v>0</v>
      </c>
      <c r="BZ21" s="196">
        <v>24</v>
      </c>
      <c r="CA21" s="195">
        <v>24</v>
      </c>
      <c r="CB21" s="190">
        <v>0</v>
      </c>
      <c r="CC21" s="191">
        <v>0</v>
      </c>
      <c r="CD21" s="196">
        <v>0</v>
      </c>
      <c r="CE21" s="193">
        <v>0</v>
      </c>
      <c r="CF21" s="191">
        <v>24</v>
      </c>
      <c r="CG21" s="191">
        <v>0</v>
      </c>
      <c r="CH21" s="191">
        <v>0</v>
      </c>
      <c r="CI21" s="191">
        <v>20</v>
      </c>
      <c r="CJ21" s="191">
        <v>0</v>
      </c>
      <c r="CK21" s="196">
        <v>44</v>
      </c>
      <c r="CL21" s="195">
        <v>44</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6">
        <v>0</v>
      </c>
      <c r="E22" s="207">
        <v>0</v>
      </c>
      <c r="F22" s="193">
        <v>0</v>
      </c>
      <c r="G22" s="191">
        <v>211</v>
      </c>
      <c r="H22" s="191">
        <v>244</v>
      </c>
      <c r="I22" s="191">
        <v>223</v>
      </c>
      <c r="J22" s="191">
        <v>354</v>
      </c>
      <c r="K22" s="191">
        <v>195</v>
      </c>
      <c r="L22" s="194">
        <v>1227</v>
      </c>
      <c r="M22" s="195">
        <v>1227</v>
      </c>
      <c r="N22" s="190">
        <v>0</v>
      </c>
      <c r="O22" s="191">
        <v>0</v>
      </c>
      <c r="P22" s="196">
        <v>0</v>
      </c>
      <c r="Q22" s="193">
        <v>0</v>
      </c>
      <c r="R22" s="191">
        <v>0</v>
      </c>
      <c r="S22" s="191">
        <v>0</v>
      </c>
      <c r="T22" s="191">
        <v>1</v>
      </c>
      <c r="U22" s="191">
        <v>8</v>
      </c>
      <c r="V22" s="191">
        <v>9</v>
      </c>
      <c r="W22" s="196">
        <v>18</v>
      </c>
      <c r="X22" s="195">
        <v>18</v>
      </c>
      <c r="Y22" s="190">
        <v>24</v>
      </c>
      <c r="Z22" s="191">
        <v>24</v>
      </c>
      <c r="AA22" s="196">
        <v>48</v>
      </c>
      <c r="AB22" s="193">
        <v>0</v>
      </c>
      <c r="AC22" s="191">
        <v>128</v>
      </c>
      <c r="AD22" s="191">
        <v>180</v>
      </c>
      <c r="AE22" s="191">
        <v>131</v>
      </c>
      <c r="AF22" s="191">
        <v>70</v>
      </c>
      <c r="AG22" s="191">
        <v>5</v>
      </c>
      <c r="AH22" s="196">
        <v>514</v>
      </c>
      <c r="AI22" s="195">
        <v>562</v>
      </c>
      <c r="AJ22" s="190">
        <v>0</v>
      </c>
      <c r="AK22" s="191">
        <v>52</v>
      </c>
      <c r="AL22" s="196">
        <v>52</v>
      </c>
      <c r="AM22" s="193">
        <v>0</v>
      </c>
      <c r="AN22" s="191">
        <v>56</v>
      </c>
      <c r="AO22" s="191">
        <v>38</v>
      </c>
      <c r="AP22" s="191">
        <v>22</v>
      </c>
      <c r="AQ22" s="191">
        <v>0</v>
      </c>
      <c r="AR22" s="191">
        <v>15</v>
      </c>
      <c r="AS22" s="196">
        <v>131</v>
      </c>
      <c r="AT22" s="195">
        <v>183</v>
      </c>
      <c r="AU22" s="190">
        <v>0</v>
      </c>
      <c r="AV22" s="191">
        <v>0</v>
      </c>
      <c r="AW22" s="196">
        <v>0</v>
      </c>
      <c r="AX22" s="193">
        <v>0</v>
      </c>
      <c r="AY22" s="191">
        <v>132</v>
      </c>
      <c r="AZ22" s="191">
        <v>123</v>
      </c>
      <c r="BA22" s="191">
        <v>164</v>
      </c>
      <c r="BB22" s="191">
        <v>40</v>
      </c>
      <c r="BC22" s="191">
        <v>25</v>
      </c>
      <c r="BD22" s="194">
        <v>484</v>
      </c>
      <c r="BE22" s="195">
        <v>484</v>
      </c>
      <c r="BF22" s="190">
        <v>0</v>
      </c>
      <c r="BG22" s="191">
        <v>0</v>
      </c>
      <c r="BH22" s="196">
        <v>0</v>
      </c>
      <c r="BI22" s="193">
        <v>0</v>
      </c>
      <c r="BJ22" s="191">
        <v>44</v>
      </c>
      <c r="BK22" s="191">
        <v>88</v>
      </c>
      <c r="BL22" s="191">
        <v>27</v>
      </c>
      <c r="BM22" s="191">
        <v>17</v>
      </c>
      <c r="BN22" s="191">
        <v>0</v>
      </c>
      <c r="BO22" s="196">
        <v>176</v>
      </c>
      <c r="BP22" s="195">
        <v>176</v>
      </c>
      <c r="BQ22" s="190">
        <v>0</v>
      </c>
      <c r="BR22" s="191">
        <v>0</v>
      </c>
      <c r="BS22" s="196">
        <v>0</v>
      </c>
      <c r="BT22" s="193">
        <v>0</v>
      </c>
      <c r="BU22" s="191">
        <v>17</v>
      </c>
      <c r="BV22" s="191">
        <v>34</v>
      </c>
      <c r="BW22" s="191">
        <v>54</v>
      </c>
      <c r="BX22" s="191">
        <v>24</v>
      </c>
      <c r="BY22" s="191">
        <v>0</v>
      </c>
      <c r="BZ22" s="196">
        <v>129</v>
      </c>
      <c r="CA22" s="195">
        <v>129</v>
      </c>
      <c r="CB22" s="190">
        <v>0</v>
      </c>
      <c r="CC22" s="191">
        <v>0</v>
      </c>
      <c r="CD22" s="196">
        <v>0</v>
      </c>
      <c r="CE22" s="193">
        <v>0</v>
      </c>
      <c r="CF22" s="191">
        <v>9</v>
      </c>
      <c r="CG22" s="191">
        <v>12</v>
      </c>
      <c r="CH22" s="191">
        <v>0</v>
      </c>
      <c r="CI22" s="191">
        <v>0</v>
      </c>
      <c r="CJ22" s="191">
        <v>0</v>
      </c>
      <c r="CK22" s="196">
        <v>21</v>
      </c>
      <c r="CL22" s="195">
        <v>21</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6">
        <v>0</v>
      </c>
      <c r="E23" s="207">
        <v>0</v>
      </c>
      <c r="F23" s="193">
        <v>0</v>
      </c>
      <c r="G23" s="191">
        <v>192</v>
      </c>
      <c r="H23" s="191">
        <v>161</v>
      </c>
      <c r="I23" s="191">
        <v>-169</v>
      </c>
      <c r="J23" s="191">
        <v>272</v>
      </c>
      <c r="K23" s="191">
        <v>112</v>
      </c>
      <c r="L23" s="194">
        <v>568</v>
      </c>
      <c r="M23" s="195">
        <v>568</v>
      </c>
      <c r="N23" s="190">
        <v>0</v>
      </c>
      <c r="O23" s="191">
        <v>0</v>
      </c>
      <c r="P23" s="196">
        <v>0</v>
      </c>
      <c r="Q23" s="193">
        <v>0</v>
      </c>
      <c r="R23" s="191">
        <v>0</v>
      </c>
      <c r="S23" s="191">
        <v>0</v>
      </c>
      <c r="T23" s="191">
        <v>2</v>
      </c>
      <c r="U23" s="191">
        <v>11</v>
      </c>
      <c r="V23" s="191">
        <v>14</v>
      </c>
      <c r="W23" s="196">
        <v>27</v>
      </c>
      <c r="X23" s="195">
        <v>27</v>
      </c>
      <c r="Y23" s="190">
        <v>8</v>
      </c>
      <c r="Z23" s="191">
        <v>3</v>
      </c>
      <c r="AA23" s="196">
        <v>11</v>
      </c>
      <c r="AB23" s="193">
        <v>0</v>
      </c>
      <c r="AC23" s="191">
        <v>137</v>
      </c>
      <c r="AD23" s="191">
        <v>102</v>
      </c>
      <c r="AE23" s="191">
        <v>45</v>
      </c>
      <c r="AF23" s="191">
        <v>49</v>
      </c>
      <c r="AG23" s="191">
        <v>60</v>
      </c>
      <c r="AH23" s="196">
        <v>393</v>
      </c>
      <c r="AI23" s="195">
        <v>404</v>
      </c>
      <c r="AJ23" s="190">
        <v>16</v>
      </c>
      <c r="AK23" s="191">
        <v>21</v>
      </c>
      <c r="AL23" s="196">
        <v>37</v>
      </c>
      <c r="AM23" s="193">
        <v>0</v>
      </c>
      <c r="AN23" s="191">
        <v>0</v>
      </c>
      <c r="AO23" s="191">
        <v>0</v>
      </c>
      <c r="AP23" s="191">
        <v>14</v>
      </c>
      <c r="AQ23" s="191">
        <v>0</v>
      </c>
      <c r="AR23" s="191">
        <v>14</v>
      </c>
      <c r="AS23" s="196">
        <v>28</v>
      </c>
      <c r="AT23" s="195">
        <v>65</v>
      </c>
      <c r="AU23" s="190">
        <v>0</v>
      </c>
      <c r="AV23" s="191">
        <v>0</v>
      </c>
      <c r="AW23" s="196">
        <v>0</v>
      </c>
      <c r="AX23" s="193">
        <v>0</v>
      </c>
      <c r="AY23" s="191">
        <v>125</v>
      </c>
      <c r="AZ23" s="191">
        <v>-17</v>
      </c>
      <c r="BA23" s="191">
        <v>25</v>
      </c>
      <c r="BB23" s="191">
        <v>18</v>
      </c>
      <c r="BC23" s="191">
        <v>20</v>
      </c>
      <c r="BD23" s="194">
        <v>171</v>
      </c>
      <c r="BE23" s="195">
        <v>171</v>
      </c>
      <c r="BF23" s="190">
        <v>0</v>
      </c>
      <c r="BG23" s="191">
        <v>0</v>
      </c>
      <c r="BH23" s="196">
        <v>0</v>
      </c>
      <c r="BI23" s="193">
        <v>0</v>
      </c>
      <c r="BJ23" s="191">
        <v>14</v>
      </c>
      <c r="BK23" s="191">
        <v>21</v>
      </c>
      <c r="BL23" s="191">
        <v>10</v>
      </c>
      <c r="BM23" s="191">
        <v>0</v>
      </c>
      <c r="BN23" s="191">
        <v>16</v>
      </c>
      <c r="BO23" s="196">
        <v>61</v>
      </c>
      <c r="BP23" s="195">
        <v>61</v>
      </c>
      <c r="BQ23" s="190">
        <v>0</v>
      </c>
      <c r="BR23" s="191">
        <v>0</v>
      </c>
      <c r="BS23" s="196">
        <v>0</v>
      </c>
      <c r="BT23" s="193">
        <v>0</v>
      </c>
      <c r="BU23" s="191">
        <v>33</v>
      </c>
      <c r="BV23" s="191">
        <v>14</v>
      </c>
      <c r="BW23" s="191">
        <v>46</v>
      </c>
      <c r="BX23" s="191">
        <v>1</v>
      </c>
      <c r="BY23" s="191">
        <v>30</v>
      </c>
      <c r="BZ23" s="196">
        <v>124</v>
      </c>
      <c r="CA23" s="195">
        <v>124</v>
      </c>
      <c r="CB23" s="190">
        <v>0</v>
      </c>
      <c r="CC23" s="191">
        <v>0</v>
      </c>
      <c r="CD23" s="196">
        <v>0</v>
      </c>
      <c r="CE23" s="193">
        <v>0</v>
      </c>
      <c r="CF23" s="191">
        <v>0</v>
      </c>
      <c r="CG23" s="191">
        <v>3</v>
      </c>
      <c r="CH23" s="191">
        <v>7</v>
      </c>
      <c r="CI23" s="191">
        <v>0</v>
      </c>
      <c r="CJ23" s="191">
        <v>0</v>
      </c>
      <c r="CK23" s="196">
        <v>10</v>
      </c>
      <c r="CL23" s="195">
        <v>10</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6">
        <v>0</v>
      </c>
      <c r="E24" s="207">
        <v>0</v>
      </c>
      <c r="F24" s="193">
        <v>0</v>
      </c>
      <c r="G24" s="191">
        <v>27</v>
      </c>
      <c r="H24" s="191">
        <v>13</v>
      </c>
      <c r="I24" s="191">
        <v>27</v>
      </c>
      <c r="J24" s="191">
        <v>16</v>
      </c>
      <c r="K24" s="191">
        <v>90</v>
      </c>
      <c r="L24" s="194">
        <v>173</v>
      </c>
      <c r="M24" s="195">
        <v>173</v>
      </c>
      <c r="N24" s="190">
        <v>0</v>
      </c>
      <c r="O24" s="191">
        <v>0</v>
      </c>
      <c r="P24" s="196">
        <v>0</v>
      </c>
      <c r="Q24" s="193">
        <v>0</v>
      </c>
      <c r="R24" s="191">
        <v>0</v>
      </c>
      <c r="S24" s="191">
        <v>0</v>
      </c>
      <c r="T24" s="191">
        <v>0</v>
      </c>
      <c r="U24" s="191">
        <v>9</v>
      </c>
      <c r="V24" s="191">
        <v>36</v>
      </c>
      <c r="W24" s="196">
        <v>45</v>
      </c>
      <c r="X24" s="195">
        <v>45</v>
      </c>
      <c r="Y24" s="190">
        <v>0</v>
      </c>
      <c r="Z24" s="191">
        <v>1</v>
      </c>
      <c r="AA24" s="196">
        <v>1</v>
      </c>
      <c r="AB24" s="193">
        <v>0</v>
      </c>
      <c r="AC24" s="191">
        <v>62</v>
      </c>
      <c r="AD24" s="191">
        <v>37</v>
      </c>
      <c r="AE24" s="191">
        <v>4</v>
      </c>
      <c r="AF24" s="191">
        <v>1</v>
      </c>
      <c r="AG24" s="191">
        <v>72</v>
      </c>
      <c r="AH24" s="196">
        <v>176</v>
      </c>
      <c r="AI24" s="195">
        <v>177</v>
      </c>
      <c r="AJ24" s="190">
        <v>0</v>
      </c>
      <c r="AK24" s="191">
        <v>0</v>
      </c>
      <c r="AL24" s="196">
        <v>0</v>
      </c>
      <c r="AM24" s="193">
        <v>0</v>
      </c>
      <c r="AN24" s="191">
        <v>9</v>
      </c>
      <c r="AO24" s="191">
        <v>9</v>
      </c>
      <c r="AP24" s="191">
        <v>0</v>
      </c>
      <c r="AQ24" s="191">
        <v>23</v>
      </c>
      <c r="AR24" s="191">
        <v>0</v>
      </c>
      <c r="AS24" s="196">
        <v>41</v>
      </c>
      <c r="AT24" s="195">
        <v>41</v>
      </c>
      <c r="AU24" s="190">
        <v>0</v>
      </c>
      <c r="AV24" s="191">
        <v>0</v>
      </c>
      <c r="AW24" s="196">
        <v>0</v>
      </c>
      <c r="AX24" s="193">
        <v>0</v>
      </c>
      <c r="AY24" s="191">
        <v>42</v>
      </c>
      <c r="AZ24" s="191">
        <v>42</v>
      </c>
      <c r="BA24" s="191">
        <v>25</v>
      </c>
      <c r="BB24" s="191">
        <v>80</v>
      </c>
      <c r="BC24" s="191">
        <v>11</v>
      </c>
      <c r="BD24" s="194">
        <v>200</v>
      </c>
      <c r="BE24" s="195">
        <v>200</v>
      </c>
      <c r="BF24" s="190">
        <v>0</v>
      </c>
      <c r="BG24" s="191">
        <v>0</v>
      </c>
      <c r="BH24" s="196">
        <v>0</v>
      </c>
      <c r="BI24" s="193">
        <v>0</v>
      </c>
      <c r="BJ24" s="191">
        <v>14</v>
      </c>
      <c r="BK24" s="191">
        <v>13</v>
      </c>
      <c r="BL24" s="191">
        <v>0</v>
      </c>
      <c r="BM24" s="191">
        <v>0</v>
      </c>
      <c r="BN24" s="191">
        <v>0</v>
      </c>
      <c r="BO24" s="196">
        <v>27</v>
      </c>
      <c r="BP24" s="195">
        <v>27</v>
      </c>
      <c r="BQ24" s="190">
        <v>0</v>
      </c>
      <c r="BR24" s="191">
        <v>0</v>
      </c>
      <c r="BS24" s="196">
        <v>0</v>
      </c>
      <c r="BT24" s="193">
        <v>0</v>
      </c>
      <c r="BU24" s="191">
        <v>0</v>
      </c>
      <c r="BV24" s="191">
        <v>22</v>
      </c>
      <c r="BW24" s="191">
        <v>5</v>
      </c>
      <c r="BX24" s="191">
        <v>6</v>
      </c>
      <c r="BY24" s="191">
        <v>0</v>
      </c>
      <c r="BZ24" s="196">
        <v>33</v>
      </c>
      <c r="CA24" s="195">
        <v>33</v>
      </c>
      <c r="CB24" s="190">
        <v>0</v>
      </c>
      <c r="CC24" s="191">
        <v>0</v>
      </c>
      <c r="CD24" s="196">
        <v>0</v>
      </c>
      <c r="CE24" s="193">
        <v>0</v>
      </c>
      <c r="CF24" s="191">
        <v>2</v>
      </c>
      <c r="CG24" s="191">
        <v>0</v>
      </c>
      <c r="CH24" s="191">
        <v>0</v>
      </c>
      <c r="CI24" s="191">
        <v>0</v>
      </c>
      <c r="CJ24" s="191">
        <v>0</v>
      </c>
      <c r="CK24" s="196">
        <v>2</v>
      </c>
      <c r="CL24" s="195">
        <v>2</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6">
        <v>0</v>
      </c>
      <c r="E25" s="207">
        <v>0</v>
      </c>
      <c r="F25" s="193">
        <v>0</v>
      </c>
      <c r="G25" s="191">
        <v>0</v>
      </c>
      <c r="H25" s="191">
        <v>21</v>
      </c>
      <c r="I25" s="191">
        <v>158</v>
      </c>
      <c r="J25" s="191">
        <v>46</v>
      </c>
      <c r="K25" s="191">
        <v>34</v>
      </c>
      <c r="L25" s="194">
        <v>259</v>
      </c>
      <c r="M25" s="195">
        <v>259</v>
      </c>
      <c r="N25" s="190">
        <v>0</v>
      </c>
      <c r="O25" s="191">
        <v>0</v>
      </c>
      <c r="P25" s="196">
        <v>0</v>
      </c>
      <c r="Q25" s="193">
        <v>0</v>
      </c>
      <c r="R25" s="191">
        <v>0</v>
      </c>
      <c r="S25" s="191">
        <v>0</v>
      </c>
      <c r="T25" s="191">
        <v>4</v>
      </c>
      <c r="U25" s="191">
        <v>9</v>
      </c>
      <c r="V25" s="191">
        <v>0</v>
      </c>
      <c r="W25" s="196">
        <v>13</v>
      </c>
      <c r="X25" s="195">
        <v>13</v>
      </c>
      <c r="Y25" s="190">
        <v>19</v>
      </c>
      <c r="Z25" s="191">
        <v>8</v>
      </c>
      <c r="AA25" s="196">
        <v>27</v>
      </c>
      <c r="AB25" s="193">
        <v>0</v>
      </c>
      <c r="AC25" s="191">
        <v>32</v>
      </c>
      <c r="AD25" s="191">
        <v>145</v>
      </c>
      <c r="AE25" s="191">
        <v>69</v>
      </c>
      <c r="AF25" s="191">
        <v>53</v>
      </c>
      <c r="AG25" s="191">
        <v>29</v>
      </c>
      <c r="AH25" s="196">
        <v>328</v>
      </c>
      <c r="AI25" s="195">
        <v>355</v>
      </c>
      <c r="AJ25" s="190">
        <v>6</v>
      </c>
      <c r="AK25" s="191">
        <v>12</v>
      </c>
      <c r="AL25" s="196">
        <v>18</v>
      </c>
      <c r="AM25" s="193">
        <v>0</v>
      </c>
      <c r="AN25" s="191">
        <v>0</v>
      </c>
      <c r="AO25" s="191">
        <v>18</v>
      </c>
      <c r="AP25" s="191">
        <v>0</v>
      </c>
      <c r="AQ25" s="191">
        <v>0</v>
      </c>
      <c r="AR25" s="191">
        <v>0</v>
      </c>
      <c r="AS25" s="196">
        <v>18</v>
      </c>
      <c r="AT25" s="195">
        <v>36</v>
      </c>
      <c r="AU25" s="190">
        <v>0</v>
      </c>
      <c r="AV25" s="191">
        <v>0</v>
      </c>
      <c r="AW25" s="196">
        <v>0</v>
      </c>
      <c r="AX25" s="193">
        <v>0</v>
      </c>
      <c r="AY25" s="191">
        <v>86</v>
      </c>
      <c r="AZ25" s="191">
        <v>102</v>
      </c>
      <c r="BA25" s="191">
        <v>57</v>
      </c>
      <c r="BB25" s="191">
        <v>78</v>
      </c>
      <c r="BC25" s="191">
        <v>15</v>
      </c>
      <c r="BD25" s="194">
        <v>338</v>
      </c>
      <c r="BE25" s="195">
        <v>338</v>
      </c>
      <c r="BF25" s="190">
        <v>0</v>
      </c>
      <c r="BG25" s="191">
        <v>0</v>
      </c>
      <c r="BH25" s="196">
        <v>0</v>
      </c>
      <c r="BI25" s="193">
        <v>0</v>
      </c>
      <c r="BJ25" s="191">
        <v>8</v>
      </c>
      <c r="BK25" s="191">
        <v>0</v>
      </c>
      <c r="BL25" s="191">
        <v>35</v>
      </c>
      <c r="BM25" s="191">
        <v>0</v>
      </c>
      <c r="BN25" s="191">
        <v>0</v>
      </c>
      <c r="BO25" s="196">
        <v>43</v>
      </c>
      <c r="BP25" s="195">
        <v>43</v>
      </c>
      <c r="BQ25" s="190">
        <v>0</v>
      </c>
      <c r="BR25" s="191">
        <v>0</v>
      </c>
      <c r="BS25" s="196">
        <v>0</v>
      </c>
      <c r="BT25" s="193">
        <v>0</v>
      </c>
      <c r="BU25" s="191">
        <v>13</v>
      </c>
      <c r="BV25" s="191">
        <v>43</v>
      </c>
      <c r="BW25" s="191">
        <v>16</v>
      </c>
      <c r="BX25" s="191">
        <v>0</v>
      </c>
      <c r="BY25" s="191">
        <v>0</v>
      </c>
      <c r="BZ25" s="196">
        <v>72</v>
      </c>
      <c r="CA25" s="195">
        <v>72</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6">
        <v>0</v>
      </c>
      <c r="E26" s="207">
        <v>0</v>
      </c>
      <c r="F26" s="193">
        <v>0</v>
      </c>
      <c r="G26" s="191">
        <v>93</v>
      </c>
      <c r="H26" s="191">
        <v>124</v>
      </c>
      <c r="I26" s="191">
        <v>2</v>
      </c>
      <c r="J26" s="191">
        <v>220</v>
      </c>
      <c r="K26" s="191">
        <v>145</v>
      </c>
      <c r="L26" s="194">
        <v>584</v>
      </c>
      <c r="M26" s="195">
        <v>584</v>
      </c>
      <c r="N26" s="190">
        <v>0</v>
      </c>
      <c r="O26" s="191">
        <v>0</v>
      </c>
      <c r="P26" s="196">
        <v>0</v>
      </c>
      <c r="Q26" s="193">
        <v>0</v>
      </c>
      <c r="R26" s="191">
        <v>0</v>
      </c>
      <c r="S26" s="191">
        <v>0</v>
      </c>
      <c r="T26" s="191">
        <v>0</v>
      </c>
      <c r="U26" s="191">
        <v>1</v>
      </c>
      <c r="V26" s="191">
        <v>15</v>
      </c>
      <c r="W26" s="196">
        <v>16</v>
      </c>
      <c r="X26" s="195">
        <v>16</v>
      </c>
      <c r="Y26" s="190">
        <v>13</v>
      </c>
      <c r="Z26" s="191">
        <v>43</v>
      </c>
      <c r="AA26" s="196">
        <v>56</v>
      </c>
      <c r="AB26" s="193">
        <v>0</v>
      </c>
      <c r="AC26" s="191">
        <v>37</v>
      </c>
      <c r="AD26" s="191">
        <v>84</v>
      </c>
      <c r="AE26" s="191">
        <v>34</v>
      </c>
      <c r="AF26" s="191">
        <v>53</v>
      </c>
      <c r="AG26" s="191">
        <v>31</v>
      </c>
      <c r="AH26" s="196">
        <v>239</v>
      </c>
      <c r="AI26" s="195">
        <v>295</v>
      </c>
      <c r="AJ26" s="190">
        <v>0</v>
      </c>
      <c r="AK26" s="191">
        <v>0</v>
      </c>
      <c r="AL26" s="196">
        <v>0</v>
      </c>
      <c r="AM26" s="193">
        <v>0</v>
      </c>
      <c r="AN26" s="191">
        <v>0</v>
      </c>
      <c r="AO26" s="191">
        <v>0</v>
      </c>
      <c r="AP26" s="191">
        <v>0</v>
      </c>
      <c r="AQ26" s="191">
        <v>0</v>
      </c>
      <c r="AR26" s="191">
        <v>4</v>
      </c>
      <c r="AS26" s="196">
        <v>4</v>
      </c>
      <c r="AT26" s="195">
        <v>4</v>
      </c>
      <c r="AU26" s="190">
        <v>0</v>
      </c>
      <c r="AV26" s="191">
        <v>0</v>
      </c>
      <c r="AW26" s="196">
        <v>0</v>
      </c>
      <c r="AX26" s="193">
        <v>0</v>
      </c>
      <c r="AY26" s="191">
        <v>43</v>
      </c>
      <c r="AZ26" s="191">
        <v>32</v>
      </c>
      <c r="BA26" s="191">
        <v>17</v>
      </c>
      <c r="BB26" s="191">
        <v>15</v>
      </c>
      <c r="BC26" s="191">
        <v>0</v>
      </c>
      <c r="BD26" s="194">
        <v>107</v>
      </c>
      <c r="BE26" s="195">
        <v>107</v>
      </c>
      <c r="BF26" s="190">
        <v>0</v>
      </c>
      <c r="BG26" s="191">
        <v>0</v>
      </c>
      <c r="BH26" s="196">
        <v>0</v>
      </c>
      <c r="BI26" s="193">
        <v>0</v>
      </c>
      <c r="BJ26" s="191">
        <v>51</v>
      </c>
      <c r="BK26" s="191">
        <v>18</v>
      </c>
      <c r="BL26" s="191">
        <v>0</v>
      </c>
      <c r="BM26" s="191">
        <v>0</v>
      </c>
      <c r="BN26" s="191">
        <v>9</v>
      </c>
      <c r="BO26" s="196">
        <v>78</v>
      </c>
      <c r="BP26" s="195">
        <v>78</v>
      </c>
      <c r="BQ26" s="190">
        <v>0</v>
      </c>
      <c r="BR26" s="191">
        <v>0</v>
      </c>
      <c r="BS26" s="196">
        <v>0</v>
      </c>
      <c r="BT26" s="193">
        <v>0</v>
      </c>
      <c r="BU26" s="191">
        <v>0</v>
      </c>
      <c r="BV26" s="191">
        <v>14</v>
      </c>
      <c r="BW26" s="191">
        <v>7</v>
      </c>
      <c r="BX26" s="191">
        <v>0</v>
      </c>
      <c r="BY26" s="191">
        <v>10</v>
      </c>
      <c r="BZ26" s="196">
        <v>31</v>
      </c>
      <c r="CA26" s="195">
        <v>31</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6">
        <v>0</v>
      </c>
      <c r="E27" s="207">
        <v>0</v>
      </c>
      <c r="F27" s="193">
        <v>0</v>
      </c>
      <c r="G27" s="191">
        <v>53</v>
      </c>
      <c r="H27" s="191">
        <v>22</v>
      </c>
      <c r="I27" s="191">
        <v>33</v>
      </c>
      <c r="J27" s="191">
        <v>102</v>
      </c>
      <c r="K27" s="191">
        <v>93</v>
      </c>
      <c r="L27" s="194">
        <v>303</v>
      </c>
      <c r="M27" s="195">
        <v>303</v>
      </c>
      <c r="N27" s="190">
        <v>0</v>
      </c>
      <c r="O27" s="191">
        <v>0</v>
      </c>
      <c r="P27" s="196">
        <v>0</v>
      </c>
      <c r="Q27" s="193">
        <v>0</v>
      </c>
      <c r="R27" s="191">
        <v>0</v>
      </c>
      <c r="S27" s="191">
        <v>3</v>
      </c>
      <c r="T27" s="191">
        <v>9</v>
      </c>
      <c r="U27" s="191">
        <v>14</v>
      </c>
      <c r="V27" s="191">
        <v>8</v>
      </c>
      <c r="W27" s="196">
        <v>34</v>
      </c>
      <c r="X27" s="195">
        <v>34</v>
      </c>
      <c r="Y27" s="190">
        <v>22</v>
      </c>
      <c r="Z27" s="191">
        <v>33</v>
      </c>
      <c r="AA27" s="196">
        <v>55</v>
      </c>
      <c r="AB27" s="193">
        <v>0</v>
      </c>
      <c r="AC27" s="191">
        <v>6</v>
      </c>
      <c r="AD27" s="191">
        <v>6</v>
      </c>
      <c r="AE27" s="191">
        <v>33</v>
      </c>
      <c r="AF27" s="191">
        <v>20</v>
      </c>
      <c r="AG27" s="191">
        <v>56</v>
      </c>
      <c r="AH27" s="196">
        <v>121</v>
      </c>
      <c r="AI27" s="195">
        <v>176</v>
      </c>
      <c r="AJ27" s="190">
        <v>0</v>
      </c>
      <c r="AK27" s="191">
        <v>0</v>
      </c>
      <c r="AL27" s="196">
        <v>0</v>
      </c>
      <c r="AM27" s="193">
        <v>0</v>
      </c>
      <c r="AN27" s="191">
        <v>0</v>
      </c>
      <c r="AO27" s="191">
        <v>0</v>
      </c>
      <c r="AP27" s="191">
        <v>0</v>
      </c>
      <c r="AQ27" s="191">
        <v>0</v>
      </c>
      <c r="AR27" s="191">
        <v>0</v>
      </c>
      <c r="AS27" s="196">
        <v>0</v>
      </c>
      <c r="AT27" s="195">
        <v>0</v>
      </c>
      <c r="AU27" s="190">
        <v>0</v>
      </c>
      <c r="AV27" s="191">
        <v>0</v>
      </c>
      <c r="AW27" s="196">
        <v>0</v>
      </c>
      <c r="AX27" s="193">
        <v>0</v>
      </c>
      <c r="AY27" s="191">
        <v>10</v>
      </c>
      <c r="AZ27" s="191">
        <v>25</v>
      </c>
      <c r="BA27" s="191">
        <v>8</v>
      </c>
      <c r="BB27" s="191">
        <v>17</v>
      </c>
      <c r="BC27" s="191">
        <v>0</v>
      </c>
      <c r="BD27" s="194">
        <v>60</v>
      </c>
      <c r="BE27" s="195">
        <v>60</v>
      </c>
      <c r="BF27" s="190">
        <v>0</v>
      </c>
      <c r="BG27" s="191">
        <v>0</v>
      </c>
      <c r="BH27" s="196">
        <v>0</v>
      </c>
      <c r="BI27" s="193">
        <v>0</v>
      </c>
      <c r="BJ27" s="191">
        <v>26</v>
      </c>
      <c r="BK27" s="191">
        <v>36</v>
      </c>
      <c r="BL27" s="191">
        <v>13</v>
      </c>
      <c r="BM27" s="191">
        <v>0</v>
      </c>
      <c r="BN27" s="191">
        <v>0</v>
      </c>
      <c r="BO27" s="196">
        <v>75</v>
      </c>
      <c r="BP27" s="195">
        <v>75</v>
      </c>
      <c r="BQ27" s="190">
        <v>0</v>
      </c>
      <c r="BR27" s="191">
        <v>0</v>
      </c>
      <c r="BS27" s="196">
        <v>0</v>
      </c>
      <c r="BT27" s="193">
        <v>0</v>
      </c>
      <c r="BU27" s="191">
        <v>21</v>
      </c>
      <c r="BV27" s="191">
        <v>2</v>
      </c>
      <c r="BW27" s="191">
        <v>2</v>
      </c>
      <c r="BX27" s="191">
        <v>9</v>
      </c>
      <c r="BY27" s="191">
        <v>0</v>
      </c>
      <c r="BZ27" s="196">
        <v>34</v>
      </c>
      <c r="CA27" s="195">
        <v>34</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6">
        <v>0</v>
      </c>
      <c r="E28" s="207">
        <v>0</v>
      </c>
      <c r="F28" s="193">
        <v>0</v>
      </c>
      <c r="G28" s="191">
        <v>16</v>
      </c>
      <c r="H28" s="191">
        <v>104</v>
      </c>
      <c r="I28" s="191">
        <v>20</v>
      </c>
      <c r="J28" s="191">
        <v>84</v>
      </c>
      <c r="K28" s="191">
        <v>58</v>
      </c>
      <c r="L28" s="194">
        <v>282</v>
      </c>
      <c r="M28" s="195">
        <v>282</v>
      </c>
      <c r="N28" s="190">
        <v>0</v>
      </c>
      <c r="O28" s="191">
        <v>0</v>
      </c>
      <c r="P28" s="196">
        <v>0</v>
      </c>
      <c r="Q28" s="193">
        <v>0</v>
      </c>
      <c r="R28" s="191">
        <v>0</v>
      </c>
      <c r="S28" s="191">
        <v>1</v>
      </c>
      <c r="T28" s="191">
        <v>0</v>
      </c>
      <c r="U28" s="191">
        <v>5</v>
      </c>
      <c r="V28" s="191">
        <v>0</v>
      </c>
      <c r="W28" s="196">
        <v>6</v>
      </c>
      <c r="X28" s="195">
        <v>6</v>
      </c>
      <c r="Y28" s="190">
        <v>10</v>
      </c>
      <c r="Z28" s="191">
        <v>0</v>
      </c>
      <c r="AA28" s="196">
        <v>10</v>
      </c>
      <c r="AB28" s="193">
        <v>0</v>
      </c>
      <c r="AC28" s="191">
        <v>53</v>
      </c>
      <c r="AD28" s="191">
        <v>58</v>
      </c>
      <c r="AE28" s="191">
        <v>20</v>
      </c>
      <c r="AF28" s="191">
        <v>11</v>
      </c>
      <c r="AG28" s="191">
        <v>35</v>
      </c>
      <c r="AH28" s="196">
        <v>177</v>
      </c>
      <c r="AI28" s="195">
        <v>187</v>
      </c>
      <c r="AJ28" s="190">
        <v>15</v>
      </c>
      <c r="AK28" s="191">
        <v>0</v>
      </c>
      <c r="AL28" s="196">
        <v>15</v>
      </c>
      <c r="AM28" s="193">
        <v>0</v>
      </c>
      <c r="AN28" s="191">
        <v>21</v>
      </c>
      <c r="AO28" s="191">
        <v>0</v>
      </c>
      <c r="AP28" s="191">
        <v>9</v>
      </c>
      <c r="AQ28" s="191">
        <v>0</v>
      </c>
      <c r="AR28" s="191">
        <v>0</v>
      </c>
      <c r="AS28" s="196">
        <v>30</v>
      </c>
      <c r="AT28" s="195">
        <v>45</v>
      </c>
      <c r="AU28" s="190">
        <v>0</v>
      </c>
      <c r="AV28" s="191">
        <v>0</v>
      </c>
      <c r="AW28" s="196">
        <v>0</v>
      </c>
      <c r="AX28" s="193">
        <v>0</v>
      </c>
      <c r="AY28" s="191">
        <v>56</v>
      </c>
      <c r="AZ28" s="191">
        <v>29</v>
      </c>
      <c r="BA28" s="191">
        <v>14</v>
      </c>
      <c r="BB28" s="191">
        <v>11</v>
      </c>
      <c r="BC28" s="191">
        <v>17</v>
      </c>
      <c r="BD28" s="194">
        <v>127</v>
      </c>
      <c r="BE28" s="195">
        <v>127</v>
      </c>
      <c r="BF28" s="190">
        <v>0</v>
      </c>
      <c r="BG28" s="191">
        <v>0</v>
      </c>
      <c r="BH28" s="196">
        <v>0</v>
      </c>
      <c r="BI28" s="193">
        <v>0</v>
      </c>
      <c r="BJ28" s="191">
        <v>0</v>
      </c>
      <c r="BK28" s="191">
        <v>26</v>
      </c>
      <c r="BL28" s="191">
        <v>9</v>
      </c>
      <c r="BM28" s="191">
        <v>0</v>
      </c>
      <c r="BN28" s="191">
        <v>0</v>
      </c>
      <c r="BO28" s="196">
        <v>35</v>
      </c>
      <c r="BP28" s="195">
        <v>35</v>
      </c>
      <c r="BQ28" s="190">
        <v>0</v>
      </c>
      <c r="BR28" s="191">
        <v>0</v>
      </c>
      <c r="BS28" s="196">
        <v>0</v>
      </c>
      <c r="BT28" s="193">
        <v>0</v>
      </c>
      <c r="BU28" s="191">
        <v>18</v>
      </c>
      <c r="BV28" s="191">
        <v>64</v>
      </c>
      <c r="BW28" s="191">
        <v>0</v>
      </c>
      <c r="BX28" s="191">
        <v>30</v>
      </c>
      <c r="BY28" s="191">
        <v>2</v>
      </c>
      <c r="BZ28" s="196">
        <v>114</v>
      </c>
      <c r="CA28" s="195">
        <v>114</v>
      </c>
      <c r="CB28" s="190">
        <v>0</v>
      </c>
      <c r="CC28" s="191">
        <v>0</v>
      </c>
      <c r="CD28" s="196">
        <v>0</v>
      </c>
      <c r="CE28" s="193">
        <v>0</v>
      </c>
      <c r="CF28" s="191">
        <v>0</v>
      </c>
      <c r="CG28" s="191">
        <v>0</v>
      </c>
      <c r="CH28" s="191">
        <v>0</v>
      </c>
      <c r="CI28" s="191">
        <v>0</v>
      </c>
      <c r="CJ28" s="191">
        <v>3</v>
      </c>
      <c r="CK28" s="196">
        <v>3</v>
      </c>
      <c r="CL28" s="195">
        <v>3</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6">
        <v>0</v>
      </c>
      <c r="E29" s="207">
        <v>0</v>
      </c>
      <c r="F29" s="193">
        <v>0</v>
      </c>
      <c r="G29" s="191">
        <v>1</v>
      </c>
      <c r="H29" s="191">
        <v>183</v>
      </c>
      <c r="I29" s="191">
        <v>145</v>
      </c>
      <c r="J29" s="191">
        <v>54</v>
      </c>
      <c r="K29" s="191">
        <v>0</v>
      </c>
      <c r="L29" s="194">
        <v>383</v>
      </c>
      <c r="M29" s="195">
        <v>383</v>
      </c>
      <c r="N29" s="190">
        <v>0</v>
      </c>
      <c r="O29" s="191">
        <v>0</v>
      </c>
      <c r="P29" s="196">
        <v>0</v>
      </c>
      <c r="Q29" s="193">
        <v>0</v>
      </c>
      <c r="R29" s="191">
        <v>0</v>
      </c>
      <c r="S29" s="191">
        <v>0</v>
      </c>
      <c r="T29" s="191">
        <v>0</v>
      </c>
      <c r="U29" s="191">
        <v>4</v>
      </c>
      <c r="V29" s="191">
        <v>0</v>
      </c>
      <c r="W29" s="196">
        <v>4</v>
      </c>
      <c r="X29" s="195">
        <v>4</v>
      </c>
      <c r="Y29" s="190">
        <v>4</v>
      </c>
      <c r="Z29" s="191">
        <v>20</v>
      </c>
      <c r="AA29" s="196">
        <v>24</v>
      </c>
      <c r="AB29" s="193">
        <v>0</v>
      </c>
      <c r="AC29" s="191">
        <v>3</v>
      </c>
      <c r="AD29" s="191">
        <v>35</v>
      </c>
      <c r="AE29" s="191">
        <v>24</v>
      </c>
      <c r="AF29" s="191">
        <v>40</v>
      </c>
      <c r="AG29" s="191">
        <v>0</v>
      </c>
      <c r="AH29" s="196">
        <v>102</v>
      </c>
      <c r="AI29" s="195">
        <v>126</v>
      </c>
      <c r="AJ29" s="190">
        <v>0</v>
      </c>
      <c r="AK29" s="191">
        <v>0</v>
      </c>
      <c r="AL29" s="196">
        <v>0</v>
      </c>
      <c r="AM29" s="193">
        <v>0</v>
      </c>
      <c r="AN29" s="191">
        <v>0</v>
      </c>
      <c r="AO29" s="191">
        <v>0</v>
      </c>
      <c r="AP29" s="191">
        <v>0</v>
      </c>
      <c r="AQ29" s="191">
        <v>0</v>
      </c>
      <c r="AR29" s="191">
        <v>0</v>
      </c>
      <c r="AS29" s="196">
        <v>0</v>
      </c>
      <c r="AT29" s="195">
        <v>0</v>
      </c>
      <c r="AU29" s="190">
        <v>0</v>
      </c>
      <c r="AV29" s="191">
        <v>0</v>
      </c>
      <c r="AW29" s="196">
        <v>0</v>
      </c>
      <c r="AX29" s="193">
        <v>0</v>
      </c>
      <c r="AY29" s="191">
        <v>43</v>
      </c>
      <c r="AZ29" s="191">
        <v>7</v>
      </c>
      <c r="BA29" s="191">
        <v>21</v>
      </c>
      <c r="BB29" s="191">
        <v>54</v>
      </c>
      <c r="BC29" s="191">
        <v>0</v>
      </c>
      <c r="BD29" s="194">
        <v>125</v>
      </c>
      <c r="BE29" s="195">
        <v>125</v>
      </c>
      <c r="BF29" s="190">
        <v>0</v>
      </c>
      <c r="BG29" s="191">
        <v>0</v>
      </c>
      <c r="BH29" s="196">
        <v>0</v>
      </c>
      <c r="BI29" s="193">
        <v>0</v>
      </c>
      <c r="BJ29" s="191">
        <v>16</v>
      </c>
      <c r="BK29" s="191">
        <v>15</v>
      </c>
      <c r="BL29" s="191">
        <v>9</v>
      </c>
      <c r="BM29" s="191">
        <v>0</v>
      </c>
      <c r="BN29" s="191">
        <v>0</v>
      </c>
      <c r="BO29" s="196">
        <v>40</v>
      </c>
      <c r="BP29" s="195">
        <v>40</v>
      </c>
      <c r="BQ29" s="190">
        <v>0</v>
      </c>
      <c r="BR29" s="191">
        <v>0</v>
      </c>
      <c r="BS29" s="196">
        <v>0</v>
      </c>
      <c r="BT29" s="193">
        <v>0</v>
      </c>
      <c r="BU29" s="191">
        <v>15</v>
      </c>
      <c r="BV29" s="191">
        <v>0</v>
      </c>
      <c r="BW29" s="191">
        <v>18</v>
      </c>
      <c r="BX29" s="191">
        <v>17</v>
      </c>
      <c r="BY29" s="191">
        <v>0</v>
      </c>
      <c r="BZ29" s="196">
        <v>50</v>
      </c>
      <c r="CA29" s="195">
        <v>50</v>
      </c>
      <c r="CB29" s="190">
        <v>0</v>
      </c>
      <c r="CC29" s="191">
        <v>0</v>
      </c>
      <c r="CD29" s="196">
        <v>0</v>
      </c>
      <c r="CE29" s="193">
        <v>0</v>
      </c>
      <c r="CF29" s="191">
        <v>3</v>
      </c>
      <c r="CG29" s="191">
        <v>0</v>
      </c>
      <c r="CH29" s="191">
        <v>1</v>
      </c>
      <c r="CI29" s="191">
        <v>0</v>
      </c>
      <c r="CJ29" s="191">
        <v>0</v>
      </c>
      <c r="CK29" s="196">
        <v>4</v>
      </c>
      <c r="CL29" s="195">
        <v>4</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6">
        <v>0</v>
      </c>
      <c r="E30" s="207">
        <v>0</v>
      </c>
      <c r="F30" s="193">
        <v>0</v>
      </c>
      <c r="G30" s="191">
        <v>8</v>
      </c>
      <c r="H30" s="191">
        <v>13</v>
      </c>
      <c r="I30" s="191">
        <v>0</v>
      </c>
      <c r="J30" s="191">
        <v>31</v>
      </c>
      <c r="K30" s="191">
        <v>0</v>
      </c>
      <c r="L30" s="194">
        <v>52</v>
      </c>
      <c r="M30" s="195">
        <v>52</v>
      </c>
      <c r="N30" s="190">
        <v>0</v>
      </c>
      <c r="O30" s="191">
        <v>0</v>
      </c>
      <c r="P30" s="196">
        <v>0</v>
      </c>
      <c r="Q30" s="193">
        <v>0</v>
      </c>
      <c r="R30" s="191">
        <v>0</v>
      </c>
      <c r="S30" s="191">
        <v>0</v>
      </c>
      <c r="T30" s="191">
        <v>0</v>
      </c>
      <c r="U30" s="191">
        <v>0</v>
      </c>
      <c r="V30" s="191">
        <v>0</v>
      </c>
      <c r="W30" s="196">
        <v>0</v>
      </c>
      <c r="X30" s="195">
        <v>0</v>
      </c>
      <c r="Y30" s="190">
        <v>0</v>
      </c>
      <c r="Z30" s="191">
        <v>2</v>
      </c>
      <c r="AA30" s="196">
        <v>2</v>
      </c>
      <c r="AB30" s="193">
        <v>0</v>
      </c>
      <c r="AC30" s="191">
        <v>0</v>
      </c>
      <c r="AD30" s="191">
        <v>17</v>
      </c>
      <c r="AE30" s="191">
        <v>2</v>
      </c>
      <c r="AF30" s="191">
        <v>0</v>
      </c>
      <c r="AG30" s="191">
        <v>0</v>
      </c>
      <c r="AH30" s="196">
        <v>19</v>
      </c>
      <c r="AI30" s="195">
        <v>21</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8</v>
      </c>
      <c r="BA30" s="191">
        <v>18</v>
      </c>
      <c r="BB30" s="191">
        <v>0</v>
      </c>
      <c r="BC30" s="191">
        <v>0</v>
      </c>
      <c r="BD30" s="194">
        <v>26</v>
      </c>
      <c r="BE30" s="195">
        <v>26</v>
      </c>
      <c r="BF30" s="190">
        <v>0</v>
      </c>
      <c r="BG30" s="191">
        <v>0</v>
      </c>
      <c r="BH30" s="196">
        <v>0</v>
      </c>
      <c r="BI30" s="193">
        <v>0</v>
      </c>
      <c r="BJ30" s="191">
        <v>0</v>
      </c>
      <c r="BK30" s="191">
        <v>0</v>
      </c>
      <c r="BL30" s="191">
        <v>8</v>
      </c>
      <c r="BM30" s="191">
        <v>0</v>
      </c>
      <c r="BN30" s="191">
        <v>0</v>
      </c>
      <c r="BO30" s="196">
        <v>8</v>
      </c>
      <c r="BP30" s="195">
        <v>8</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3</v>
      </c>
      <c r="CG30" s="191">
        <v>0</v>
      </c>
      <c r="CH30" s="191">
        <v>0</v>
      </c>
      <c r="CI30" s="191">
        <v>0</v>
      </c>
      <c r="CJ30" s="191">
        <v>0</v>
      </c>
      <c r="CK30" s="196">
        <v>3</v>
      </c>
      <c r="CL30" s="195">
        <v>3</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6">
        <v>0</v>
      </c>
      <c r="E31" s="207">
        <v>0</v>
      </c>
      <c r="F31" s="193">
        <v>0</v>
      </c>
      <c r="G31" s="191">
        <v>18</v>
      </c>
      <c r="H31" s="191">
        <v>56</v>
      </c>
      <c r="I31" s="191">
        <v>0</v>
      </c>
      <c r="J31" s="191">
        <v>142</v>
      </c>
      <c r="K31" s="191">
        <v>0</v>
      </c>
      <c r="L31" s="194">
        <v>216</v>
      </c>
      <c r="M31" s="195">
        <v>216</v>
      </c>
      <c r="N31" s="190">
        <v>0</v>
      </c>
      <c r="O31" s="191">
        <v>0</v>
      </c>
      <c r="P31" s="196">
        <v>0</v>
      </c>
      <c r="Q31" s="193">
        <v>0</v>
      </c>
      <c r="R31" s="191">
        <v>0</v>
      </c>
      <c r="S31" s="191">
        <v>0</v>
      </c>
      <c r="T31" s="191">
        <v>0</v>
      </c>
      <c r="U31" s="191">
        <v>0</v>
      </c>
      <c r="V31" s="191">
        <v>0</v>
      </c>
      <c r="W31" s="196">
        <v>0</v>
      </c>
      <c r="X31" s="195">
        <v>0</v>
      </c>
      <c r="Y31" s="190">
        <v>2</v>
      </c>
      <c r="Z31" s="191">
        <v>9</v>
      </c>
      <c r="AA31" s="196">
        <v>11</v>
      </c>
      <c r="AB31" s="193">
        <v>0</v>
      </c>
      <c r="AC31" s="191">
        <v>35</v>
      </c>
      <c r="AD31" s="191">
        <v>39</v>
      </c>
      <c r="AE31" s="191">
        <v>32</v>
      </c>
      <c r="AF31" s="191">
        <v>4</v>
      </c>
      <c r="AG31" s="191">
        <v>0</v>
      </c>
      <c r="AH31" s="196">
        <v>110</v>
      </c>
      <c r="AI31" s="195">
        <v>121</v>
      </c>
      <c r="AJ31" s="190">
        <v>0</v>
      </c>
      <c r="AK31" s="191">
        <v>0</v>
      </c>
      <c r="AL31" s="196">
        <v>0</v>
      </c>
      <c r="AM31" s="193">
        <v>0</v>
      </c>
      <c r="AN31" s="191">
        <v>0</v>
      </c>
      <c r="AO31" s="191">
        <v>0</v>
      </c>
      <c r="AP31" s="191">
        <v>0</v>
      </c>
      <c r="AQ31" s="191">
        <v>12</v>
      </c>
      <c r="AR31" s="191">
        <v>0</v>
      </c>
      <c r="AS31" s="196">
        <v>12</v>
      </c>
      <c r="AT31" s="195">
        <v>12</v>
      </c>
      <c r="AU31" s="190">
        <v>0</v>
      </c>
      <c r="AV31" s="191">
        <v>0</v>
      </c>
      <c r="AW31" s="196">
        <v>0</v>
      </c>
      <c r="AX31" s="193">
        <v>0</v>
      </c>
      <c r="AY31" s="191">
        <v>29</v>
      </c>
      <c r="AZ31" s="191">
        <v>0</v>
      </c>
      <c r="BA31" s="191">
        <v>0</v>
      </c>
      <c r="BB31" s="191">
        <v>0</v>
      </c>
      <c r="BC31" s="191">
        <v>0</v>
      </c>
      <c r="BD31" s="194">
        <v>29</v>
      </c>
      <c r="BE31" s="195">
        <v>29</v>
      </c>
      <c r="BF31" s="190">
        <v>0</v>
      </c>
      <c r="BG31" s="191">
        <v>0</v>
      </c>
      <c r="BH31" s="196">
        <v>0</v>
      </c>
      <c r="BI31" s="193">
        <v>0</v>
      </c>
      <c r="BJ31" s="191">
        <v>9</v>
      </c>
      <c r="BK31" s="191">
        <v>0</v>
      </c>
      <c r="BL31" s="191">
        <v>10</v>
      </c>
      <c r="BM31" s="191">
        <v>0</v>
      </c>
      <c r="BN31" s="191">
        <v>0</v>
      </c>
      <c r="BO31" s="196">
        <v>19</v>
      </c>
      <c r="BP31" s="195">
        <v>19</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0</v>
      </c>
      <c r="CI31" s="191">
        <v>0</v>
      </c>
      <c r="CJ31" s="191">
        <v>0</v>
      </c>
      <c r="CK31" s="196">
        <v>0</v>
      </c>
      <c r="CL31" s="195">
        <v>0</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6">
        <v>0</v>
      </c>
      <c r="E32" s="207">
        <v>0</v>
      </c>
      <c r="F32" s="193">
        <v>0</v>
      </c>
      <c r="G32" s="191">
        <v>13</v>
      </c>
      <c r="H32" s="191">
        <v>9</v>
      </c>
      <c r="I32" s="191">
        <v>60</v>
      </c>
      <c r="J32" s="191">
        <v>0</v>
      </c>
      <c r="K32" s="191">
        <v>0</v>
      </c>
      <c r="L32" s="194">
        <v>82</v>
      </c>
      <c r="M32" s="195">
        <v>82</v>
      </c>
      <c r="N32" s="190">
        <v>0</v>
      </c>
      <c r="O32" s="191">
        <v>0</v>
      </c>
      <c r="P32" s="196">
        <v>0</v>
      </c>
      <c r="Q32" s="193">
        <v>0</v>
      </c>
      <c r="R32" s="191">
        <v>0</v>
      </c>
      <c r="S32" s="191">
        <v>0</v>
      </c>
      <c r="T32" s="191">
        <v>4</v>
      </c>
      <c r="U32" s="191">
        <v>0</v>
      </c>
      <c r="V32" s="191">
        <v>0</v>
      </c>
      <c r="W32" s="196">
        <v>4</v>
      </c>
      <c r="X32" s="195">
        <v>4</v>
      </c>
      <c r="Y32" s="190">
        <v>0</v>
      </c>
      <c r="Z32" s="191">
        <v>0</v>
      </c>
      <c r="AA32" s="196">
        <v>0</v>
      </c>
      <c r="AB32" s="193">
        <v>0</v>
      </c>
      <c r="AC32" s="191">
        <v>27</v>
      </c>
      <c r="AD32" s="191">
        <v>16</v>
      </c>
      <c r="AE32" s="191">
        <v>4</v>
      </c>
      <c r="AF32" s="191">
        <v>0</v>
      </c>
      <c r="AG32" s="191">
        <v>0</v>
      </c>
      <c r="AH32" s="196">
        <v>47</v>
      </c>
      <c r="AI32" s="195">
        <v>47</v>
      </c>
      <c r="AJ32" s="190">
        <v>0</v>
      </c>
      <c r="AK32" s="191">
        <v>0</v>
      </c>
      <c r="AL32" s="196">
        <v>0</v>
      </c>
      <c r="AM32" s="193">
        <v>0</v>
      </c>
      <c r="AN32" s="191">
        <v>0</v>
      </c>
      <c r="AO32" s="191">
        <v>0</v>
      </c>
      <c r="AP32" s="191">
        <v>0</v>
      </c>
      <c r="AQ32" s="191">
        <v>0</v>
      </c>
      <c r="AR32" s="191">
        <v>0</v>
      </c>
      <c r="AS32" s="196">
        <v>0</v>
      </c>
      <c r="AT32" s="195">
        <v>0</v>
      </c>
      <c r="AU32" s="190">
        <v>0</v>
      </c>
      <c r="AV32" s="191">
        <v>0</v>
      </c>
      <c r="AW32" s="196">
        <v>0</v>
      </c>
      <c r="AX32" s="193">
        <v>0</v>
      </c>
      <c r="AY32" s="191">
        <v>5</v>
      </c>
      <c r="AZ32" s="191">
        <v>0</v>
      </c>
      <c r="BA32" s="191">
        <v>2</v>
      </c>
      <c r="BB32" s="191">
        <v>0</v>
      </c>
      <c r="BC32" s="191">
        <v>0</v>
      </c>
      <c r="BD32" s="194">
        <v>7</v>
      </c>
      <c r="BE32" s="195">
        <v>7</v>
      </c>
      <c r="BF32" s="190">
        <v>0</v>
      </c>
      <c r="BG32" s="191">
        <v>0</v>
      </c>
      <c r="BH32" s="196">
        <v>0</v>
      </c>
      <c r="BI32" s="193">
        <v>0</v>
      </c>
      <c r="BJ32" s="191">
        <v>8</v>
      </c>
      <c r="BK32" s="191">
        <v>0</v>
      </c>
      <c r="BL32" s="191">
        <v>0</v>
      </c>
      <c r="BM32" s="191">
        <v>8</v>
      </c>
      <c r="BN32" s="191">
        <v>0</v>
      </c>
      <c r="BO32" s="196">
        <v>16</v>
      </c>
      <c r="BP32" s="195">
        <v>16</v>
      </c>
      <c r="BQ32" s="190">
        <v>0</v>
      </c>
      <c r="BR32" s="191">
        <v>0</v>
      </c>
      <c r="BS32" s="196">
        <v>0</v>
      </c>
      <c r="BT32" s="193">
        <v>0</v>
      </c>
      <c r="BU32" s="191">
        <v>0</v>
      </c>
      <c r="BV32" s="191">
        <v>3</v>
      </c>
      <c r="BW32" s="191">
        <v>0</v>
      </c>
      <c r="BX32" s="191">
        <v>0</v>
      </c>
      <c r="BY32" s="191">
        <v>0</v>
      </c>
      <c r="BZ32" s="196">
        <v>3</v>
      </c>
      <c r="CA32" s="195">
        <v>3</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6">
        <v>0</v>
      </c>
      <c r="E33" s="207">
        <v>0</v>
      </c>
      <c r="F33" s="193">
        <v>0</v>
      </c>
      <c r="G33" s="191">
        <v>7</v>
      </c>
      <c r="H33" s="191">
        <v>0</v>
      </c>
      <c r="I33" s="191">
        <v>0</v>
      </c>
      <c r="J33" s="191">
        <v>0</v>
      </c>
      <c r="K33" s="191">
        <v>0</v>
      </c>
      <c r="L33" s="194">
        <v>7</v>
      </c>
      <c r="M33" s="195">
        <v>7</v>
      </c>
      <c r="N33" s="190">
        <v>0</v>
      </c>
      <c r="O33" s="191">
        <v>0</v>
      </c>
      <c r="P33" s="196">
        <v>0</v>
      </c>
      <c r="Q33" s="193">
        <v>0</v>
      </c>
      <c r="R33" s="191">
        <v>0</v>
      </c>
      <c r="S33" s="191">
        <v>0</v>
      </c>
      <c r="T33" s="191">
        <v>0</v>
      </c>
      <c r="U33" s="191">
        <v>0</v>
      </c>
      <c r="V33" s="191">
        <v>14</v>
      </c>
      <c r="W33" s="196">
        <v>14</v>
      </c>
      <c r="X33" s="195">
        <v>14</v>
      </c>
      <c r="Y33" s="190">
        <v>0</v>
      </c>
      <c r="Z33" s="191">
        <v>8</v>
      </c>
      <c r="AA33" s="196">
        <v>8</v>
      </c>
      <c r="AB33" s="193">
        <v>0</v>
      </c>
      <c r="AC33" s="191">
        <v>13</v>
      </c>
      <c r="AD33" s="191">
        <v>0</v>
      </c>
      <c r="AE33" s="191">
        <v>20</v>
      </c>
      <c r="AF33" s="191">
        <v>16</v>
      </c>
      <c r="AG33" s="191">
        <v>29</v>
      </c>
      <c r="AH33" s="196">
        <v>78</v>
      </c>
      <c r="AI33" s="195">
        <v>86</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11</v>
      </c>
      <c r="AZ33" s="191">
        <v>18</v>
      </c>
      <c r="BA33" s="191">
        <v>10</v>
      </c>
      <c r="BB33" s="191">
        <v>0</v>
      </c>
      <c r="BC33" s="191">
        <v>0</v>
      </c>
      <c r="BD33" s="194">
        <v>39</v>
      </c>
      <c r="BE33" s="195">
        <v>39</v>
      </c>
      <c r="BF33" s="190">
        <v>0</v>
      </c>
      <c r="BG33" s="191">
        <v>0</v>
      </c>
      <c r="BH33" s="196">
        <v>0</v>
      </c>
      <c r="BI33" s="193">
        <v>0</v>
      </c>
      <c r="BJ33" s="191">
        <v>3</v>
      </c>
      <c r="BK33" s="191">
        <v>0</v>
      </c>
      <c r="BL33" s="191">
        <v>21</v>
      </c>
      <c r="BM33" s="191">
        <v>0</v>
      </c>
      <c r="BN33" s="191">
        <v>0</v>
      </c>
      <c r="BO33" s="196">
        <v>24</v>
      </c>
      <c r="BP33" s="195">
        <v>24</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6">
        <v>0</v>
      </c>
      <c r="E34" s="207">
        <v>0</v>
      </c>
      <c r="F34" s="193">
        <v>0</v>
      </c>
      <c r="G34" s="191">
        <v>0</v>
      </c>
      <c r="H34" s="191">
        <v>26</v>
      </c>
      <c r="I34" s="191">
        <v>0</v>
      </c>
      <c r="J34" s="191">
        <v>0</v>
      </c>
      <c r="K34" s="191">
        <v>0</v>
      </c>
      <c r="L34" s="194">
        <v>26</v>
      </c>
      <c r="M34" s="195">
        <v>26</v>
      </c>
      <c r="N34" s="190">
        <v>0</v>
      </c>
      <c r="O34" s="191">
        <v>0</v>
      </c>
      <c r="P34" s="196">
        <v>0</v>
      </c>
      <c r="Q34" s="193">
        <v>0</v>
      </c>
      <c r="R34" s="191">
        <v>0</v>
      </c>
      <c r="S34" s="191">
        <v>0</v>
      </c>
      <c r="T34" s="191">
        <v>0</v>
      </c>
      <c r="U34" s="191">
        <v>0</v>
      </c>
      <c r="V34" s="191">
        <v>0</v>
      </c>
      <c r="W34" s="196">
        <v>0</v>
      </c>
      <c r="X34" s="195">
        <v>0</v>
      </c>
      <c r="Y34" s="190">
        <v>9</v>
      </c>
      <c r="Z34" s="191">
        <v>13</v>
      </c>
      <c r="AA34" s="196">
        <v>22</v>
      </c>
      <c r="AB34" s="193">
        <v>0</v>
      </c>
      <c r="AC34" s="191">
        <v>29</v>
      </c>
      <c r="AD34" s="191">
        <v>0</v>
      </c>
      <c r="AE34" s="191">
        <v>4</v>
      </c>
      <c r="AF34" s="191">
        <v>0</v>
      </c>
      <c r="AG34" s="191">
        <v>0</v>
      </c>
      <c r="AH34" s="196">
        <v>33</v>
      </c>
      <c r="AI34" s="195">
        <v>55</v>
      </c>
      <c r="AJ34" s="190">
        <v>0</v>
      </c>
      <c r="AK34" s="191">
        <v>0</v>
      </c>
      <c r="AL34" s="196">
        <v>0</v>
      </c>
      <c r="AM34" s="193">
        <v>0</v>
      </c>
      <c r="AN34" s="191">
        <v>0</v>
      </c>
      <c r="AO34" s="191">
        <v>0</v>
      </c>
      <c r="AP34" s="191">
        <v>0</v>
      </c>
      <c r="AQ34" s="191">
        <v>9</v>
      </c>
      <c r="AR34" s="191">
        <v>0</v>
      </c>
      <c r="AS34" s="196">
        <v>9</v>
      </c>
      <c r="AT34" s="195">
        <v>9</v>
      </c>
      <c r="AU34" s="190">
        <v>0</v>
      </c>
      <c r="AV34" s="191">
        <v>0</v>
      </c>
      <c r="AW34" s="196">
        <v>0</v>
      </c>
      <c r="AX34" s="193">
        <v>0</v>
      </c>
      <c r="AY34" s="191">
        <v>44</v>
      </c>
      <c r="AZ34" s="191">
        <v>24</v>
      </c>
      <c r="BA34" s="191">
        <v>0</v>
      </c>
      <c r="BB34" s="191">
        <v>4</v>
      </c>
      <c r="BC34" s="191">
        <v>0</v>
      </c>
      <c r="BD34" s="194">
        <v>72</v>
      </c>
      <c r="BE34" s="195">
        <v>72</v>
      </c>
      <c r="BF34" s="190">
        <v>0</v>
      </c>
      <c r="BG34" s="191">
        <v>0</v>
      </c>
      <c r="BH34" s="196">
        <v>0</v>
      </c>
      <c r="BI34" s="193">
        <v>0</v>
      </c>
      <c r="BJ34" s="191">
        <v>0</v>
      </c>
      <c r="BK34" s="191">
        <v>11</v>
      </c>
      <c r="BL34" s="191">
        <v>0</v>
      </c>
      <c r="BM34" s="191">
        <v>3</v>
      </c>
      <c r="BN34" s="191">
        <v>0</v>
      </c>
      <c r="BO34" s="196">
        <v>14</v>
      </c>
      <c r="BP34" s="195">
        <v>14</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0</v>
      </c>
      <c r="CG34" s="191">
        <v>0</v>
      </c>
      <c r="CH34" s="191">
        <v>0</v>
      </c>
      <c r="CI34" s="191">
        <v>0</v>
      </c>
      <c r="CJ34" s="191">
        <v>0</v>
      </c>
      <c r="CK34" s="196">
        <v>0</v>
      </c>
      <c r="CL34" s="195">
        <v>0</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6">
        <v>0</v>
      </c>
      <c r="E35" s="207">
        <v>0</v>
      </c>
      <c r="F35" s="193">
        <v>0</v>
      </c>
      <c r="G35" s="191">
        <v>40</v>
      </c>
      <c r="H35" s="191">
        <v>0</v>
      </c>
      <c r="I35" s="191">
        <v>26</v>
      </c>
      <c r="J35" s="191">
        <v>0</v>
      </c>
      <c r="K35" s="191">
        <v>0</v>
      </c>
      <c r="L35" s="194">
        <v>66</v>
      </c>
      <c r="M35" s="195">
        <v>66</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26</v>
      </c>
      <c r="AD35" s="191">
        <v>24</v>
      </c>
      <c r="AE35" s="191">
        <v>0</v>
      </c>
      <c r="AF35" s="191">
        <v>0</v>
      </c>
      <c r="AG35" s="191">
        <v>0</v>
      </c>
      <c r="AH35" s="196">
        <v>50</v>
      </c>
      <c r="AI35" s="195">
        <v>50</v>
      </c>
      <c r="AJ35" s="190">
        <v>0</v>
      </c>
      <c r="AK35" s="191">
        <v>0</v>
      </c>
      <c r="AL35" s="196">
        <v>0</v>
      </c>
      <c r="AM35" s="193">
        <v>0</v>
      </c>
      <c r="AN35" s="191">
        <v>18</v>
      </c>
      <c r="AO35" s="191">
        <v>24</v>
      </c>
      <c r="AP35" s="191">
        <v>21</v>
      </c>
      <c r="AQ35" s="191">
        <v>21</v>
      </c>
      <c r="AR35" s="191">
        <v>0</v>
      </c>
      <c r="AS35" s="196">
        <v>84</v>
      </c>
      <c r="AT35" s="195">
        <v>84</v>
      </c>
      <c r="AU35" s="190">
        <v>0</v>
      </c>
      <c r="AV35" s="191">
        <v>0</v>
      </c>
      <c r="AW35" s="196">
        <v>0</v>
      </c>
      <c r="AX35" s="193">
        <v>0</v>
      </c>
      <c r="AY35" s="191">
        <v>16</v>
      </c>
      <c r="AZ35" s="191">
        <v>0</v>
      </c>
      <c r="BA35" s="191">
        <v>0</v>
      </c>
      <c r="BB35" s="191">
        <v>0</v>
      </c>
      <c r="BC35" s="191">
        <v>0</v>
      </c>
      <c r="BD35" s="194">
        <v>16</v>
      </c>
      <c r="BE35" s="195">
        <v>16</v>
      </c>
      <c r="BF35" s="190">
        <v>0</v>
      </c>
      <c r="BG35" s="191">
        <v>0</v>
      </c>
      <c r="BH35" s="196">
        <v>0</v>
      </c>
      <c r="BI35" s="193">
        <v>0</v>
      </c>
      <c r="BJ35" s="191">
        <v>8</v>
      </c>
      <c r="BK35" s="191">
        <v>0</v>
      </c>
      <c r="BL35" s="191">
        <v>0</v>
      </c>
      <c r="BM35" s="191">
        <v>0</v>
      </c>
      <c r="BN35" s="191">
        <v>0</v>
      </c>
      <c r="BO35" s="196">
        <v>8</v>
      </c>
      <c r="BP35" s="195">
        <v>8</v>
      </c>
      <c r="BQ35" s="190">
        <v>0</v>
      </c>
      <c r="BR35" s="191">
        <v>0</v>
      </c>
      <c r="BS35" s="196">
        <v>0</v>
      </c>
      <c r="BT35" s="193">
        <v>0</v>
      </c>
      <c r="BU35" s="191">
        <v>0</v>
      </c>
      <c r="BV35" s="191">
        <v>0</v>
      </c>
      <c r="BW35" s="191">
        <v>0</v>
      </c>
      <c r="BX35" s="191">
        <v>2</v>
      </c>
      <c r="BY35" s="191">
        <v>0</v>
      </c>
      <c r="BZ35" s="196">
        <v>2</v>
      </c>
      <c r="CA35" s="195">
        <v>2</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8</v>
      </c>
      <c r="DC35" s="191">
        <v>0</v>
      </c>
      <c r="DD35" s="191">
        <v>0</v>
      </c>
      <c r="DE35" s="191">
        <v>0</v>
      </c>
      <c r="DF35" s="191">
        <v>0</v>
      </c>
      <c r="DG35" s="196">
        <v>8</v>
      </c>
      <c r="DH35" s="195">
        <v>8</v>
      </c>
    </row>
    <row r="36" spans="2:112" ht="21" customHeight="1" x14ac:dyDescent="0.2">
      <c r="B36" s="106" t="s">
        <v>34</v>
      </c>
      <c r="C36" s="190">
        <v>0</v>
      </c>
      <c r="D36" s="196">
        <v>0</v>
      </c>
      <c r="E36" s="207">
        <v>0</v>
      </c>
      <c r="F36" s="193">
        <v>0</v>
      </c>
      <c r="G36" s="191">
        <v>13</v>
      </c>
      <c r="H36" s="191">
        <v>13</v>
      </c>
      <c r="I36" s="191">
        <v>0</v>
      </c>
      <c r="J36" s="191">
        <v>0</v>
      </c>
      <c r="K36" s="191">
        <v>0</v>
      </c>
      <c r="L36" s="194">
        <v>26</v>
      </c>
      <c r="M36" s="195">
        <v>26</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12</v>
      </c>
      <c r="AD36" s="191">
        <v>5</v>
      </c>
      <c r="AE36" s="191">
        <v>0</v>
      </c>
      <c r="AF36" s="191">
        <v>0</v>
      </c>
      <c r="AG36" s="191">
        <v>0</v>
      </c>
      <c r="AH36" s="196">
        <v>17</v>
      </c>
      <c r="AI36" s="195">
        <v>17</v>
      </c>
      <c r="AJ36" s="190">
        <v>0</v>
      </c>
      <c r="AK36" s="191">
        <v>0</v>
      </c>
      <c r="AL36" s="196">
        <v>0</v>
      </c>
      <c r="AM36" s="193">
        <v>0</v>
      </c>
      <c r="AN36" s="191">
        <v>0</v>
      </c>
      <c r="AO36" s="191">
        <v>24</v>
      </c>
      <c r="AP36" s="191">
        <v>0</v>
      </c>
      <c r="AQ36" s="191">
        <v>0</v>
      </c>
      <c r="AR36" s="191">
        <v>0</v>
      </c>
      <c r="AS36" s="196">
        <v>24</v>
      </c>
      <c r="AT36" s="195">
        <v>24</v>
      </c>
      <c r="AU36" s="190">
        <v>0</v>
      </c>
      <c r="AV36" s="191">
        <v>0</v>
      </c>
      <c r="AW36" s="196">
        <v>0</v>
      </c>
      <c r="AX36" s="193">
        <v>0</v>
      </c>
      <c r="AY36" s="191">
        <v>0</v>
      </c>
      <c r="AZ36" s="191">
        <v>0</v>
      </c>
      <c r="BA36" s="191">
        <v>24</v>
      </c>
      <c r="BB36" s="191">
        <v>14</v>
      </c>
      <c r="BC36" s="191">
        <v>0</v>
      </c>
      <c r="BD36" s="194">
        <v>38</v>
      </c>
      <c r="BE36" s="195">
        <v>38</v>
      </c>
      <c r="BF36" s="190">
        <v>0</v>
      </c>
      <c r="BG36" s="191">
        <v>0</v>
      </c>
      <c r="BH36" s="196">
        <v>0</v>
      </c>
      <c r="BI36" s="193">
        <v>0</v>
      </c>
      <c r="BJ36" s="191">
        <v>0</v>
      </c>
      <c r="BK36" s="191">
        <v>0</v>
      </c>
      <c r="BL36" s="191">
        <v>0</v>
      </c>
      <c r="BM36" s="191">
        <v>0</v>
      </c>
      <c r="BN36" s="191">
        <v>0</v>
      </c>
      <c r="BO36" s="196">
        <v>0</v>
      </c>
      <c r="BP36" s="195">
        <v>0</v>
      </c>
      <c r="BQ36" s="190">
        <v>0</v>
      </c>
      <c r="BR36" s="191">
        <v>0</v>
      </c>
      <c r="BS36" s="196">
        <v>0</v>
      </c>
      <c r="BT36" s="193">
        <v>0</v>
      </c>
      <c r="BU36" s="191">
        <v>0</v>
      </c>
      <c r="BV36" s="191">
        <v>0</v>
      </c>
      <c r="BW36" s="191">
        <v>2</v>
      </c>
      <c r="BX36" s="191">
        <v>0</v>
      </c>
      <c r="BY36" s="191">
        <v>0</v>
      </c>
      <c r="BZ36" s="196">
        <v>2</v>
      </c>
      <c r="CA36" s="195">
        <v>2</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6">
        <v>0</v>
      </c>
      <c r="E37" s="207">
        <v>0</v>
      </c>
      <c r="F37" s="193">
        <v>0</v>
      </c>
      <c r="G37" s="191">
        <v>25</v>
      </c>
      <c r="H37" s="191">
        <v>32</v>
      </c>
      <c r="I37" s="191">
        <v>3</v>
      </c>
      <c r="J37" s="191">
        <v>0</v>
      </c>
      <c r="K37" s="191">
        <v>0</v>
      </c>
      <c r="L37" s="194">
        <v>60</v>
      </c>
      <c r="M37" s="195">
        <v>60</v>
      </c>
      <c r="N37" s="190">
        <v>0</v>
      </c>
      <c r="O37" s="191">
        <v>0</v>
      </c>
      <c r="P37" s="196">
        <v>0</v>
      </c>
      <c r="Q37" s="193">
        <v>0</v>
      </c>
      <c r="R37" s="191">
        <v>0</v>
      </c>
      <c r="S37" s="191">
        <v>0</v>
      </c>
      <c r="T37" s="191">
        <v>1</v>
      </c>
      <c r="U37" s="191">
        <v>0</v>
      </c>
      <c r="V37" s="191">
        <v>0</v>
      </c>
      <c r="W37" s="196">
        <v>1</v>
      </c>
      <c r="X37" s="195">
        <v>1</v>
      </c>
      <c r="Y37" s="190">
        <v>15</v>
      </c>
      <c r="Z37" s="191">
        <v>8</v>
      </c>
      <c r="AA37" s="196">
        <v>23</v>
      </c>
      <c r="AB37" s="193">
        <v>0</v>
      </c>
      <c r="AC37" s="191">
        <v>38</v>
      </c>
      <c r="AD37" s="191">
        <v>22</v>
      </c>
      <c r="AE37" s="191">
        <v>34</v>
      </c>
      <c r="AF37" s="191">
        <v>0</v>
      </c>
      <c r="AG37" s="191">
        <v>5</v>
      </c>
      <c r="AH37" s="196">
        <v>99</v>
      </c>
      <c r="AI37" s="195">
        <v>122</v>
      </c>
      <c r="AJ37" s="190">
        <v>10</v>
      </c>
      <c r="AK37" s="191">
        <v>27</v>
      </c>
      <c r="AL37" s="196">
        <v>37</v>
      </c>
      <c r="AM37" s="193">
        <v>0</v>
      </c>
      <c r="AN37" s="191">
        <v>0</v>
      </c>
      <c r="AO37" s="191">
        <v>27</v>
      </c>
      <c r="AP37" s="191">
        <v>0</v>
      </c>
      <c r="AQ37" s="191">
        <v>0</v>
      </c>
      <c r="AR37" s="191">
        <v>18</v>
      </c>
      <c r="AS37" s="196">
        <v>45</v>
      </c>
      <c r="AT37" s="195">
        <v>82</v>
      </c>
      <c r="AU37" s="190">
        <v>0</v>
      </c>
      <c r="AV37" s="191">
        <v>0</v>
      </c>
      <c r="AW37" s="196">
        <v>0</v>
      </c>
      <c r="AX37" s="193">
        <v>0</v>
      </c>
      <c r="AY37" s="191">
        <v>22</v>
      </c>
      <c r="AZ37" s="191">
        <v>19</v>
      </c>
      <c r="BA37" s="191">
        <v>12</v>
      </c>
      <c r="BB37" s="191">
        <v>0</v>
      </c>
      <c r="BC37" s="191">
        <v>4</v>
      </c>
      <c r="BD37" s="194">
        <v>57</v>
      </c>
      <c r="BE37" s="195">
        <v>57</v>
      </c>
      <c r="BF37" s="190">
        <v>0</v>
      </c>
      <c r="BG37" s="191">
        <v>0</v>
      </c>
      <c r="BH37" s="196">
        <v>0</v>
      </c>
      <c r="BI37" s="193">
        <v>0</v>
      </c>
      <c r="BJ37" s="191">
        <v>8</v>
      </c>
      <c r="BK37" s="191">
        <v>6</v>
      </c>
      <c r="BL37" s="191">
        <v>24</v>
      </c>
      <c r="BM37" s="191">
        <v>0</v>
      </c>
      <c r="BN37" s="191">
        <v>0</v>
      </c>
      <c r="BO37" s="196">
        <v>38</v>
      </c>
      <c r="BP37" s="195">
        <v>38</v>
      </c>
      <c r="BQ37" s="190">
        <v>0</v>
      </c>
      <c r="BR37" s="191">
        <v>0</v>
      </c>
      <c r="BS37" s="196">
        <v>0</v>
      </c>
      <c r="BT37" s="193">
        <v>0</v>
      </c>
      <c r="BU37" s="191">
        <v>0</v>
      </c>
      <c r="BV37" s="191">
        <v>3</v>
      </c>
      <c r="BW37" s="191">
        <v>3</v>
      </c>
      <c r="BX37" s="191">
        <v>0</v>
      </c>
      <c r="BY37" s="191">
        <v>17</v>
      </c>
      <c r="BZ37" s="196">
        <v>23</v>
      </c>
      <c r="CA37" s="195">
        <v>23</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6">
        <v>0</v>
      </c>
      <c r="E38" s="207">
        <v>0</v>
      </c>
      <c r="F38" s="193">
        <v>0</v>
      </c>
      <c r="G38" s="191">
        <v>51</v>
      </c>
      <c r="H38" s="191">
        <v>79</v>
      </c>
      <c r="I38" s="191">
        <v>9</v>
      </c>
      <c r="J38" s="191">
        <v>0</v>
      </c>
      <c r="K38" s="191">
        <v>0</v>
      </c>
      <c r="L38" s="194">
        <v>139</v>
      </c>
      <c r="M38" s="195">
        <v>139</v>
      </c>
      <c r="N38" s="190">
        <v>0</v>
      </c>
      <c r="O38" s="191">
        <v>0</v>
      </c>
      <c r="P38" s="196">
        <v>0</v>
      </c>
      <c r="Q38" s="193">
        <v>0</v>
      </c>
      <c r="R38" s="191">
        <v>0</v>
      </c>
      <c r="S38" s="191">
        <v>0</v>
      </c>
      <c r="T38" s="191">
        <v>0</v>
      </c>
      <c r="U38" s="191">
        <v>0</v>
      </c>
      <c r="V38" s="191">
        <v>0</v>
      </c>
      <c r="W38" s="196">
        <v>0</v>
      </c>
      <c r="X38" s="195">
        <v>0</v>
      </c>
      <c r="Y38" s="190">
        <v>0</v>
      </c>
      <c r="Z38" s="191">
        <v>9</v>
      </c>
      <c r="AA38" s="196">
        <v>9</v>
      </c>
      <c r="AB38" s="193">
        <v>0</v>
      </c>
      <c r="AC38" s="191">
        <v>0</v>
      </c>
      <c r="AD38" s="191">
        <v>15</v>
      </c>
      <c r="AE38" s="191">
        <v>0</v>
      </c>
      <c r="AF38" s="191">
        <v>5</v>
      </c>
      <c r="AG38" s="191">
        <v>0</v>
      </c>
      <c r="AH38" s="196">
        <v>20</v>
      </c>
      <c r="AI38" s="195">
        <v>29</v>
      </c>
      <c r="AJ38" s="190">
        <v>0</v>
      </c>
      <c r="AK38" s="191">
        <v>0</v>
      </c>
      <c r="AL38" s="196">
        <v>0</v>
      </c>
      <c r="AM38" s="193">
        <v>0</v>
      </c>
      <c r="AN38" s="191">
        <v>18</v>
      </c>
      <c r="AO38" s="191">
        <v>0</v>
      </c>
      <c r="AP38" s="191">
        <v>0</v>
      </c>
      <c r="AQ38" s="191">
        <v>0</v>
      </c>
      <c r="AR38" s="191">
        <v>0</v>
      </c>
      <c r="AS38" s="196">
        <v>18</v>
      </c>
      <c r="AT38" s="195">
        <v>18</v>
      </c>
      <c r="AU38" s="190">
        <v>0</v>
      </c>
      <c r="AV38" s="191">
        <v>0</v>
      </c>
      <c r="AW38" s="196">
        <v>0</v>
      </c>
      <c r="AX38" s="193">
        <v>0</v>
      </c>
      <c r="AY38" s="191">
        <v>4</v>
      </c>
      <c r="AZ38" s="191">
        <v>44</v>
      </c>
      <c r="BA38" s="191">
        <v>0</v>
      </c>
      <c r="BB38" s="191">
        <v>19</v>
      </c>
      <c r="BC38" s="191">
        <v>0</v>
      </c>
      <c r="BD38" s="194">
        <v>67</v>
      </c>
      <c r="BE38" s="195">
        <v>67</v>
      </c>
      <c r="BF38" s="190">
        <v>0</v>
      </c>
      <c r="BG38" s="191">
        <v>0</v>
      </c>
      <c r="BH38" s="196">
        <v>0</v>
      </c>
      <c r="BI38" s="193">
        <v>0</v>
      </c>
      <c r="BJ38" s="191">
        <v>0</v>
      </c>
      <c r="BK38" s="191">
        <v>0</v>
      </c>
      <c r="BL38" s="191">
        <v>7</v>
      </c>
      <c r="BM38" s="191">
        <v>0</v>
      </c>
      <c r="BN38" s="191">
        <v>0</v>
      </c>
      <c r="BO38" s="196">
        <v>7</v>
      </c>
      <c r="BP38" s="195">
        <v>7</v>
      </c>
      <c r="BQ38" s="190">
        <v>0</v>
      </c>
      <c r="BR38" s="191">
        <v>0</v>
      </c>
      <c r="BS38" s="196">
        <v>0</v>
      </c>
      <c r="BT38" s="193">
        <v>0</v>
      </c>
      <c r="BU38" s="191">
        <v>0</v>
      </c>
      <c r="BV38" s="191">
        <v>24</v>
      </c>
      <c r="BW38" s="191">
        <v>0</v>
      </c>
      <c r="BX38" s="191">
        <v>14</v>
      </c>
      <c r="BY38" s="191">
        <v>0</v>
      </c>
      <c r="BZ38" s="196">
        <v>38</v>
      </c>
      <c r="CA38" s="195">
        <v>38</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203">
        <v>0</v>
      </c>
      <c r="E39" s="208">
        <v>0</v>
      </c>
      <c r="F39" s="200">
        <v>0</v>
      </c>
      <c r="G39" s="198">
        <v>0</v>
      </c>
      <c r="H39" s="198">
        <v>0</v>
      </c>
      <c r="I39" s="198">
        <v>0</v>
      </c>
      <c r="J39" s="198">
        <v>0</v>
      </c>
      <c r="K39" s="198">
        <v>15</v>
      </c>
      <c r="L39" s="201">
        <v>15</v>
      </c>
      <c r="M39" s="202">
        <v>15</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24</v>
      </c>
      <c r="AE39" s="198">
        <v>0</v>
      </c>
      <c r="AF39" s="198">
        <v>0</v>
      </c>
      <c r="AG39" s="198">
        <v>2</v>
      </c>
      <c r="AH39" s="203">
        <v>26</v>
      </c>
      <c r="AI39" s="202">
        <v>26</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4</v>
      </c>
      <c r="BA39" s="198">
        <v>0</v>
      </c>
      <c r="BB39" s="198">
        <v>0</v>
      </c>
      <c r="BC39" s="198">
        <v>0</v>
      </c>
      <c r="BD39" s="201">
        <v>4</v>
      </c>
      <c r="BE39" s="202">
        <v>4</v>
      </c>
      <c r="BF39" s="197">
        <v>0</v>
      </c>
      <c r="BG39" s="198">
        <v>0</v>
      </c>
      <c r="BH39" s="203">
        <v>0</v>
      </c>
      <c r="BI39" s="200">
        <v>0</v>
      </c>
      <c r="BJ39" s="198">
        <v>0</v>
      </c>
      <c r="BK39" s="198">
        <v>0</v>
      </c>
      <c r="BL39" s="198">
        <v>0</v>
      </c>
      <c r="BM39" s="198">
        <v>0</v>
      </c>
      <c r="BN39" s="198">
        <v>0</v>
      </c>
      <c r="BO39" s="203">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11</v>
      </c>
      <c r="CK39" s="203">
        <v>11</v>
      </c>
      <c r="CL39" s="202">
        <v>11</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5" width="7.77734375" style="70" customWidth="1"/>
    <col min="6" max="6" width="9.109375" style="70" customWidth="1"/>
    <col min="7" max="7" width="9.44140625" style="70" customWidth="1"/>
    <col min="8" max="26" width="7.77734375" style="70" customWidth="1"/>
    <col min="27" max="35" width="7.77734375" style="71" customWidth="1"/>
    <col min="36" max="16384" width="9" style="71"/>
  </cols>
  <sheetData>
    <row r="1" spans="2:35" ht="24" customHeight="1" x14ac:dyDescent="0.2">
      <c r="B1" s="10" t="s">
        <v>126</v>
      </c>
      <c r="F1" s="12"/>
      <c r="H1" s="442">
        <f>第１表!F2</f>
        <v>6</v>
      </c>
      <c r="I1" s="442"/>
      <c r="J1" s="18">
        <f>第１表!G2</f>
        <v>10</v>
      </c>
      <c r="K1" s="446">
        <f>IF(J1&lt;3,J1-2+12,J1-2)</f>
        <v>8</v>
      </c>
      <c r="L1" s="446"/>
    </row>
    <row r="2" spans="2:35" ht="24" customHeight="1" thickBot="1" x14ac:dyDescent="0.25">
      <c r="J2" s="209"/>
      <c r="K2" s="209"/>
      <c r="L2" s="209"/>
      <c r="M2" s="209"/>
      <c r="N2" s="209"/>
      <c r="O2" s="209"/>
      <c r="P2" s="210"/>
      <c r="Q2" s="210"/>
      <c r="R2" s="210"/>
    </row>
    <row r="3" spans="2:35" ht="21" customHeight="1" thickBot="1" x14ac:dyDescent="0.25">
      <c r="B3" s="119"/>
      <c r="C3" s="443" t="s">
        <v>53</v>
      </c>
      <c r="D3" s="444"/>
      <c r="E3" s="444"/>
      <c r="F3" s="444"/>
      <c r="G3" s="444"/>
      <c r="H3" s="444"/>
      <c r="I3" s="444"/>
      <c r="J3" s="444"/>
      <c r="K3" s="444"/>
      <c r="L3" s="444"/>
      <c r="M3" s="445"/>
      <c r="N3" s="443" t="s">
        <v>54</v>
      </c>
      <c r="O3" s="444"/>
      <c r="P3" s="444"/>
      <c r="Q3" s="444"/>
      <c r="R3" s="444"/>
      <c r="S3" s="444"/>
      <c r="T3" s="444"/>
      <c r="U3" s="444"/>
      <c r="V3" s="444"/>
      <c r="W3" s="444"/>
      <c r="X3" s="445"/>
      <c r="Y3" s="443" t="s">
        <v>55</v>
      </c>
      <c r="Z3" s="444"/>
      <c r="AA3" s="444"/>
      <c r="AB3" s="444"/>
      <c r="AC3" s="444"/>
      <c r="AD3" s="444"/>
      <c r="AE3" s="444"/>
      <c r="AF3" s="444"/>
      <c r="AG3" s="444"/>
      <c r="AH3" s="444"/>
      <c r="AI3" s="445"/>
    </row>
    <row r="4" spans="2:35" ht="30" customHeight="1" thickBot="1" x14ac:dyDescent="0.25">
      <c r="B4" s="119" t="s">
        <v>42</v>
      </c>
      <c r="C4" s="120" t="s">
        <v>43</v>
      </c>
      <c r="D4" s="121" t="s">
        <v>44</v>
      </c>
      <c r="E4" s="122" t="s">
        <v>45</v>
      </c>
      <c r="F4" s="123" t="s">
        <v>46</v>
      </c>
      <c r="G4" s="121" t="s">
        <v>47</v>
      </c>
      <c r="H4" s="121" t="s">
        <v>48</v>
      </c>
      <c r="I4" s="121" t="s">
        <v>49</v>
      </c>
      <c r="J4" s="121" t="s">
        <v>50</v>
      </c>
      <c r="K4" s="121" t="s">
        <v>51</v>
      </c>
      <c r="L4" s="122" t="s">
        <v>45</v>
      </c>
      <c r="M4" s="69" t="s">
        <v>52</v>
      </c>
      <c r="N4" s="120" t="s">
        <v>43</v>
      </c>
      <c r="O4" s="121" t="s">
        <v>44</v>
      </c>
      <c r="P4" s="122" t="s">
        <v>45</v>
      </c>
      <c r="Q4" s="123" t="s">
        <v>46</v>
      </c>
      <c r="R4" s="121" t="s">
        <v>47</v>
      </c>
      <c r="S4" s="121" t="s">
        <v>48</v>
      </c>
      <c r="T4" s="121" t="s">
        <v>49</v>
      </c>
      <c r="U4" s="121" t="s">
        <v>50</v>
      </c>
      <c r="V4" s="121" t="s">
        <v>51</v>
      </c>
      <c r="W4" s="122" t="s">
        <v>45</v>
      </c>
      <c r="X4" s="69" t="s">
        <v>52</v>
      </c>
      <c r="Y4" s="120" t="s">
        <v>43</v>
      </c>
      <c r="Z4" s="121" t="s">
        <v>44</v>
      </c>
      <c r="AA4" s="122" t="s">
        <v>45</v>
      </c>
      <c r="AB4" s="123" t="s">
        <v>46</v>
      </c>
      <c r="AC4" s="121" t="s">
        <v>47</v>
      </c>
      <c r="AD4" s="121" t="s">
        <v>48</v>
      </c>
      <c r="AE4" s="121" t="s">
        <v>49</v>
      </c>
      <c r="AF4" s="121" t="s">
        <v>50</v>
      </c>
      <c r="AG4" s="121" t="s">
        <v>51</v>
      </c>
      <c r="AH4" s="122" t="s">
        <v>45</v>
      </c>
      <c r="AI4" s="69" t="s">
        <v>52</v>
      </c>
    </row>
    <row r="5" spans="2:35" ht="21" customHeight="1" x14ac:dyDescent="0.2">
      <c r="B5" s="84" t="s">
        <v>4</v>
      </c>
      <c r="C5" s="211">
        <v>175</v>
      </c>
      <c r="D5" s="212">
        <v>318</v>
      </c>
      <c r="E5" s="213">
        <v>493</v>
      </c>
      <c r="F5" s="214">
        <v>0</v>
      </c>
      <c r="G5" s="212">
        <v>19692</v>
      </c>
      <c r="H5" s="212">
        <v>20187</v>
      </c>
      <c r="I5" s="212">
        <v>13092</v>
      </c>
      <c r="J5" s="212">
        <v>8202</v>
      </c>
      <c r="K5" s="212">
        <v>5066</v>
      </c>
      <c r="L5" s="213">
        <v>66239</v>
      </c>
      <c r="M5" s="215">
        <v>66732</v>
      </c>
      <c r="N5" s="216">
        <v>3</v>
      </c>
      <c r="O5" s="212">
        <v>2</v>
      </c>
      <c r="P5" s="213">
        <v>5</v>
      </c>
      <c r="Q5" s="214">
        <v>0</v>
      </c>
      <c r="R5" s="212">
        <v>204</v>
      </c>
      <c r="S5" s="212">
        <v>382</v>
      </c>
      <c r="T5" s="212">
        <v>230</v>
      </c>
      <c r="U5" s="212">
        <v>159</v>
      </c>
      <c r="V5" s="212">
        <v>158</v>
      </c>
      <c r="W5" s="213">
        <v>1133</v>
      </c>
      <c r="X5" s="215">
        <v>1138</v>
      </c>
      <c r="Y5" s="216">
        <v>178</v>
      </c>
      <c r="Z5" s="212">
        <v>320</v>
      </c>
      <c r="AA5" s="213">
        <v>498</v>
      </c>
      <c r="AB5" s="214">
        <v>0</v>
      </c>
      <c r="AC5" s="212">
        <v>19896</v>
      </c>
      <c r="AD5" s="212">
        <v>20569</v>
      </c>
      <c r="AE5" s="212">
        <v>13322</v>
      </c>
      <c r="AF5" s="212">
        <v>8361</v>
      </c>
      <c r="AG5" s="212">
        <v>5224</v>
      </c>
      <c r="AH5" s="213">
        <v>67372</v>
      </c>
      <c r="AI5" s="215">
        <v>67870</v>
      </c>
    </row>
    <row r="6" spans="2:35" ht="21" customHeight="1" x14ac:dyDescent="0.2">
      <c r="B6" s="95" t="s">
        <v>5</v>
      </c>
      <c r="C6" s="217">
        <v>66</v>
      </c>
      <c r="D6" s="218">
        <v>138</v>
      </c>
      <c r="E6" s="219">
        <v>204</v>
      </c>
      <c r="F6" s="220">
        <v>0</v>
      </c>
      <c r="G6" s="218">
        <v>7367</v>
      </c>
      <c r="H6" s="218">
        <v>9560</v>
      </c>
      <c r="I6" s="218">
        <v>5750</v>
      </c>
      <c r="J6" s="218">
        <v>3609</v>
      </c>
      <c r="K6" s="218">
        <v>2328</v>
      </c>
      <c r="L6" s="219">
        <v>28614</v>
      </c>
      <c r="M6" s="221">
        <v>28818</v>
      </c>
      <c r="N6" s="222">
        <v>1</v>
      </c>
      <c r="O6" s="218">
        <v>1</v>
      </c>
      <c r="P6" s="219">
        <v>2</v>
      </c>
      <c r="Q6" s="220">
        <v>0</v>
      </c>
      <c r="R6" s="218">
        <v>68</v>
      </c>
      <c r="S6" s="218">
        <v>190</v>
      </c>
      <c r="T6" s="218">
        <v>117</v>
      </c>
      <c r="U6" s="218">
        <v>83</v>
      </c>
      <c r="V6" s="218">
        <v>83</v>
      </c>
      <c r="W6" s="219">
        <v>541</v>
      </c>
      <c r="X6" s="221">
        <v>543</v>
      </c>
      <c r="Y6" s="222">
        <v>67</v>
      </c>
      <c r="Z6" s="218">
        <v>139</v>
      </c>
      <c r="AA6" s="219">
        <v>206</v>
      </c>
      <c r="AB6" s="220">
        <v>0</v>
      </c>
      <c r="AC6" s="218">
        <v>7435</v>
      </c>
      <c r="AD6" s="218">
        <v>9750</v>
      </c>
      <c r="AE6" s="218">
        <v>5867</v>
      </c>
      <c r="AF6" s="218">
        <v>3692</v>
      </c>
      <c r="AG6" s="218">
        <v>2411</v>
      </c>
      <c r="AH6" s="219">
        <v>29155</v>
      </c>
      <c r="AI6" s="221">
        <v>29361</v>
      </c>
    </row>
    <row r="7" spans="2:35" ht="21" customHeight="1" x14ac:dyDescent="0.2">
      <c r="B7" s="106" t="s">
        <v>6</v>
      </c>
      <c r="C7" s="217">
        <v>27</v>
      </c>
      <c r="D7" s="218">
        <v>43</v>
      </c>
      <c r="E7" s="219">
        <v>70</v>
      </c>
      <c r="F7" s="220">
        <v>0</v>
      </c>
      <c r="G7" s="218">
        <v>2987</v>
      </c>
      <c r="H7" s="218">
        <v>2759</v>
      </c>
      <c r="I7" s="218">
        <v>1981</v>
      </c>
      <c r="J7" s="218">
        <v>1308</v>
      </c>
      <c r="K7" s="218">
        <v>900</v>
      </c>
      <c r="L7" s="219">
        <v>9935</v>
      </c>
      <c r="M7" s="221">
        <v>10005</v>
      </c>
      <c r="N7" s="222">
        <v>0</v>
      </c>
      <c r="O7" s="218">
        <v>0</v>
      </c>
      <c r="P7" s="219">
        <v>0</v>
      </c>
      <c r="Q7" s="220">
        <v>0</v>
      </c>
      <c r="R7" s="218">
        <v>26</v>
      </c>
      <c r="S7" s="218">
        <v>30</v>
      </c>
      <c r="T7" s="218">
        <v>28</v>
      </c>
      <c r="U7" s="218">
        <v>21</v>
      </c>
      <c r="V7" s="218">
        <v>24</v>
      </c>
      <c r="W7" s="219">
        <v>129</v>
      </c>
      <c r="X7" s="221">
        <v>129</v>
      </c>
      <c r="Y7" s="222">
        <v>27</v>
      </c>
      <c r="Z7" s="218">
        <v>43</v>
      </c>
      <c r="AA7" s="219">
        <v>70</v>
      </c>
      <c r="AB7" s="220">
        <v>0</v>
      </c>
      <c r="AC7" s="218">
        <v>3013</v>
      </c>
      <c r="AD7" s="218">
        <v>2789</v>
      </c>
      <c r="AE7" s="218">
        <v>2009</v>
      </c>
      <c r="AF7" s="218">
        <v>1329</v>
      </c>
      <c r="AG7" s="218">
        <v>924</v>
      </c>
      <c r="AH7" s="219">
        <v>10064</v>
      </c>
      <c r="AI7" s="221">
        <v>10134</v>
      </c>
    </row>
    <row r="8" spans="2:35" ht="21" customHeight="1" x14ac:dyDescent="0.2">
      <c r="B8" s="106" t="s">
        <v>14</v>
      </c>
      <c r="C8" s="217">
        <v>20</v>
      </c>
      <c r="D8" s="218">
        <v>25</v>
      </c>
      <c r="E8" s="219">
        <v>45</v>
      </c>
      <c r="F8" s="220">
        <v>0</v>
      </c>
      <c r="G8" s="218">
        <v>1554</v>
      </c>
      <c r="H8" s="218">
        <v>1732</v>
      </c>
      <c r="I8" s="218">
        <v>1216</v>
      </c>
      <c r="J8" s="218">
        <v>702</v>
      </c>
      <c r="K8" s="218">
        <v>355</v>
      </c>
      <c r="L8" s="219">
        <v>5559</v>
      </c>
      <c r="M8" s="221">
        <v>5604</v>
      </c>
      <c r="N8" s="222">
        <v>1</v>
      </c>
      <c r="O8" s="218">
        <v>0</v>
      </c>
      <c r="P8" s="219">
        <v>1</v>
      </c>
      <c r="Q8" s="220">
        <v>0</v>
      </c>
      <c r="R8" s="218">
        <v>14</v>
      </c>
      <c r="S8" s="218">
        <v>39</v>
      </c>
      <c r="T8" s="218">
        <v>16</v>
      </c>
      <c r="U8" s="218">
        <v>7</v>
      </c>
      <c r="V8" s="218">
        <v>11</v>
      </c>
      <c r="W8" s="219">
        <v>87</v>
      </c>
      <c r="X8" s="221">
        <v>88</v>
      </c>
      <c r="Y8" s="222">
        <v>21</v>
      </c>
      <c r="Z8" s="218">
        <v>25</v>
      </c>
      <c r="AA8" s="219">
        <v>46</v>
      </c>
      <c r="AB8" s="220">
        <v>0</v>
      </c>
      <c r="AC8" s="218">
        <v>1568</v>
      </c>
      <c r="AD8" s="218">
        <v>1771</v>
      </c>
      <c r="AE8" s="218">
        <v>1232</v>
      </c>
      <c r="AF8" s="218">
        <v>709</v>
      </c>
      <c r="AG8" s="218">
        <v>366</v>
      </c>
      <c r="AH8" s="219">
        <v>5646</v>
      </c>
      <c r="AI8" s="221">
        <v>5692</v>
      </c>
    </row>
    <row r="9" spans="2:35" ht="21" customHeight="1" x14ac:dyDescent="0.2">
      <c r="B9" s="106" t="s">
        <v>7</v>
      </c>
      <c r="C9" s="217">
        <v>3</v>
      </c>
      <c r="D9" s="218">
        <v>5</v>
      </c>
      <c r="E9" s="219">
        <v>8</v>
      </c>
      <c r="F9" s="220">
        <v>0</v>
      </c>
      <c r="G9" s="218">
        <v>1471</v>
      </c>
      <c r="H9" s="218">
        <v>980</v>
      </c>
      <c r="I9" s="218">
        <v>561</v>
      </c>
      <c r="J9" s="218">
        <v>313</v>
      </c>
      <c r="K9" s="218">
        <v>176</v>
      </c>
      <c r="L9" s="219">
        <v>3501</v>
      </c>
      <c r="M9" s="221">
        <v>3509</v>
      </c>
      <c r="N9" s="222">
        <v>0</v>
      </c>
      <c r="O9" s="218">
        <v>0</v>
      </c>
      <c r="P9" s="219">
        <v>0</v>
      </c>
      <c r="Q9" s="220">
        <v>0</v>
      </c>
      <c r="R9" s="218">
        <v>21</v>
      </c>
      <c r="S9" s="218">
        <v>15</v>
      </c>
      <c r="T9" s="218">
        <v>11</v>
      </c>
      <c r="U9" s="218">
        <v>3</v>
      </c>
      <c r="V9" s="218">
        <v>5</v>
      </c>
      <c r="W9" s="219">
        <v>55</v>
      </c>
      <c r="X9" s="221">
        <v>55</v>
      </c>
      <c r="Y9" s="222">
        <v>3</v>
      </c>
      <c r="Z9" s="218">
        <v>5</v>
      </c>
      <c r="AA9" s="219">
        <v>8</v>
      </c>
      <c r="AB9" s="220">
        <v>0</v>
      </c>
      <c r="AC9" s="218">
        <v>1492</v>
      </c>
      <c r="AD9" s="218">
        <v>995</v>
      </c>
      <c r="AE9" s="218">
        <v>572</v>
      </c>
      <c r="AF9" s="218">
        <v>316</v>
      </c>
      <c r="AG9" s="218">
        <v>181</v>
      </c>
      <c r="AH9" s="219">
        <v>3556</v>
      </c>
      <c r="AI9" s="221">
        <v>3564</v>
      </c>
    </row>
    <row r="10" spans="2:35" ht="21" customHeight="1" x14ac:dyDescent="0.2">
      <c r="B10" s="106" t="s">
        <v>8</v>
      </c>
      <c r="C10" s="217">
        <v>12</v>
      </c>
      <c r="D10" s="218">
        <v>12</v>
      </c>
      <c r="E10" s="219">
        <v>24</v>
      </c>
      <c r="F10" s="220">
        <v>0</v>
      </c>
      <c r="G10" s="218">
        <v>776</v>
      </c>
      <c r="H10" s="218">
        <v>676</v>
      </c>
      <c r="I10" s="218">
        <v>399</v>
      </c>
      <c r="J10" s="218">
        <v>245</v>
      </c>
      <c r="K10" s="218">
        <v>136</v>
      </c>
      <c r="L10" s="219">
        <v>2232</v>
      </c>
      <c r="M10" s="221">
        <v>2256</v>
      </c>
      <c r="N10" s="222">
        <v>0</v>
      </c>
      <c r="O10" s="218">
        <v>0</v>
      </c>
      <c r="P10" s="219">
        <v>0</v>
      </c>
      <c r="Q10" s="220">
        <v>0</v>
      </c>
      <c r="R10" s="218">
        <v>12</v>
      </c>
      <c r="S10" s="218">
        <v>29</v>
      </c>
      <c r="T10" s="218">
        <v>6</v>
      </c>
      <c r="U10" s="218">
        <v>5</v>
      </c>
      <c r="V10" s="218">
        <v>3</v>
      </c>
      <c r="W10" s="219">
        <v>55</v>
      </c>
      <c r="X10" s="221">
        <v>55</v>
      </c>
      <c r="Y10" s="222">
        <v>12</v>
      </c>
      <c r="Z10" s="218">
        <v>12</v>
      </c>
      <c r="AA10" s="219">
        <v>24</v>
      </c>
      <c r="AB10" s="220">
        <v>0</v>
      </c>
      <c r="AC10" s="218">
        <v>788</v>
      </c>
      <c r="AD10" s="218">
        <v>705</v>
      </c>
      <c r="AE10" s="218">
        <v>405</v>
      </c>
      <c r="AF10" s="218">
        <v>250</v>
      </c>
      <c r="AG10" s="218">
        <v>139</v>
      </c>
      <c r="AH10" s="219">
        <v>2287</v>
      </c>
      <c r="AI10" s="221">
        <v>2311</v>
      </c>
    </row>
    <row r="11" spans="2:35" ht="21" customHeight="1" x14ac:dyDescent="0.2">
      <c r="B11" s="106" t="s">
        <v>9</v>
      </c>
      <c r="C11" s="217">
        <v>3</v>
      </c>
      <c r="D11" s="218">
        <v>3</v>
      </c>
      <c r="E11" s="219">
        <v>6</v>
      </c>
      <c r="F11" s="220">
        <v>0</v>
      </c>
      <c r="G11" s="218">
        <v>531</v>
      </c>
      <c r="H11" s="218">
        <v>394</v>
      </c>
      <c r="I11" s="218">
        <v>280</v>
      </c>
      <c r="J11" s="218">
        <v>196</v>
      </c>
      <c r="K11" s="218">
        <v>101</v>
      </c>
      <c r="L11" s="219">
        <v>1502</v>
      </c>
      <c r="M11" s="221">
        <v>1508</v>
      </c>
      <c r="N11" s="222">
        <v>0</v>
      </c>
      <c r="O11" s="218">
        <v>0</v>
      </c>
      <c r="P11" s="219">
        <v>0</v>
      </c>
      <c r="Q11" s="220">
        <v>0</v>
      </c>
      <c r="R11" s="218">
        <v>13</v>
      </c>
      <c r="S11" s="218">
        <v>13</v>
      </c>
      <c r="T11" s="218">
        <v>3</v>
      </c>
      <c r="U11" s="218">
        <v>4</v>
      </c>
      <c r="V11" s="218">
        <v>2</v>
      </c>
      <c r="W11" s="219">
        <v>35</v>
      </c>
      <c r="X11" s="221">
        <v>35</v>
      </c>
      <c r="Y11" s="222">
        <v>3</v>
      </c>
      <c r="Z11" s="218">
        <v>3</v>
      </c>
      <c r="AA11" s="219">
        <v>6</v>
      </c>
      <c r="AB11" s="220">
        <v>0</v>
      </c>
      <c r="AC11" s="218">
        <v>544</v>
      </c>
      <c r="AD11" s="218">
        <v>407</v>
      </c>
      <c r="AE11" s="218">
        <v>283</v>
      </c>
      <c r="AF11" s="218">
        <v>200</v>
      </c>
      <c r="AG11" s="218">
        <v>103</v>
      </c>
      <c r="AH11" s="219">
        <v>1537</v>
      </c>
      <c r="AI11" s="221">
        <v>1543</v>
      </c>
    </row>
    <row r="12" spans="2:35" ht="21" customHeight="1" x14ac:dyDescent="0.2">
      <c r="B12" s="106" t="s">
        <v>10</v>
      </c>
      <c r="C12" s="217">
        <v>9</v>
      </c>
      <c r="D12" s="218">
        <v>16</v>
      </c>
      <c r="E12" s="219">
        <v>25</v>
      </c>
      <c r="F12" s="220">
        <v>0</v>
      </c>
      <c r="G12" s="218">
        <v>873</v>
      </c>
      <c r="H12" s="218">
        <v>494</v>
      </c>
      <c r="I12" s="218">
        <v>404</v>
      </c>
      <c r="J12" s="218">
        <v>325</v>
      </c>
      <c r="K12" s="218">
        <v>224</v>
      </c>
      <c r="L12" s="219">
        <v>2320</v>
      </c>
      <c r="M12" s="221">
        <v>2345</v>
      </c>
      <c r="N12" s="222">
        <v>0</v>
      </c>
      <c r="O12" s="218">
        <v>1</v>
      </c>
      <c r="P12" s="219">
        <v>1</v>
      </c>
      <c r="Q12" s="220">
        <v>0</v>
      </c>
      <c r="R12" s="218">
        <v>11</v>
      </c>
      <c r="S12" s="218">
        <v>8</v>
      </c>
      <c r="T12" s="218">
        <v>8</v>
      </c>
      <c r="U12" s="218">
        <v>7</v>
      </c>
      <c r="V12" s="218">
        <v>5</v>
      </c>
      <c r="W12" s="219">
        <v>39</v>
      </c>
      <c r="X12" s="221">
        <v>40</v>
      </c>
      <c r="Y12" s="222">
        <v>9</v>
      </c>
      <c r="Z12" s="218">
        <v>17</v>
      </c>
      <c r="AA12" s="219">
        <v>26</v>
      </c>
      <c r="AB12" s="220">
        <v>0</v>
      </c>
      <c r="AC12" s="218">
        <v>884</v>
      </c>
      <c r="AD12" s="218">
        <v>502</v>
      </c>
      <c r="AE12" s="218">
        <v>412</v>
      </c>
      <c r="AF12" s="218">
        <v>332</v>
      </c>
      <c r="AG12" s="218">
        <v>229</v>
      </c>
      <c r="AH12" s="219">
        <v>2359</v>
      </c>
      <c r="AI12" s="221">
        <v>2385</v>
      </c>
    </row>
    <row r="13" spans="2:35" ht="21" customHeight="1" x14ac:dyDescent="0.2">
      <c r="B13" s="106" t="s">
        <v>11</v>
      </c>
      <c r="C13" s="217">
        <v>2</v>
      </c>
      <c r="D13" s="218">
        <v>7</v>
      </c>
      <c r="E13" s="219">
        <v>9</v>
      </c>
      <c r="F13" s="220">
        <v>0</v>
      </c>
      <c r="G13" s="218">
        <v>603</v>
      </c>
      <c r="H13" s="218">
        <v>408</v>
      </c>
      <c r="I13" s="218">
        <v>289</v>
      </c>
      <c r="J13" s="218">
        <v>176</v>
      </c>
      <c r="K13" s="218">
        <v>79</v>
      </c>
      <c r="L13" s="219">
        <v>1555</v>
      </c>
      <c r="M13" s="221">
        <v>1564</v>
      </c>
      <c r="N13" s="222">
        <v>1</v>
      </c>
      <c r="O13" s="218">
        <v>0</v>
      </c>
      <c r="P13" s="219">
        <v>1</v>
      </c>
      <c r="Q13" s="220">
        <v>0</v>
      </c>
      <c r="R13" s="218">
        <v>3</v>
      </c>
      <c r="S13" s="218">
        <v>2</v>
      </c>
      <c r="T13" s="218">
        <v>5</v>
      </c>
      <c r="U13" s="218">
        <v>6</v>
      </c>
      <c r="V13" s="218">
        <v>2</v>
      </c>
      <c r="W13" s="219">
        <v>18</v>
      </c>
      <c r="X13" s="221">
        <v>19</v>
      </c>
      <c r="Y13" s="222">
        <v>3</v>
      </c>
      <c r="Z13" s="218">
        <v>7</v>
      </c>
      <c r="AA13" s="219">
        <v>10</v>
      </c>
      <c r="AB13" s="220">
        <v>0</v>
      </c>
      <c r="AC13" s="218">
        <v>606</v>
      </c>
      <c r="AD13" s="218">
        <v>410</v>
      </c>
      <c r="AE13" s="218">
        <v>294</v>
      </c>
      <c r="AF13" s="218">
        <v>182</v>
      </c>
      <c r="AG13" s="218">
        <v>81</v>
      </c>
      <c r="AH13" s="219">
        <v>1573</v>
      </c>
      <c r="AI13" s="221">
        <v>1583</v>
      </c>
    </row>
    <row r="14" spans="2:35" ht="21" customHeight="1" x14ac:dyDescent="0.2">
      <c r="B14" s="106" t="s">
        <v>12</v>
      </c>
      <c r="C14" s="217">
        <v>0</v>
      </c>
      <c r="D14" s="218">
        <v>1</v>
      </c>
      <c r="E14" s="219">
        <v>1</v>
      </c>
      <c r="F14" s="220">
        <v>0</v>
      </c>
      <c r="G14" s="218">
        <v>454</v>
      </c>
      <c r="H14" s="218">
        <v>351</v>
      </c>
      <c r="I14" s="218">
        <v>279</v>
      </c>
      <c r="J14" s="218">
        <v>185</v>
      </c>
      <c r="K14" s="218">
        <v>118</v>
      </c>
      <c r="L14" s="219">
        <v>1387</v>
      </c>
      <c r="M14" s="221">
        <v>1388</v>
      </c>
      <c r="N14" s="222">
        <v>0</v>
      </c>
      <c r="O14" s="218">
        <v>0</v>
      </c>
      <c r="P14" s="219">
        <v>0</v>
      </c>
      <c r="Q14" s="220">
        <v>0</v>
      </c>
      <c r="R14" s="218">
        <v>6</v>
      </c>
      <c r="S14" s="218">
        <v>8</v>
      </c>
      <c r="T14" s="218">
        <v>3</v>
      </c>
      <c r="U14" s="218">
        <v>1</v>
      </c>
      <c r="V14" s="218">
        <v>3</v>
      </c>
      <c r="W14" s="219">
        <v>21</v>
      </c>
      <c r="X14" s="221">
        <v>21</v>
      </c>
      <c r="Y14" s="222">
        <v>0</v>
      </c>
      <c r="Z14" s="218">
        <v>1</v>
      </c>
      <c r="AA14" s="219">
        <v>1</v>
      </c>
      <c r="AB14" s="220">
        <v>0</v>
      </c>
      <c r="AC14" s="218">
        <v>460</v>
      </c>
      <c r="AD14" s="218">
        <v>359</v>
      </c>
      <c r="AE14" s="218">
        <v>282</v>
      </c>
      <c r="AF14" s="218">
        <v>186</v>
      </c>
      <c r="AG14" s="218">
        <v>121</v>
      </c>
      <c r="AH14" s="219">
        <v>1408</v>
      </c>
      <c r="AI14" s="221">
        <v>1409</v>
      </c>
    </row>
    <row r="15" spans="2:35" ht="21" customHeight="1" x14ac:dyDescent="0.2">
      <c r="B15" s="106" t="s">
        <v>13</v>
      </c>
      <c r="C15" s="217">
        <v>4</v>
      </c>
      <c r="D15" s="218">
        <v>2</v>
      </c>
      <c r="E15" s="219">
        <v>6</v>
      </c>
      <c r="F15" s="220">
        <v>0</v>
      </c>
      <c r="G15" s="218">
        <v>188</v>
      </c>
      <c r="H15" s="218">
        <v>201</v>
      </c>
      <c r="I15" s="218">
        <v>102</v>
      </c>
      <c r="J15" s="218">
        <v>70</v>
      </c>
      <c r="K15" s="218">
        <v>45</v>
      </c>
      <c r="L15" s="219">
        <v>606</v>
      </c>
      <c r="M15" s="221">
        <v>612</v>
      </c>
      <c r="N15" s="222">
        <v>0</v>
      </c>
      <c r="O15" s="218">
        <v>0</v>
      </c>
      <c r="P15" s="219">
        <v>0</v>
      </c>
      <c r="Q15" s="220">
        <v>0</v>
      </c>
      <c r="R15" s="218">
        <v>2</v>
      </c>
      <c r="S15" s="218">
        <v>1</v>
      </c>
      <c r="T15" s="218">
        <v>2</v>
      </c>
      <c r="U15" s="218">
        <v>0</v>
      </c>
      <c r="V15" s="218">
        <v>0</v>
      </c>
      <c r="W15" s="219">
        <v>5</v>
      </c>
      <c r="X15" s="221">
        <v>5</v>
      </c>
      <c r="Y15" s="222">
        <v>4</v>
      </c>
      <c r="Z15" s="218">
        <v>2</v>
      </c>
      <c r="AA15" s="219">
        <v>6</v>
      </c>
      <c r="AB15" s="220">
        <v>0</v>
      </c>
      <c r="AC15" s="218">
        <v>190</v>
      </c>
      <c r="AD15" s="218">
        <v>202</v>
      </c>
      <c r="AE15" s="218">
        <v>104</v>
      </c>
      <c r="AF15" s="218">
        <v>70</v>
      </c>
      <c r="AG15" s="218">
        <v>45</v>
      </c>
      <c r="AH15" s="219">
        <v>611</v>
      </c>
      <c r="AI15" s="221">
        <v>617</v>
      </c>
    </row>
    <row r="16" spans="2:35" ht="21" customHeight="1" x14ac:dyDescent="0.2">
      <c r="B16" s="106" t="s">
        <v>15</v>
      </c>
      <c r="C16" s="217">
        <v>1</v>
      </c>
      <c r="D16" s="218">
        <v>13</v>
      </c>
      <c r="E16" s="219">
        <v>14</v>
      </c>
      <c r="F16" s="220">
        <v>0</v>
      </c>
      <c r="G16" s="218">
        <v>267</v>
      </c>
      <c r="H16" s="218">
        <v>272</v>
      </c>
      <c r="I16" s="218">
        <v>136</v>
      </c>
      <c r="J16" s="218">
        <v>79</v>
      </c>
      <c r="K16" s="218">
        <v>57</v>
      </c>
      <c r="L16" s="219">
        <v>811</v>
      </c>
      <c r="M16" s="221">
        <v>825</v>
      </c>
      <c r="N16" s="222">
        <v>0</v>
      </c>
      <c r="O16" s="218">
        <v>0</v>
      </c>
      <c r="P16" s="219">
        <v>0</v>
      </c>
      <c r="Q16" s="220">
        <v>0</v>
      </c>
      <c r="R16" s="218">
        <v>4</v>
      </c>
      <c r="S16" s="218">
        <v>6</v>
      </c>
      <c r="T16" s="218">
        <v>2</v>
      </c>
      <c r="U16" s="218">
        <v>0</v>
      </c>
      <c r="V16" s="218">
        <v>0</v>
      </c>
      <c r="W16" s="219">
        <v>12</v>
      </c>
      <c r="X16" s="221">
        <v>12</v>
      </c>
      <c r="Y16" s="222">
        <v>1</v>
      </c>
      <c r="Z16" s="218">
        <v>13</v>
      </c>
      <c r="AA16" s="219">
        <v>14</v>
      </c>
      <c r="AB16" s="220">
        <v>0</v>
      </c>
      <c r="AC16" s="218">
        <v>271</v>
      </c>
      <c r="AD16" s="218">
        <v>278</v>
      </c>
      <c r="AE16" s="218">
        <v>138</v>
      </c>
      <c r="AF16" s="218">
        <v>79</v>
      </c>
      <c r="AG16" s="218">
        <v>57</v>
      </c>
      <c r="AH16" s="219">
        <v>823</v>
      </c>
      <c r="AI16" s="221">
        <v>837</v>
      </c>
    </row>
    <row r="17" spans="2:35" ht="21" customHeight="1" x14ac:dyDescent="0.2">
      <c r="B17" s="106" t="s">
        <v>16</v>
      </c>
      <c r="C17" s="217">
        <v>3</v>
      </c>
      <c r="D17" s="218">
        <v>4</v>
      </c>
      <c r="E17" s="219">
        <v>7</v>
      </c>
      <c r="F17" s="220">
        <v>0</v>
      </c>
      <c r="G17" s="218">
        <v>186</v>
      </c>
      <c r="H17" s="218">
        <v>269</v>
      </c>
      <c r="I17" s="218">
        <v>171</v>
      </c>
      <c r="J17" s="218">
        <v>123</v>
      </c>
      <c r="K17" s="218">
        <v>70</v>
      </c>
      <c r="L17" s="219">
        <v>819</v>
      </c>
      <c r="M17" s="221">
        <v>826</v>
      </c>
      <c r="N17" s="222">
        <v>0</v>
      </c>
      <c r="O17" s="218">
        <v>0</v>
      </c>
      <c r="P17" s="219">
        <v>0</v>
      </c>
      <c r="Q17" s="220">
        <v>0</v>
      </c>
      <c r="R17" s="218">
        <v>4</v>
      </c>
      <c r="S17" s="218">
        <v>2</v>
      </c>
      <c r="T17" s="218">
        <v>7</v>
      </c>
      <c r="U17" s="218">
        <v>3</v>
      </c>
      <c r="V17" s="218">
        <v>1</v>
      </c>
      <c r="W17" s="219">
        <v>17</v>
      </c>
      <c r="X17" s="221">
        <v>17</v>
      </c>
      <c r="Y17" s="222">
        <v>3</v>
      </c>
      <c r="Z17" s="218">
        <v>4</v>
      </c>
      <c r="AA17" s="219">
        <v>7</v>
      </c>
      <c r="AB17" s="220">
        <v>0</v>
      </c>
      <c r="AC17" s="218">
        <v>190</v>
      </c>
      <c r="AD17" s="218">
        <v>271</v>
      </c>
      <c r="AE17" s="218">
        <v>178</v>
      </c>
      <c r="AF17" s="218">
        <v>126</v>
      </c>
      <c r="AG17" s="218">
        <v>71</v>
      </c>
      <c r="AH17" s="219">
        <v>836</v>
      </c>
      <c r="AI17" s="221">
        <v>843</v>
      </c>
    </row>
    <row r="18" spans="2:35" ht="21" customHeight="1" x14ac:dyDescent="0.2">
      <c r="B18" s="106" t="s">
        <v>17</v>
      </c>
      <c r="C18" s="217">
        <v>6</v>
      </c>
      <c r="D18" s="218">
        <v>7</v>
      </c>
      <c r="E18" s="219">
        <v>13</v>
      </c>
      <c r="F18" s="220">
        <v>0</v>
      </c>
      <c r="G18" s="218">
        <v>347</v>
      </c>
      <c r="H18" s="218">
        <v>458</v>
      </c>
      <c r="I18" s="218">
        <v>325</v>
      </c>
      <c r="J18" s="218">
        <v>207</v>
      </c>
      <c r="K18" s="218">
        <v>117</v>
      </c>
      <c r="L18" s="219">
        <v>1454</v>
      </c>
      <c r="M18" s="221">
        <v>1467</v>
      </c>
      <c r="N18" s="222">
        <v>0</v>
      </c>
      <c r="O18" s="218">
        <v>0</v>
      </c>
      <c r="P18" s="219">
        <v>0</v>
      </c>
      <c r="Q18" s="220">
        <v>0</v>
      </c>
      <c r="R18" s="218">
        <v>4</v>
      </c>
      <c r="S18" s="218">
        <v>15</v>
      </c>
      <c r="T18" s="218">
        <v>5</v>
      </c>
      <c r="U18" s="218">
        <v>8</v>
      </c>
      <c r="V18" s="218">
        <v>6</v>
      </c>
      <c r="W18" s="219">
        <v>38</v>
      </c>
      <c r="X18" s="221">
        <v>38</v>
      </c>
      <c r="Y18" s="222">
        <v>6</v>
      </c>
      <c r="Z18" s="218">
        <v>7</v>
      </c>
      <c r="AA18" s="219">
        <v>13</v>
      </c>
      <c r="AB18" s="220">
        <v>0</v>
      </c>
      <c r="AC18" s="218">
        <v>351</v>
      </c>
      <c r="AD18" s="218">
        <v>473</v>
      </c>
      <c r="AE18" s="218">
        <v>330</v>
      </c>
      <c r="AF18" s="218">
        <v>215</v>
      </c>
      <c r="AG18" s="218">
        <v>123</v>
      </c>
      <c r="AH18" s="219">
        <v>1492</v>
      </c>
      <c r="AI18" s="221">
        <v>1505</v>
      </c>
    </row>
    <row r="19" spans="2:35" ht="21" customHeight="1" x14ac:dyDescent="0.2">
      <c r="B19" s="106" t="s">
        <v>18</v>
      </c>
      <c r="C19" s="217">
        <v>4</v>
      </c>
      <c r="D19" s="218">
        <v>16</v>
      </c>
      <c r="E19" s="219">
        <v>20</v>
      </c>
      <c r="F19" s="220">
        <v>0</v>
      </c>
      <c r="G19" s="218">
        <v>417</v>
      </c>
      <c r="H19" s="218">
        <v>336</v>
      </c>
      <c r="I19" s="218">
        <v>278</v>
      </c>
      <c r="J19" s="218">
        <v>175</v>
      </c>
      <c r="K19" s="218">
        <v>86</v>
      </c>
      <c r="L19" s="219">
        <v>1292</v>
      </c>
      <c r="M19" s="221">
        <v>1312</v>
      </c>
      <c r="N19" s="222">
        <v>0</v>
      </c>
      <c r="O19" s="218">
        <v>0</v>
      </c>
      <c r="P19" s="219">
        <v>0</v>
      </c>
      <c r="Q19" s="220">
        <v>0</v>
      </c>
      <c r="R19" s="218">
        <v>5</v>
      </c>
      <c r="S19" s="218">
        <v>6</v>
      </c>
      <c r="T19" s="218">
        <v>3</v>
      </c>
      <c r="U19" s="218">
        <v>5</v>
      </c>
      <c r="V19" s="218">
        <v>5</v>
      </c>
      <c r="W19" s="219">
        <v>24</v>
      </c>
      <c r="X19" s="221">
        <v>24</v>
      </c>
      <c r="Y19" s="222">
        <v>4</v>
      </c>
      <c r="Z19" s="218">
        <v>16</v>
      </c>
      <c r="AA19" s="219">
        <v>20</v>
      </c>
      <c r="AB19" s="220">
        <v>0</v>
      </c>
      <c r="AC19" s="218">
        <v>422</v>
      </c>
      <c r="AD19" s="218">
        <v>342</v>
      </c>
      <c r="AE19" s="218">
        <v>281</v>
      </c>
      <c r="AF19" s="218">
        <v>180</v>
      </c>
      <c r="AG19" s="218">
        <v>91</v>
      </c>
      <c r="AH19" s="219">
        <v>1316</v>
      </c>
      <c r="AI19" s="221">
        <v>1336</v>
      </c>
    </row>
    <row r="20" spans="2:35" ht="21" customHeight="1" x14ac:dyDescent="0.2">
      <c r="B20" s="106" t="s">
        <v>19</v>
      </c>
      <c r="C20" s="217">
        <v>2</v>
      </c>
      <c r="D20" s="218">
        <v>1</v>
      </c>
      <c r="E20" s="219">
        <v>3</v>
      </c>
      <c r="F20" s="220">
        <v>0</v>
      </c>
      <c r="G20" s="218">
        <v>207</v>
      </c>
      <c r="H20" s="218">
        <v>171</v>
      </c>
      <c r="I20" s="218">
        <v>129</v>
      </c>
      <c r="J20" s="218">
        <v>58</v>
      </c>
      <c r="K20" s="218">
        <v>54</v>
      </c>
      <c r="L20" s="219">
        <v>619</v>
      </c>
      <c r="M20" s="221">
        <v>622</v>
      </c>
      <c r="N20" s="222">
        <v>0</v>
      </c>
      <c r="O20" s="218">
        <v>0</v>
      </c>
      <c r="P20" s="219">
        <v>0</v>
      </c>
      <c r="Q20" s="220">
        <v>0</v>
      </c>
      <c r="R20" s="218">
        <v>1</v>
      </c>
      <c r="S20" s="218">
        <v>2</v>
      </c>
      <c r="T20" s="218">
        <v>0</v>
      </c>
      <c r="U20" s="218">
        <v>3</v>
      </c>
      <c r="V20" s="218">
        <v>1</v>
      </c>
      <c r="W20" s="219">
        <v>7</v>
      </c>
      <c r="X20" s="221">
        <v>7</v>
      </c>
      <c r="Y20" s="222">
        <v>2</v>
      </c>
      <c r="Z20" s="218">
        <v>1</v>
      </c>
      <c r="AA20" s="219">
        <v>3</v>
      </c>
      <c r="AB20" s="220">
        <v>0</v>
      </c>
      <c r="AC20" s="218">
        <v>208</v>
      </c>
      <c r="AD20" s="218">
        <v>173</v>
      </c>
      <c r="AE20" s="218">
        <v>129</v>
      </c>
      <c r="AF20" s="218">
        <v>61</v>
      </c>
      <c r="AG20" s="218">
        <v>55</v>
      </c>
      <c r="AH20" s="219">
        <v>626</v>
      </c>
      <c r="AI20" s="221">
        <v>629</v>
      </c>
    </row>
    <row r="21" spans="2:35" ht="21" customHeight="1" x14ac:dyDescent="0.2">
      <c r="B21" s="106" t="s">
        <v>20</v>
      </c>
      <c r="C21" s="217">
        <v>0</v>
      </c>
      <c r="D21" s="218">
        <v>1</v>
      </c>
      <c r="E21" s="219">
        <v>1</v>
      </c>
      <c r="F21" s="220">
        <v>0</v>
      </c>
      <c r="G21" s="218">
        <v>256</v>
      </c>
      <c r="H21" s="218">
        <v>161</v>
      </c>
      <c r="I21" s="218">
        <v>123</v>
      </c>
      <c r="J21" s="218">
        <v>36</v>
      </c>
      <c r="K21" s="218">
        <v>29</v>
      </c>
      <c r="L21" s="219">
        <v>605</v>
      </c>
      <c r="M21" s="221">
        <v>606</v>
      </c>
      <c r="N21" s="222">
        <v>0</v>
      </c>
      <c r="O21" s="218">
        <v>0</v>
      </c>
      <c r="P21" s="219">
        <v>0</v>
      </c>
      <c r="Q21" s="220">
        <v>0</v>
      </c>
      <c r="R21" s="218">
        <v>5</v>
      </c>
      <c r="S21" s="218">
        <v>3</v>
      </c>
      <c r="T21" s="218">
        <v>3</v>
      </c>
      <c r="U21" s="218">
        <v>0</v>
      </c>
      <c r="V21" s="218">
        <v>1</v>
      </c>
      <c r="W21" s="219">
        <v>12</v>
      </c>
      <c r="X21" s="221">
        <v>12</v>
      </c>
      <c r="Y21" s="222">
        <v>0</v>
      </c>
      <c r="Z21" s="218">
        <v>1</v>
      </c>
      <c r="AA21" s="219">
        <v>1</v>
      </c>
      <c r="AB21" s="220">
        <v>0</v>
      </c>
      <c r="AC21" s="218">
        <v>261</v>
      </c>
      <c r="AD21" s="218">
        <v>164</v>
      </c>
      <c r="AE21" s="218">
        <v>126</v>
      </c>
      <c r="AF21" s="218">
        <v>36</v>
      </c>
      <c r="AG21" s="218">
        <v>30</v>
      </c>
      <c r="AH21" s="219">
        <v>617</v>
      </c>
      <c r="AI21" s="221">
        <v>618</v>
      </c>
    </row>
    <row r="22" spans="2:35" ht="21" customHeight="1" x14ac:dyDescent="0.2">
      <c r="B22" s="106" t="s">
        <v>21</v>
      </c>
      <c r="C22" s="217">
        <v>0</v>
      </c>
      <c r="D22" s="218">
        <v>1</v>
      </c>
      <c r="E22" s="219">
        <v>1</v>
      </c>
      <c r="F22" s="220">
        <v>0</v>
      </c>
      <c r="G22" s="218">
        <v>251</v>
      </c>
      <c r="H22" s="218">
        <v>225</v>
      </c>
      <c r="I22" s="218">
        <v>139</v>
      </c>
      <c r="J22" s="218">
        <v>65</v>
      </c>
      <c r="K22" s="218">
        <v>33</v>
      </c>
      <c r="L22" s="219">
        <v>713</v>
      </c>
      <c r="M22" s="221">
        <v>714</v>
      </c>
      <c r="N22" s="222">
        <v>0</v>
      </c>
      <c r="O22" s="218">
        <v>0</v>
      </c>
      <c r="P22" s="219">
        <v>0</v>
      </c>
      <c r="Q22" s="220">
        <v>0</v>
      </c>
      <c r="R22" s="218">
        <v>1</v>
      </c>
      <c r="S22" s="218">
        <v>7</v>
      </c>
      <c r="T22" s="218">
        <v>4</v>
      </c>
      <c r="U22" s="218">
        <v>0</v>
      </c>
      <c r="V22" s="218">
        <v>2</v>
      </c>
      <c r="W22" s="219">
        <v>14</v>
      </c>
      <c r="X22" s="221">
        <v>14</v>
      </c>
      <c r="Y22" s="222">
        <v>0</v>
      </c>
      <c r="Z22" s="218">
        <v>1</v>
      </c>
      <c r="AA22" s="219">
        <v>1</v>
      </c>
      <c r="AB22" s="220">
        <v>0</v>
      </c>
      <c r="AC22" s="218">
        <v>252</v>
      </c>
      <c r="AD22" s="218">
        <v>232</v>
      </c>
      <c r="AE22" s="218">
        <v>143</v>
      </c>
      <c r="AF22" s="218">
        <v>65</v>
      </c>
      <c r="AG22" s="218">
        <v>35</v>
      </c>
      <c r="AH22" s="219">
        <v>727</v>
      </c>
      <c r="AI22" s="221">
        <v>728</v>
      </c>
    </row>
    <row r="23" spans="2:35" ht="21" customHeight="1" x14ac:dyDescent="0.2">
      <c r="B23" s="106" t="s">
        <v>22</v>
      </c>
      <c r="C23" s="217">
        <v>4</v>
      </c>
      <c r="D23" s="218">
        <v>6</v>
      </c>
      <c r="E23" s="219">
        <v>10</v>
      </c>
      <c r="F23" s="220">
        <v>0</v>
      </c>
      <c r="G23" s="218">
        <v>172</v>
      </c>
      <c r="H23" s="218">
        <v>156</v>
      </c>
      <c r="I23" s="218">
        <v>90</v>
      </c>
      <c r="J23" s="218">
        <v>70</v>
      </c>
      <c r="K23" s="218">
        <v>28</v>
      </c>
      <c r="L23" s="219">
        <v>516</v>
      </c>
      <c r="M23" s="221">
        <v>526</v>
      </c>
      <c r="N23" s="222">
        <v>0</v>
      </c>
      <c r="O23" s="218">
        <v>0</v>
      </c>
      <c r="P23" s="219">
        <v>0</v>
      </c>
      <c r="Q23" s="220">
        <v>0</v>
      </c>
      <c r="R23" s="218">
        <v>1</v>
      </c>
      <c r="S23" s="218">
        <v>1</v>
      </c>
      <c r="T23" s="218">
        <v>1</v>
      </c>
      <c r="U23" s="218">
        <v>0</v>
      </c>
      <c r="V23" s="218">
        <v>0</v>
      </c>
      <c r="W23" s="219">
        <v>3</v>
      </c>
      <c r="X23" s="221">
        <v>3</v>
      </c>
      <c r="Y23" s="222">
        <v>4</v>
      </c>
      <c r="Z23" s="218">
        <v>6</v>
      </c>
      <c r="AA23" s="219">
        <v>10</v>
      </c>
      <c r="AB23" s="220">
        <v>0</v>
      </c>
      <c r="AC23" s="218">
        <v>173</v>
      </c>
      <c r="AD23" s="218">
        <v>157</v>
      </c>
      <c r="AE23" s="218">
        <v>91</v>
      </c>
      <c r="AF23" s="218">
        <v>70</v>
      </c>
      <c r="AG23" s="218">
        <v>28</v>
      </c>
      <c r="AH23" s="219">
        <v>519</v>
      </c>
      <c r="AI23" s="221">
        <v>529</v>
      </c>
    </row>
    <row r="24" spans="2:35" ht="21" customHeight="1" x14ac:dyDescent="0.2">
      <c r="B24" s="106" t="s">
        <v>23</v>
      </c>
      <c r="C24" s="217">
        <v>0</v>
      </c>
      <c r="D24" s="218">
        <v>0</v>
      </c>
      <c r="E24" s="219">
        <v>0</v>
      </c>
      <c r="F24" s="220">
        <v>0</v>
      </c>
      <c r="G24" s="218">
        <v>109</v>
      </c>
      <c r="H24" s="218">
        <v>82</v>
      </c>
      <c r="I24" s="218">
        <v>57</v>
      </c>
      <c r="J24" s="218">
        <v>42</v>
      </c>
      <c r="K24" s="218">
        <v>20</v>
      </c>
      <c r="L24" s="219">
        <v>310</v>
      </c>
      <c r="M24" s="221">
        <v>310</v>
      </c>
      <c r="N24" s="222">
        <v>0</v>
      </c>
      <c r="O24" s="218">
        <v>0</v>
      </c>
      <c r="P24" s="219">
        <v>0</v>
      </c>
      <c r="Q24" s="220">
        <v>0</v>
      </c>
      <c r="R24" s="218">
        <v>1</v>
      </c>
      <c r="S24" s="218">
        <v>1</v>
      </c>
      <c r="T24" s="218">
        <v>1</v>
      </c>
      <c r="U24" s="218">
        <v>0</v>
      </c>
      <c r="V24" s="218">
        <v>0</v>
      </c>
      <c r="W24" s="219">
        <v>3</v>
      </c>
      <c r="X24" s="221">
        <v>3</v>
      </c>
      <c r="Y24" s="222">
        <v>0</v>
      </c>
      <c r="Z24" s="218">
        <v>0</v>
      </c>
      <c r="AA24" s="219">
        <v>0</v>
      </c>
      <c r="AB24" s="220">
        <v>0</v>
      </c>
      <c r="AC24" s="218">
        <v>110</v>
      </c>
      <c r="AD24" s="218">
        <v>83</v>
      </c>
      <c r="AE24" s="218">
        <v>58</v>
      </c>
      <c r="AF24" s="218">
        <v>42</v>
      </c>
      <c r="AG24" s="218">
        <v>20</v>
      </c>
      <c r="AH24" s="219">
        <v>313</v>
      </c>
      <c r="AI24" s="221">
        <v>313</v>
      </c>
    </row>
    <row r="25" spans="2:35" ht="21" customHeight="1" x14ac:dyDescent="0.2">
      <c r="B25" s="106" t="s">
        <v>24</v>
      </c>
      <c r="C25" s="217">
        <v>4</v>
      </c>
      <c r="D25" s="218">
        <v>3</v>
      </c>
      <c r="E25" s="219">
        <v>7</v>
      </c>
      <c r="F25" s="220">
        <v>0</v>
      </c>
      <c r="G25" s="218">
        <v>42</v>
      </c>
      <c r="H25" s="218">
        <v>32</v>
      </c>
      <c r="I25" s="218">
        <v>28</v>
      </c>
      <c r="J25" s="218">
        <v>17</v>
      </c>
      <c r="K25" s="218">
        <v>6</v>
      </c>
      <c r="L25" s="219">
        <v>125</v>
      </c>
      <c r="M25" s="221">
        <v>132</v>
      </c>
      <c r="N25" s="222">
        <v>0</v>
      </c>
      <c r="O25" s="218">
        <v>0</v>
      </c>
      <c r="P25" s="219">
        <v>0</v>
      </c>
      <c r="Q25" s="220">
        <v>0</v>
      </c>
      <c r="R25" s="218">
        <v>0</v>
      </c>
      <c r="S25" s="218">
        <v>1</v>
      </c>
      <c r="T25" s="218">
        <v>0</v>
      </c>
      <c r="U25" s="218">
        <v>1</v>
      </c>
      <c r="V25" s="218">
        <v>0</v>
      </c>
      <c r="W25" s="219">
        <v>2</v>
      </c>
      <c r="X25" s="221">
        <v>2</v>
      </c>
      <c r="Y25" s="222">
        <v>4</v>
      </c>
      <c r="Z25" s="218">
        <v>3</v>
      </c>
      <c r="AA25" s="219">
        <v>7</v>
      </c>
      <c r="AB25" s="220">
        <v>0</v>
      </c>
      <c r="AC25" s="218">
        <v>42</v>
      </c>
      <c r="AD25" s="218">
        <v>33</v>
      </c>
      <c r="AE25" s="218">
        <v>28</v>
      </c>
      <c r="AF25" s="218">
        <v>18</v>
      </c>
      <c r="AG25" s="218">
        <v>6</v>
      </c>
      <c r="AH25" s="219">
        <v>127</v>
      </c>
      <c r="AI25" s="221">
        <v>134</v>
      </c>
    </row>
    <row r="26" spans="2:35" ht="21" customHeight="1" x14ac:dyDescent="0.2">
      <c r="B26" s="106" t="s">
        <v>25</v>
      </c>
      <c r="C26" s="217">
        <v>0</v>
      </c>
      <c r="D26" s="218">
        <v>3</v>
      </c>
      <c r="E26" s="219">
        <v>3</v>
      </c>
      <c r="F26" s="220">
        <v>0</v>
      </c>
      <c r="G26" s="218">
        <v>95</v>
      </c>
      <c r="H26" s="218">
        <v>51</v>
      </c>
      <c r="I26" s="218">
        <v>28</v>
      </c>
      <c r="J26" s="218">
        <v>15</v>
      </c>
      <c r="K26" s="218">
        <v>3</v>
      </c>
      <c r="L26" s="219">
        <v>192</v>
      </c>
      <c r="M26" s="221">
        <v>195</v>
      </c>
      <c r="N26" s="222">
        <v>0</v>
      </c>
      <c r="O26" s="218">
        <v>0</v>
      </c>
      <c r="P26" s="219">
        <v>0</v>
      </c>
      <c r="Q26" s="220">
        <v>0</v>
      </c>
      <c r="R26" s="218">
        <v>0</v>
      </c>
      <c r="S26" s="218">
        <v>1</v>
      </c>
      <c r="T26" s="218">
        <v>1</v>
      </c>
      <c r="U26" s="218">
        <v>0</v>
      </c>
      <c r="V26" s="218">
        <v>0</v>
      </c>
      <c r="W26" s="219">
        <v>2</v>
      </c>
      <c r="X26" s="221">
        <v>2</v>
      </c>
      <c r="Y26" s="222">
        <v>0</v>
      </c>
      <c r="Z26" s="218">
        <v>3</v>
      </c>
      <c r="AA26" s="219">
        <v>3</v>
      </c>
      <c r="AB26" s="220">
        <v>0</v>
      </c>
      <c r="AC26" s="218">
        <v>95</v>
      </c>
      <c r="AD26" s="218">
        <v>52</v>
      </c>
      <c r="AE26" s="218">
        <v>29</v>
      </c>
      <c r="AF26" s="218">
        <v>15</v>
      </c>
      <c r="AG26" s="218">
        <v>3</v>
      </c>
      <c r="AH26" s="219">
        <v>194</v>
      </c>
      <c r="AI26" s="221">
        <v>197</v>
      </c>
    </row>
    <row r="27" spans="2:35" ht="21" customHeight="1" x14ac:dyDescent="0.2">
      <c r="B27" s="106" t="s">
        <v>26</v>
      </c>
      <c r="C27" s="217">
        <v>1</v>
      </c>
      <c r="D27" s="218">
        <v>0</v>
      </c>
      <c r="E27" s="219">
        <v>1</v>
      </c>
      <c r="F27" s="220">
        <v>0</v>
      </c>
      <c r="G27" s="218">
        <v>61</v>
      </c>
      <c r="H27" s="218">
        <v>70</v>
      </c>
      <c r="I27" s="218">
        <v>55</v>
      </c>
      <c r="J27" s="218">
        <v>24</v>
      </c>
      <c r="K27" s="218">
        <v>11</v>
      </c>
      <c r="L27" s="219">
        <v>221</v>
      </c>
      <c r="M27" s="221">
        <v>222</v>
      </c>
      <c r="N27" s="222">
        <v>0</v>
      </c>
      <c r="O27" s="218">
        <v>0</v>
      </c>
      <c r="P27" s="219">
        <v>0</v>
      </c>
      <c r="Q27" s="220">
        <v>0</v>
      </c>
      <c r="R27" s="218">
        <v>0</v>
      </c>
      <c r="S27" s="218">
        <v>0</v>
      </c>
      <c r="T27" s="218">
        <v>0</v>
      </c>
      <c r="U27" s="218">
        <v>0</v>
      </c>
      <c r="V27" s="218">
        <v>1</v>
      </c>
      <c r="W27" s="219">
        <v>1</v>
      </c>
      <c r="X27" s="221">
        <v>1</v>
      </c>
      <c r="Y27" s="222">
        <v>1</v>
      </c>
      <c r="Z27" s="218">
        <v>0</v>
      </c>
      <c r="AA27" s="219">
        <v>1</v>
      </c>
      <c r="AB27" s="220">
        <v>0</v>
      </c>
      <c r="AC27" s="218">
        <v>61</v>
      </c>
      <c r="AD27" s="218">
        <v>70</v>
      </c>
      <c r="AE27" s="218">
        <v>55</v>
      </c>
      <c r="AF27" s="218">
        <v>24</v>
      </c>
      <c r="AG27" s="218">
        <v>12</v>
      </c>
      <c r="AH27" s="219">
        <v>222</v>
      </c>
      <c r="AI27" s="221">
        <v>223</v>
      </c>
    </row>
    <row r="28" spans="2:35" ht="21" customHeight="1" x14ac:dyDescent="0.2">
      <c r="B28" s="106" t="s">
        <v>27</v>
      </c>
      <c r="C28" s="217">
        <v>0</v>
      </c>
      <c r="D28" s="218">
        <v>0</v>
      </c>
      <c r="E28" s="219">
        <v>0</v>
      </c>
      <c r="F28" s="220">
        <v>0</v>
      </c>
      <c r="G28" s="218">
        <v>59</v>
      </c>
      <c r="H28" s="218">
        <v>39</v>
      </c>
      <c r="I28" s="218">
        <v>35</v>
      </c>
      <c r="J28" s="218">
        <v>18</v>
      </c>
      <c r="K28" s="218">
        <v>13</v>
      </c>
      <c r="L28" s="219">
        <v>164</v>
      </c>
      <c r="M28" s="221">
        <v>164</v>
      </c>
      <c r="N28" s="222">
        <v>0</v>
      </c>
      <c r="O28" s="218">
        <v>0</v>
      </c>
      <c r="P28" s="219">
        <v>0</v>
      </c>
      <c r="Q28" s="220">
        <v>0</v>
      </c>
      <c r="R28" s="218">
        <v>1</v>
      </c>
      <c r="S28" s="218">
        <v>0</v>
      </c>
      <c r="T28" s="218">
        <v>1</v>
      </c>
      <c r="U28" s="218">
        <v>0</v>
      </c>
      <c r="V28" s="218">
        <v>0</v>
      </c>
      <c r="W28" s="219">
        <v>2</v>
      </c>
      <c r="X28" s="221">
        <v>2</v>
      </c>
      <c r="Y28" s="222">
        <v>0</v>
      </c>
      <c r="Z28" s="218">
        <v>0</v>
      </c>
      <c r="AA28" s="219">
        <v>0</v>
      </c>
      <c r="AB28" s="220">
        <v>0</v>
      </c>
      <c r="AC28" s="218">
        <v>60</v>
      </c>
      <c r="AD28" s="218">
        <v>39</v>
      </c>
      <c r="AE28" s="218">
        <v>36</v>
      </c>
      <c r="AF28" s="218">
        <v>18</v>
      </c>
      <c r="AG28" s="218">
        <v>13</v>
      </c>
      <c r="AH28" s="219">
        <v>166</v>
      </c>
      <c r="AI28" s="221">
        <v>166</v>
      </c>
    </row>
    <row r="29" spans="2:35" ht="21" customHeight="1" x14ac:dyDescent="0.2">
      <c r="B29" s="106" t="s">
        <v>28</v>
      </c>
      <c r="C29" s="217">
        <v>0</v>
      </c>
      <c r="D29" s="218">
        <v>0</v>
      </c>
      <c r="E29" s="219">
        <v>0</v>
      </c>
      <c r="F29" s="220">
        <v>0</v>
      </c>
      <c r="G29" s="218">
        <v>33</v>
      </c>
      <c r="H29" s="218">
        <v>22</v>
      </c>
      <c r="I29" s="218">
        <v>6</v>
      </c>
      <c r="J29" s="218">
        <v>6</v>
      </c>
      <c r="K29" s="218">
        <v>5</v>
      </c>
      <c r="L29" s="219">
        <v>72</v>
      </c>
      <c r="M29" s="221">
        <v>72</v>
      </c>
      <c r="N29" s="222">
        <v>0</v>
      </c>
      <c r="O29" s="218">
        <v>0</v>
      </c>
      <c r="P29" s="219">
        <v>0</v>
      </c>
      <c r="Q29" s="220">
        <v>0</v>
      </c>
      <c r="R29" s="218">
        <v>0</v>
      </c>
      <c r="S29" s="218">
        <v>0</v>
      </c>
      <c r="T29" s="218">
        <v>1</v>
      </c>
      <c r="U29" s="218">
        <v>0</v>
      </c>
      <c r="V29" s="218">
        <v>1</v>
      </c>
      <c r="W29" s="219">
        <v>2</v>
      </c>
      <c r="X29" s="221">
        <v>2</v>
      </c>
      <c r="Y29" s="222">
        <v>0</v>
      </c>
      <c r="Z29" s="218">
        <v>0</v>
      </c>
      <c r="AA29" s="219">
        <v>0</v>
      </c>
      <c r="AB29" s="220">
        <v>0</v>
      </c>
      <c r="AC29" s="218">
        <v>33</v>
      </c>
      <c r="AD29" s="218">
        <v>22</v>
      </c>
      <c r="AE29" s="218">
        <v>7</v>
      </c>
      <c r="AF29" s="218">
        <v>6</v>
      </c>
      <c r="AG29" s="218">
        <v>6</v>
      </c>
      <c r="AH29" s="219">
        <v>74</v>
      </c>
      <c r="AI29" s="221">
        <v>74</v>
      </c>
    </row>
    <row r="30" spans="2:35" ht="21" customHeight="1" x14ac:dyDescent="0.2">
      <c r="B30" s="106" t="s">
        <v>29</v>
      </c>
      <c r="C30" s="217">
        <v>0</v>
      </c>
      <c r="D30" s="218">
        <v>1</v>
      </c>
      <c r="E30" s="219">
        <v>1</v>
      </c>
      <c r="F30" s="220">
        <v>0</v>
      </c>
      <c r="G30" s="218">
        <v>25</v>
      </c>
      <c r="H30" s="218">
        <v>38</v>
      </c>
      <c r="I30" s="218">
        <v>38</v>
      </c>
      <c r="J30" s="218">
        <v>18</v>
      </c>
      <c r="K30" s="218">
        <v>10</v>
      </c>
      <c r="L30" s="219">
        <v>129</v>
      </c>
      <c r="M30" s="221">
        <v>130</v>
      </c>
      <c r="N30" s="222">
        <v>0</v>
      </c>
      <c r="O30" s="218">
        <v>0</v>
      </c>
      <c r="P30" s="219">
        <v>0</v>
      </c>
      <c r="Q30" s="220">
        <v>0</v>
      </c>
      <c r="R30" s="218">
        <v>0</v>
      </c>
      <c r="S30" s="218">
        <v>1</v>
      </c>
      <c r="T30" s="218">
        <v>0</v>
      </c>
      <c r="U30" s="218">
        <v>0</v>
      </c>
      <c r="V30" s="218">
        <v>0</v>
      </c>
      <c r="W30" s="219">
        <v>1</v>
      </c>
      <c r="X30" s="221">
        <v>1</v>
      </c>
      <c r="Y30" s="222">
        <v>0</v>
      </c>
      <c r="Z30" s="218">
        <v>1</v>
      </c>
      <c r="AA30" s="219">
        <v>1</v>
      </c>
      <c r="AB30" s="220">
        <v>0</v>
      </c>
      <c r="AC30" s="218">
        <v>25</v>
      </c>
      <c r="AD30" s="218">
        <v>39</v>
      </c>
      <c r="AE30" s="218">
        <v>38</v>
      </c>
      <c r="AF30" s="218">
        <v>18</v>
      </c>
      <c r="AG30" s="218">
        <v>10</v>
      </c>
      <c r="AH30" s="219">
        <v>130</v>
      </c>
      <c r="AI30" s="221">
        <v>131</v>
      </c>
    </row>
    <row r="31" spans="2:35" ht="21" customHeight="1" x14ac:dyDescent="0.2">
      <c r="B31" s="106" t="s">
        <v>30</v>
      </c>
      <c r="C31" s="217">
        <v>0</v>
      </c>
      <c r="D31" s="218">
        <v>0</v>
      </c>
      <c r="E31" s="219">
        <v>0</v>
      </c>
      <c r="F31" s="220">
        <v>0</v>
      </c>
      <c r="G31" s="218">
        <v>28</v>
      </c>
      <c r="H31" s="218">
        <v>20</v>
      </c>
      <c r="I31" s="218">
        <v>12</v>
      </c>
      <c r="J31" s="218">
        <v>7</v>
      </c>
      <c r="K31" s="218">
        <v>3</v>
      </c>
      <c r="L31" s="219">
        <v>70</v>
      </c>
      <c r="M31" s="221">
        <v>70</v>
      </c>
      <c r="N31" s="222">
        <v>0</v>
      </c>
      <c r="O31" s="218">
        <v>0</v>
      </c>
      <c r="P31" s="219">
        <v>0</v>
      </c>
      <c r="Q31" s="220">
        <v>0</v>
      </c>
      <c r="R31" s="218">
        <v>1</v>
      </c>
      <c r="S31" s="218">
        <v>1</v>
      </c>
      <c r="T31" s="218">
        <v>0</v>
      </c>
      <c r="U31" s="218">
        <v>0</v>
      </c>
      <c r="V31" s="218">
        <v>0</v>
      </c>
      <c r="W31" s="219">
        <v>2</v>
      </c>
      <c r="X31" s="221">
        <v>2</v>
      </c>
      <c r="Y31" s="222">
        <v>0</v>
      </c>
      <c r="Z31" s="218">
        <v>0</v>
      </c>
      <c r="AA31" s="219">
        <v>0</v>
      </c>
      <c r="AB31" s="220">
        <v>0</v>
      </c>
      <c r="AC31" s="218">
        <v>29</v>
      </c>
      <c r="AD31" s="218">
        <v>21</v>
      </c>
      <c r="AE31" s="218">
        <v>12</v>
      </c>
      <c r="AF31" s="218">
        <v>7</v>
      </c>
      <c r="AG31" s="218">
        <v>3</v>
      </c>
      <c r="AH31" s="219">
        <v>72</v>
      </c>
      <c r="AI31" s="221">
        <v>72</v>
      </c>
    </row>
    <row r="32" spans="2:35" ht="21" customHeight="1" x14ac:dyDescent="0.2">
      <c r="B32" s="106" t="s">
        <v>31</v>
      </c>
      <c r="C32" s="217">
        <v>0</v>
      </c>
      <c r="D32" s="218">
        <v>0</v>
      </c>
      <c r="E32" s="219">
        <v>0</v>
      </c>
      <c r="F32" s="220">
        <v>0</v>
      </c>
      <c r="G32" s="218">
        <v>41</v>
      </c>
      <c r="H32" s="218">
        <v>36</v>
      </c>
      <c r="I32" s="218">
        <v>23</v>
      </c>
      <c r="J32" s="218">
        <v>14</v>
      </c>
      <c r="K32" s="218">
        <v>5</v>
      </c>
      <c r="L32" s="219">
        <v>119</v>
      </c>
      <c r="M32" s="221">
        <v>119</v>
      </c>
      <c r="N32" s="222">
        <v>0</v>
      </c>
      <c r="O32" s="218">
        <v>0</v>
      </c>
      <c r="P32" s="219">
        <v>0</v>
      </c>
      <c r="Q32" s="220">
        <v>0</v>
      </c>
      <c r="R32" s="218">
        <v>0</v>
      </c>
      <c r="S32" s="218">
        <v>0</v>
      </c>
      <c r="T32" s="218">
        <v>0</v>
      </c>
      <c r="U32" s="218">
        <v>0</v>
      </c>
      <c r="V32" s="218">
        <v>0</v>
      </c>
      <c r="W32" s="219">
        <v>0</v>
      </c>
      <c r="X32" s="221">
        <v>0</v>
      </c>
      <c r="Y32" s="222">
        <v>0</v>
      </c>
      <c r="Z32" s="218">
        <v>0</v>
      </c>
      <c r="AA32" s="219">
        <v>0</v>
      </c>
      <c r="AB32" s="220">
        <v>0</v>
      </c>
      <c r="AC32" s="218">
        <v>41</v>
      </c>
      <c r="AD32" s="218">
        <v>36</v>
      </c>
      <c r="AE32" s="218">
        <v>23</v>
      </c>
      <c r="AF32" s="218">
        <v>14</v>
      </c>
      <c r="AG32" s="218">
        <v>5</v>
      </c>
      <c r="AH32" s="219">
        <v>119</v>
      </c>
      <c r="AI32" s="221">
        <v>119</v>
      </c>
    </row>
    <row r="33" spans="2:35" ht="21" customHeight="1" x14ac:dyDescent="0.2">
      <c r="B33" s="106" t="s">
        <v>32</v>
      </c>
      <c r="C33" s="217">
        <v>0</v>
      </c>
      <c r="D33" s="218">
        <v>4</v>
      </c>
      <c r="E33" s="219">
        <v>4</v>
      </c>
      <c r="F33" s="220">
        <v>0</v>
      </c>
      <c r="G33" s="218">
        <v>67</v>
      </c>
      <c r="H33" s="218">
        <v>45</v>
      </c>
      <c r="I33" s="218">
        <v>36</v>
      </c>
      <c r="J33" s="218">
        <v>28</v>
      </c>
      <c r="K33" s="218">
        <v>12</v>
      </c>
      <c r="L33" s="219">
        <v>188</v>
      </c>
      <c r="M33" s="221">
        <v>192</v>
      </c>
      <c r="N33" s="222">
        <v>0</v>
      </c>
      <c r="O33" s="218">
        <v>0</v>
      </c>
      <c r="P33" s="219">
        <v>0</v>
      </c>
      <c r="Q33" s="220">
        <v>0</v>
      </c>
      <c r="R33" s="218">
        <v>0</v>
      </c>
      <c r="S33" s="218">
        <v>0</v>
      </c>
      <c r="T33" s="218">
        <v>0</v>
      </c>
      <c r="U33" s="218">
        <v>0</v>
      </c>
      <c r="V33" s="218">
        <v>0</v>
      </c>
      <c r="W33" s="219">
        <v>0</v>
      </c>
      <c r="X33" s="221">
        <v>0</v>
      </c>
      <c r="Y33" s="222">
        <v>0</v>
      </c>
      <c r="Z33" s="218">
        <v>4</v>
      </c>
      <c r="AA33" s="219">
        <v>4</v>
      </c>
      <c r="AB33" s="220">
        <v>0</v>
      </c>
      <c r="AC33" s="218">
        <v>67</v>
      </c>
      <c r="AD33" s="218">
        <v>45</v>
      </c>
      <c r="AE33" s="218">
        <v>36</v>
      </c>
      <c r="AF33" s="218">
        <v>28</v>
      </c>
      <c r="AG33" s="218">
        <v>12</v>
      </c>
      <c r="AH33" s="219">
        <v>188</v>
      </c>
      <c r="AI33" s="221">
        <v>192</v>
      </c>
    </row>
    <row r="34" spans="2:35" ht="21" customHeight="1" x14ac:dyDescent="0.2">
      <c r="B34" s="106" t="s">
        <v>33</v>
      </c>
      <c r="C34" s="217">
        <v>0</v>
      </c>
      <c r="D34" s="218">
        <v>1</v>
      </c>
      <c r="E34" s="219">
        <v>1</v>
      </c>
      <c r="F34" s="220">
        <v>0</v>
      </c>
      <c r="G34" s="218">
        <v>28</v>
      </c>
      <c r="H34" s="218">
        <v>13</v>
      </c>
      <c r="I34" s="218">
        <v>11</v>
      </c>
      <c r="J34" s="218">
        <v>5</v>
      </c>
      <c r="K34" s="218">
        <v>3</v>
      </c>
      <c r="L34" s="219">
        <v>60</v>
      </c>
      <c r="M34" s="221">
        <v>61</v>
      </c>
      <c r="N34" s="222">
        <v>0</v>
      </c>
      <c r="O34" s="218">
        <v>0</v>
      </c>
      <c r="P34" s="219">
        <v>0</v>
      </c>
      <c r="Q34" s="220">
        <v>0</v>
      </c>
      <c r="R34" s="218">
        <v>0</v>
      </c>
      <c r="S34" s="218">
        <v>0</v>
      </c>
      <c r="T34" s="218">
        <v>0</v>
      </c>
      <c r="U34" s="218">
        <v>0</v>
      </c>
      <c r="V34" s="218">
        <v>0</v>
      </c>
      <c r="W34" s="219">
        <v>0</v>
      </c>
      <c r="X34" s="221">
        <v>0</v>
      </c>
      <c r="Y34" s="222">
        <v>0</v>
      </c>
      <c r="Z34" s="218">
        <v>1</v>
      </c>
      <c r="AA34" s="219">
        <v>1</v>
      </c>
      <c r="AB34" s="220">
        <v>0</v>
      </c>
      <c r="AC34" s="218">
        <v>28</v>
      </c>
      <c r="AD34" s="218">
        <v>13</v>
      </c>
      <c r="AE34" s="218">
        <v>11</v>
      </c>
      <c r="AF34" s="218">
        <v>5</v>
      </c>
      <c r="AG34" s="218">
        <v>3</v>
      </c>
      <c r="AH34" s="219">
        <v>60</v>
      </c>
      <c r="AI34" s="221">
        <v>61</v>
      </c>
    </row>
    <row r="35" spans="2:35" ht="21" customHeight="1" x14ac:dyDescent="0.2">
      <c r="B35" s="106" t="s">
        <v>34</v>
      </c>
      <c r="C35" s="217">
        <v>1</v>
      </c>
      <c r="D35" s="218">
        <v>2</v>
      </c>
      <c r="E35" s="219">
        <v>3</v>
      </c>
      <c r="F35" s="220">
        <v>0</v>
      </c>
      <c r="G35" s="218">
        <v>41</v>
      </c>
      <c r="H35" s="218">
        <v>20</v>
      </c>
      <c r="I35" s="218">
        <v>10</v>
      </c>
      <c r="J35" s="218">
        <v>9</v>
      </c>
      <c r="K35" s="218">
        <v>5</v>
      </c>
      <c r="L35" s="219">
        <v>85</v>
      </c>
      <c r="M35" s="221">
        <v>88</v>
      </c>
      <c r="N35" s="222">
        <v>0</v>
      </c>
      <c r="O35" s="218">
        <v>0</v>
      </c>
      <c r="P35" s="219">
        <v>0</v>
      </c>
      <c r="Q35" s="220">
        <v>0</v>
      </c>
      <c r="R35" s="218">
        <v>0</v>
      </c>
      <c r="S35" s="218">
        <v>0</v>
      </c>
      <c r="T35" s="218">
        <v>0</v>
      </c>
      <c r="U35" s="218">
        <v>0</v>
      </c>
      <c r="V35" s="218">
        <v>0</v>
      </c>
      <c r="W35" s="219">
        <v>0</v>
      </c>
      <c r="X35" s="221">
        <v>0</v>
      </c>
      <c r="Y35" s="222">
        <v>1</v>
      </c>
      <c r="Z35" s="218">
        <v>2</v>
      </c>
      <c r="AA35" s="219">
        <v>3</v>
      </c>
      <c r="AB35" s="220">
        <v>0</v>
      </c>
      <c r="AC35" s="218">
        <v>41</v>
      </c>
      <c r="AD35" s="218">
        <v>20</v>
      </c>
      <c r="AE35" s="218">
        <v>10</v>
      </c>
      <c r="AF35" s="218">
        <v>9</v>
      </c>
      <c r="AG35" s="218">
        <v>5</v>
      </c>
      <c r="AH35" s="219">
        <v>85</v>
      </c>
      <c r="AI35" s="221">
        <v>88</v>
      </c>
    </row>
    <row r="36" spans="2:35" ht="21" customHeight="1" x14ac:dyDescent="0.2">
      <c r="B36" s="106" t="s">
        <v>35</v>
      </c>
      <c r="C36" s="217">
        <v>3</v>
      </c>
      <c r="D36" s="218">
        <v>3</v>
      </c>
      <c r="E36" s="219">
        <v>6</v>
      </c>
      <c r="F36" s="220">
        <v>0</v>
      </c>
      <c r="G36" s="218">
        <v>45</v>
      </c>
      <c r="H36" s="218">
        <v>26</v>
      </c>
      <c r="I36" s="218">
        <v>37</v>
      </c>
      <c r="J36" s="218">
        <v>23</v>
      </c>
      <c r="K36" s="218">
        <v>11</v>
      </c>
      <c r="L36" s="219">
        <v>142</v>
      </c>
      <c r="M36" s="221">
        <v>148</v>
      </c>
      <c r="N36" s="222">
        <v>0</v>
      </c>
      <c r="O36" s="218">
        <v>0</v>
      </c>
      <c r="P36" s="219">
        <v>0</v>
      </c>
      <c r="Q36" s="220">
        <v>0</v>
      </c>
      <c r="R36" s="218">
        <v>0</v>
      </c>
      <c r="S36" s="218">
        <v>0</v>
      </c>
      <c r="T36" s="218">
        <v>0</v>
      </c>
      <c r="U36" s="218">
        <v>1</v>
      </c>
      <c r="V36" s="218">
        <v>0</v>
      </c>
      <c r="W36" s="219">
        <v>1</v>
      </c>
      <c r="X36" s="221">
        <v>1</v>
      </c>
      <c r="Y36" s="222">
        <v>3</v>
      </c>
      <c r="Z36" s="218">
        <v>3</v>
      </c>
      <c r="AA36" s="219">
        <v>6</v>
      </c>
      <c r="AB36" s="220">
        <v>0</v>
      </c>
      <c r="AC36" s="218">
        <v>45</v>
      </c>
      <c r="AD36" s="218">
        <v>26</v>
      </c>
      <c r="AE36" s="218">
        <v>37</v>
      </c>
      <c r="AF36" s="218">
        <v>24</v>
      </c>
      <c r="AG36" s="218">
        <v>11</v>
      </c>
      <c r="AH36" s="219">
        <v>143</v>
      </c>
      <c r="AI36" s="221">
        <v>149</v>
      </c>
    </row>
    <row r="37" spans="2:35" ht="21" customHeight="1" x14ac:dyDescent="0.2">
      <c r="B37" s="106" t="s">
        <v>36</v>
      </c>
      <c r="C37" s="217">
        <v>0</v>
      </c>
      <c r="D37" s="218">
        <v>0</v>
      </c>
      <c r="E37" s="219">
        <v>0</v>
      </c>
      <c r="F37" s="220">
        <v>0</v>
      </c>
      <c r="G37" s="218">
        <v>96</v>
      </c>
      <c r="H37" s="218">
        <v>83</v>
      </c>
      <c r="I37" s="218">
        <v>54</v>
      </c>
      <c r="J37" s="218">
        <v>26</v>
      </c>
      <c r="K37" s="218">
        <v>20</v>
      </c>
      <c r="L37" s="219">
        <v>279</v>
      </c>
      <c r="M37" s="221">
        <v>279</v>
      </c>
      <c r="N37" s="222">
        <v>0</v>
      </c>
      <c r="O37" s="218">
        <v>0</v>
      </c>
      <c r="P37" s="219">
        <v>0</v>
      </c>
      <c r="Q37" s="220">
        <v>0</v>
      </c>
      <c r="R37" s="218">
        <v>0</v>
      </c>
      <c r="S37" s="218">
        <v>0</v>
      </c>
      <c r="T37" s="218">
        <v>2</v>
      </c>
      <c r="U37" s="218">
        <v>1</v>
      </c>
      <c r="V37" s="218">
        <v>2</v>
      </c>
      <c r="W37" s="219">
        <v>5</v>
      </c>
      <c r="X37" s="221">
        <v>5</v>
      </c>
      <c r="Y37" s="222">
        <v>0</v>
      </c>
      <c r="Z37" s="218">
        <v>0</v>
      </c>
      <c r="AA37" s="219">
        <v>0</v>
      </c>
      <c r="AB37" s="220">
        <v>0</v>
      </c>
      <c r="AC37" s="218">
        <v>96</v>
      </c>
      <c r="AD37" s="218">
        <v>83</v>
      </c>
      <c r="AE37" s="218">
        <v>56</v>
      </c>
      <c r="AF37" s="218">
        <v>27</v>
      </c>
      <c r="AG37" s="218">
        <v>22</v>
      </c>
      <c r="AH37" s="219">
        <v>284</v>
      </c>
      <c r="AI37" s="221">
        <v>284</v>
      </c>
    </row>
    <row r="38" spans="2:35" ht="21" customHeight="1" thickBot="1" x14ac:dyDescent="0.25">
      <c r="B38" s="108" t="s">
        <v>37</v>
      </c>
      <c r="C38" s="223">
        <v>0</v>
      </c>
      <c r="D38" s="224">
        <v>0</v>
      </c>
      <c r="E38" s="225">
        <v>0</v>
      </c>
      <c r="F38" s="226">
        <v>0</v>
      </c>
      <c r="G38" s="224">
        <v>15</v>
      </c>
      <c r="H38" s="224">
        <v>7</v>
      </c>
      <c r="I38" s="224">
        <v>10</v>
      </c>
      <c r="J38" s="224">
        <v>8</v>
      </c>
      <c r="K38" s="224">
        <v>3</v>
      </c>
      <c r="L38" s="225">
        <v>43</v>
      </c>
      <c r="M38" s="227">
        <v>43</v>
      </c>
      <c r="N38" s="228">
        <v>0</v>
      </c>
      <c r="O38" s="224">
        <v>0</v>
      </c>
      <c r="P38" s="225">
        <v>0</v>
      </c>
      <c r="Q38" s="226">
        <v>0</v>
      </c>
      <c r="R38" s="224">
        <v>0</v>
      </c>
      <c r="S38" s="224">
        <v>0</v>
      </c>
      <c r="T38" s="224">
        <v>0</v>
      </c>
      <c r="U38" s="224">
        <v>0</v>
      </c>
      <c r="V38" s="224">
        <v>0</v>
      </c>
      <c r="W38" s="225">
        <v>0</v>
      </c>
      <c r="X38" s="227">
        <v>0</v>
      </c>
      <c r="Y38" s="228">
        <v>0</v>
      </c>
      <c r="Z38" s="224">
        <v>0</v>
      </c>
      <c r="AA38" s="225">
        <v>0</v>
      </c>
      <c r="AB38" s="226">
        <v>0</v>
      </c>
      <c r="AC38" s="224">
        <v>15</v>
      </c>
      <c r="AD38" s="224">
        <v>7</v>
      </c>
      <c r="AE38" s="224">
        <v>10</v>
      </c>
      <c r="AF38" s="224">
        <v>8</v>
      </c>
      <c r="AG38" s="224">
        <v>3</v>
      </c>
      <c r="AH38" s="225">
        <v>43</v>
      </c>
      <c r="AI38" s="227">
        <v>43</v>
      </c>
    </row>
    <row r="39" spans="2:35" x14ac:dyDescent="0.2">
      <c r="AA39" s="70"/>
      <c r="AB39" s="70"/>
      <c r="AC39" s="70"/>
      <c r="AD39" s="70"/>
      <c r="AE39" s="70"/>
      <c r="AF39" s="70"/>
      <c r="AG39" s="70"/>
      <c r="AH39" s="70"/>
      <c r="AI39" s="70"/>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2">
        <f>第１表!F2</f>
        <v>6</v>
      </c>
      <c r="J1" s="442"/>
      <c r="K1" s="18">
        <f>第１表!G2</f>
        <v>10</v>
      </c>
      <c r="L1" s="446">
        <f>IF(K1&lt;3,K1+12-2,K1-2)</f>
        <v>8</v>
      </c>
      <c r="M1" s="446"/>
    </row>
    <row r="2" spans="2:101" s="71" customFormat="1" ht="24" customHeight="1" thickBot="1" x14ac:dyDescent="0.25">
      <c r="B2" s="142" t="s">
        <v>130</v>
      </c>
    </row>
    <row r="3" spans="2:101" ht="21" customHeight="1" thickBot="1" x14ac:dyDescent="0.25">
      <c r="B3" s="467"/>
      <c r="C3" s="464" t="s">
        <v>113</v>
      </c>
      <c r="D3" s="465"/>
      <c r="E3" s="465"/>
      <c r="F3" s="465"/>
      <c r="G3" s="465"/>
      <c r="H3" s="465"/>
      <c r="I3" s="465"/>
      <c r="J3" s="465"/>
      <c r="K3" s="465"/>
      <c r="L3" s="465"/>
      <c r="M3" s="466"/>
      <c r="N3" s="464" t="s">
        <v>114</v>
      </c>
      <c r="O3" s="465"/>
      <c r="P3" s="465"/>
      <c r="Q3" s="465"/>
      <c r="R3" s="465"/>
      <c r="S3" s="465"/>
      <c r="T3" s="465"/>
      <c r="U3" s="465"/>
      <c r="V3" s="465"/>
      <c r="W3" s="465"/>
      <c r="X3" s="466"/>
      <c r="Y3" s="464" t="s">
        <v>139</v>
      </c>
      <c r="Z3" s="465"/>
      <c r="AA3" s="465"/>
      <c r="AB3" s="465"/>
      <c r="AC3" s="465"/>
      <c r="AD3" s="465"/>
      <c r="AE3" s="465"/>
      <c r="AF3" s="465"/>
      <c r="AG3" s="465"/>
      <c r="AH3" s="465"/>
      <c r="AI3" s="466"/>
      <c r="AJ3" s="464" t="s">
        <v>90</v>
      </c>
      <c r="AK3" s="465"/>
      <c r="AL3" s="465"/>
      <c r="AM3" s="465"/>
      <c r="AN3" s="465"/>
      <c r="AO3" s="465"/>
      <c r="AP3" s="465"/>
      <c r="AQ3" s="465"/>
      <c r="AR3" s="465"/>
      <c r="AS3" s="465"/>
      <c r="AT3" s="466"/>
      <c r="AU3" s="480" t="s">
        <v>89</v>
      </c>
      <c r="AV3" s="481"/>
      <c r="AW3" s="481"/>
      <c r="AX3" s="481"/>
      <c r="AY3" s="481"/>
      <c r="AZ3" s="481"/>
      <c r="BA3" s="481"/>
      <c r="BB3" s="481"/>
      <c r="BC3" s="481"/>
      <c r="BD3" s="481"/>
      <c r="BE3" s="482"/>
      <c r="BF3" s="480" t="s">
        <v>91</v>
      </c>
      <c r="BG3" s="481"/>
      <c r="BH3" s="481"/>
      <c r="BI3" s="481"/>
      <c r="BJ3" s="481"/>
      <c r="BK3" s="481"/>
      <c r="BL3" s="481"/>
      <c r="BM3" s="481"/>
      <c r="BN3" s="481"/>
      <c r="BO3" s="481"/>
      <c r="BP3" s="482"/>
      <c r="BQ3" s="480" t="s">
        <v>92</v>
      </c>
      <c r="BR3" s="481"/>
      <c r="BS3" s="481"/>
      <c r="BT3" s="481"/>
      <c r="BU3" s="481"/>
      <c r="BV3" s="481"/>
      <c r="BW3" s="481"/>
      <c r="BX3" s="481"/>
      <c r="BY3" s="481"/>
      <c r="BZ3" s="481"/>
      <c r="CA3" s="482"/>
      <c r="CB3" s="480" t="s">
        <v>93</v>
      </c>
      <c r="CC3" s="481"/>
      <c r="CD3" s="481"/>
      <c r="CE3" s="481"/>
      <c r="CF3" s="481"/>
      <c r="CG3" s="481"/>
      <c r="CH3" s="481"/>
      <c r="CI3" s="481"/>
      <c r="CJ3" s="481"/>
      <c r="CK3" s="481"/>
      <c r="CL3" s="482"/>
      <c r="CM3" s="481" t="s">
        <v>138</v>
      </c>
      <c r="CN3" s="481"/>
      <c r="CO3" s="481"/>
      <c r="CP3" s="481"/>
      <c r="CQ3" s="481"/>
      <c r="CR3" s="481"/>
      <c r="CS3" s="481"/>
      <c r="CT3" s="481"/>
      <c r="CU3" s="481"/>
      <c r="CV3" s="481"/>
      <c r="CW3" s="482"/>
    </row>
    <row r="4" spans="2:101" ht="21" customHeight="1" x14ac:dyDescent="0.2">
      <c r="B4" s="468"/>
      <c r="C4" s="472" t="s">
        <v>61</v>
      </c>
      <c r="D4" s="473"/>
      <c r="E4" s="474"/>
      <c r="F4" s="475" t="s">
        <v>62</v>
      </c>
      <c r="G4" s="473"/>
      <c r="H4" s="473"/>
      <c r="I4" s="473"/>
      <c r="J4" s="473"/>
      <c r="K4" s="473"/>
      <c r="L4" s="476"/>
      <c r="M4" s="470" t="s">
        <v>52</v>
      </c>
      <c r="N4" s="472" t="s">
        <v>61</v>
      </c>
      <c r="O4" s="473"/>
      <c r="P4" s="474"/>
      <c r="Q4" s="475" t="s">
        <v>62</v>
      </c>
      <c r="R4" s="473"/>
      <c r="S4" s="473"/>
      <c r="T4" s="473"/>
      <c r="U4" s="473"/>
      <c r="V4" s="473"/>
      <c r="W4" s="474"/>
      <c r="X4" s="470" t="s">
        <v>52</v>
      </c>
      <c r="Y4" s="472" t="s">
        <v>61</v>
      </c>
      <c r="Z4" s="473"/>
      <c r="AA4" s="474"/>
      <c r="AB4" s="475" t="s">
        <v>62</v>
      </c>
      <c r="AC4" s="473"/>
      <c r="AD4" s="473"/>
      <c r="AE4" s="473"/>
      <c r="AF4" s="473"/>
      <c r="AG4" s="473"/>
      <c r="AH4" s="474"/>
      <c r="AI4" s="470" t="s">
        <v>52</v>
      </c>
      <c r="AJ4" s="472" t="s">
        <v>61</v>
      </c>
      <c r="AK4" s="473"/>
      <c r="AL4" s="474"/>
      <c r="AM4" s="475" t="s">
        <v>62</v>
      </c>
      <c r="AN4" s="473"/>
      <c r="AO4" s="473"/>
      <c r="AP4" s="473"/>
      <c r="AQ4" s="473"/>
      <c r="AR4" s="473"/>
      <c r="AS4" s="474"/>
      <c r="AT4" s="470" t="s">
        <v>52</v>
      </c>
      <c r="AU4" s="494" t="s">
        <v>61</v>
      </c>
      <c r="AV4" s="492"/>
      <c r="AW4" s="493"/>
      <c r="AX4" s="491" t="s">
        <v>62</v>
      </c>
      <c r="AY4" s="492"/>
      <c r="AZ4" s="492"/>
      <c r="BA4" s="492"/>
      <c r="BB4" s="492"/>
      <c r="BC4" s="492"/>
      <c r="BD4" s="493"/>
      <c r="BE4" s="489" t="s">
        <v>52</v>
      </c>
      <c r="BF4" s="494" t="s">
        <v>61</v>
      </c>
      <c r="BG4" s="492"/>
      <c r="BH4" s="493"/>
      <c r="BI4" s="491" t="s">
        <v>62</v>
      </c>
      <c r="BJ4" s="492"/>
      <c r="BK4" s="492"/>
      <c r="BL4" s="492"/>
      <c r="BM4" s="492"/>
      <c r="BN4" s="492"/>
      <c r="BO4" s="493"/>
      <c r="BP4" s="489" t="s">
        <v>52</v>
      </c>
      <c r="BQ4" s="494" t="s">
        <v>61</v>
      </c>
      <c r="BR4" s="492"/>
      <c r="BS4" s="493"/>
      <c r="BT4" s="491" t="s">
        <v>62</v>
      </c>
      <c r="BU4" s="492"/>
      <c r="BV4" s="492"/>
      <c r="BW4" s="492"/>
      <c r="BX4" s="492"/>
      <c r="BY4" s="492"/>
      <c r="BZ4" s="493"/>
      <c r="CA4" s="489" t="s">
        <v>52</v>
      </c>
      <c r="CB4" s="494" t="s">
        <v>61</v>
      </c>
      <c r="CC4" s="492"/>
      <c r="CD4" s="493"/>
      <c r="CE4" s="491" t="s">
        <v>62</v>
      </c>
      <c r="CF4" s="492"/>
      <c r="CG4" s="492"/>
      <c r="CH4" s="492"/>
      <c r="CI4" s="492"/>
      <c r="CJ4" s="492"/>
      <c r="CK4" s="493"/>
      <c r="CL4" s="489" t="s">
        <v>52</v>
      </c>
      <c r="CM4" s="494" t="s">
        <v>61</v>
      </c>
      <c r="CN4" s="492"/>
      <c r="CO4" s="493"/>
      <c r="CP4" s="491" t="s">
        <v>62</v>
      </c>
      <c r="CQ4" s="492"/>
      <c r="CR4" s="492"/>
      <c r="CS4" s="492"/>
      <c r="CT4" s="492"/>
      <c r="CU4" s="492"/>
      <c r="CV4" s="493"/>
      <c r="CW4" s="489" t="s">
        <v>52</v>
      </c>
    </row>
    <row r="5" spans="2:101" ht="30" customHeight="1" thickBot="1" x14ac:dyDescent="0.25">
      <c r="B5" s="469"/>
      <c r="C5" s="177" t="s">
        <v>43</v>
      </c>
      <c r="D5" s="182" t="s">
        <v>44</v>
      </c>
      <c r="E5" s="205" t="s">
        <v>45</v>
      </c>
      <c r="F5" s="180" t="s">
        <v>83</v>
      </c>
      <c r="G5" s="178" t="s">
        <v>47</v>
      </c>
      <c r="H5" s="178" t="s">
        <v>48</v>
      </c>
      <c r="I5" s="178" t="s">
        <v>49</v>
      </c>
      <c r="J5" s="178" t="s">
        <v>50</v>
      </c>
      <c r="K5" s="178" t="s">
        <v>51</v>
      </c>
      <c r="L5" s="181" t="s">
        <v>45</v>
      </c>
      <c r="M5" s="471"/>
      <c r="N5" s="177" t="s">
        <v>43</v>
      </c>
      <c r="O5" s="178" t="s">
        <v>44</v>
      </c>
      <c r="P5" s="182" t="s">
        <v>45</v>
      </c>
      <c r="Q5" s="180" t="s">
        <v>83</v>
      </c>
      <c r="R5" s="178" t="s">
        <v>47</v>
      </c>
      <c r="S5" s="178" t="s">
        <v>48</v>
      </c>
      <c r="T5" s="178" t="s">
        <v>49</v>
      </c>
      <c r="U5" s="178" t="s">
        <v>50</v>
      </c>
      <c r="V5" s="178" t="s">
        <v>51</v>
      </c>
      <c r="W5" s="182" t="s">
        <v>45</v>
      </c>
      <c r="X5" s="471"/>
      <c r="Y5" s="177" t="s">
        <v>43</v>
      </c>
      <c r="Z5" s="178" t="s">
        <v>44</v>
      </c>
      <c r="AA5" s="182" t="s">
        <v>45</v>
      </c>
      <c r="AB5" s="180" t="s">
        <v>83</v>
      </c>
      <c r="AC5" s="178" t="s">
        <v>47</v>
      </c>
      <c r="AD5" s="178" t="s">
        <v>48</v>
      </c>
      <c r="AE5" s="178" t="s">
        <v>49</v>
      </c>
      <c r="AF5" s="178" t="s">
        <v>50</v>
      </c>
      <c r="AG5" s="178" t="s">
        <v>51</v>
      </c>
      <c r="AH5" s="182" t="s">
        <v>45</v>
      </c>
      <c r="AI5" s="471"/>
      <c r="AJ5" s="177" t="s">
        <v>43</v>
      </c>
      <c r="AK5" s="178" t="s">
        <v>44</v>
      </c>
      <c r="AL5" s="182" t="s">
        <v>45</v>
      </c>
      <c r="AM5" s="180" t="s">
        <v>83</v>
      </c>
      <c r="AN5" s="178" t="s">
        <v>47</v>
      </c>
      <c r="AO5" s="178" t="s">
        <v>48</v>
      </c>
      <c r="AP5" s="178" t="s">
        <v>49</v>
      </c>
      <c r="AQ5" s="178" t="s">
        <v>50</v>
      </c>
      <c r="AR5" s="178" t="s">
        <v>51</v>
      </c>
      <c r="AS5" s="182" t="s">
        <v>45</v>
      </c>
      <c r="AT5" s="471"/>
      <c r="AU5" s="177" t="s">
        <v>43</v>
      </c>
      <c r="AV5" s="178" t="s">
        <v>44</v>
      </c>
      <c r="AW5" s="182" t="s">
        <v>45</v>
      </c>
      <c r="AX5" s="180" t="s">
        <v>83</v>
      </c>
      <c r="AY5" s="178" t="s">
        <v>47</v>
      </c>
      <c r="AZ5" s="178" t="s">
        <v>48</v>
      </c>
      <c r="BA5" s="178" t="s">
        <v>49</v>
      </c>
      <c r="BB5" s="178" t="s">
        <v>50</v>
      </c>
      <c r="BC5" s="178" t="s">
        <v>51</v>
      </c>
      <c r="BD5" s="182" t="s">
        <v>45</v>
      </c>
      <c r="BE5" s="490"/>
      <c r="BF5" s="177" t="s">
        <v>43</v>
      </c>
      <c r="BG5" s="178" t="s">
        <v>44</v>
      </c>
      <c r="BH5" s="182" t="s">
        <v>45</v>
      </c>
      <c r="BI5" s="180" t="s">
        <v>83</v>
      </c>
      <c r="BJ5" s="178" t="s">
        <v>47</v>
      </c>
      <c r="BK5" s="178" t="s">
        <v>48</v>
      </c>
      <c r="BL5" s="178" t="s">
        <v>49</v>
      </c>
      <c r="BM5" s="178" t="s">
        <v>50</v>
      </c>
      <c r="BN5" s="178" t="s">
        <v>51</v>
      </c>
      <c r="BO5" s="182" t="s">
        <v>45</v>
      </c>
      <c r="BP5" s="490"/>
      <c r="BQ5" s="177" t="s">
        <v>43</v>
      </c>
      <c r="BR5" s="178" t="s">
        <v>44</v>
      </c>
      <c r="BS5" s="182" t="s">
        <v>45</v>
      </c>
      <c r="BT5" s="180" t="s">
        <v>83</v>
      </c>
      <c r="BU5" s="178" t="s">
        <v>47</v>
      </c>
      <c r="BV5" s="178" t="s">
        <v>48</v>
      </c>
      <c r="BW5" s="178" t="s">
        <v>49</v>
      </c>
      <c r="BX5" s="178" t="s">
        <v>50</v>
      </c>
      <c r="BY5" s="178" t="s">
        <v>51</v>
      </c>
      <c r="BZ5" s="182" t="s">
        <v>45</v>
      </c>
      <c r="CA5" s="490"/>
      <c r="CB5" s="177" t="s">
        <v>43</v>
      </c>
      <c r="CC5" s="178" t="s">
        <v>44</v>
      </c>
      <c r="CD5" s="182" t="s">
        <v>45</v>
      </c>
      <c r="CE5" s="180" t="s">
        <v>83</v>
      </c>
      <c r="CF5" s="178" t="s">
        <v>47</v>
      </c>
      <c r="CG5" s="178" t="s">
        <v>48</v>
      </c>
      <c r="CH5" s="178" t="s">
        <v>49</v>
      </c>
      <c r="CI5" s="178" t="s">
        <v>50</v>
      </c>
      <c r="CJ5" s="178" t="s">
        <v>51</v>
      </c>
      <c r="CK5" s="182" t="s">
        <v>45</v>
      </c>
      <c r="CL5" s="490"/>
      <c r="CM5" s="177" t="s">
        <v>43</v>
      </c>
      <c r="CN5" s="178" t="s">
        <v>44</v>
      </c>
      <c r="CO5" s="182" t="s">
        <v>45</v>
      </c>
      <c r="CP5" s="180" t="s">
        <v>83</v>
      </c>
      <c r="CQ5" s="178" t="s">
        <v>47</v>
      </c>
      <c r="CR5" s="178" t="s">
        <v>48</v>
      </c>
      <c r="CS5" s="178" t="s">
        <v>49</v>
      </c>
      <c r="CT5" s="178" t="s">
        <v>50</v>
      </c>
      <c r="CU5" s="178" t="s">
        <v>51</v>
      </c>
      <c r="CV5" s="182" t="s">
        <v>45</v>
      </c>
      <c r="CW5" s="490"/>
    </row>
    <row r="6" spans="2:101" ht="21" customHeight="1" x14ac:dyDescent="0.2">
      <c r="B6" s="84" t="s">
        <v>4</v>
      </c>
      <c r="C6" s="183">
        <v>0</v>
      </c>
      <c r="D6" s="189">
        <v>0</v>
      </c>
      <c r="E6" s="206">
        <v>0</v>
      </c>
      <c r="F6" s="186">
        <v>0</v>
      </c>
      <c r="G6" s="184">
        <v>311</v>
      </c>
      <c r="H6" s="184">
        <v>430</v>
      </c>
      <c r="I6" s="184">
        <v>352</v>
      </c>
      <c r="J6" s="184">
        <v>442</v>
      </c>
      <c r="K6" s="184">
        <v>394</v>
      </c>
      <c r="L6" s="187">
        <v>1929</v>
      </c>
      <c r="M6" s="188">
        <v>1929</v>
      </c>
      <c r="N6" s="183">
        <v>0</v>
      </c>
      <c r="O6" s="184">
        <v>0</v>
      </c>
      <c r="P6" s="189">
        <v>0</v>
      </c>
      <c r="Q6" s="186">
        <v>0</v>
      </c>
      <c r="R6" s="184">
        <v>190</v>
      </c>
      <c r="S6" s="184">
        <v>508</v>
      </c>
      <c r="T6" s="184">
        <v>448</v>
      </c>
      <c r="U6" s="184">
        <v>433</v>
      </c>
      <c r="V6" s="184">
        <v>407</v>
      </c>
      <c r="W6" s="189">
        <v>1986</v>
      </c>
      <c r="X6" s="188">
        <v>1986</v>
      </c>
      <c r="Y6" s="183">
        <v>0</v>
      </c>
      <c r="Z6" s="184">
        <v>1</v>
      </c>
      <c r="AA6" s="189">
        <v>1</v>
      </c>
      <c r="AB6" s="186">
        <v>0</v>
      </c>
      <c r="AC6" s="184">
        <v>14381</v>
      </c>
      <c r="AD6" s="184">
        <v>13523</v>
      </c>
      <c r="AE6" s="184">
        <v>6097</v>
      </c>
      <c r="AF6" s="184">
        <v>2927</v>
      </c>
      <c r="AG6" s="184">
        <v>1284</v>
      </c>
      <c r="AH6" s="189">
        <v>38212</v>
      </c>
      <c r="AI6" s="188">
        <v>38213</v>
      </c>
      <c r="AJ6" s="183">
        <v>9</v>
      </c>
      <c r="AK6" s="184">
        <v>11</v>
      </c>
      <c r="AL6" s="189">
        <v>20</v>
      </c>
      <c r="AM6" s="186">
        <v>0</v>
      </c>
      <c r="AN6" s="184">
        <v>797</v>
      </c>
      <c r="AO6" s="184">
        <v>973</v>
      </c>
      <c r="AP6" s="184">
        <v>1075</v>
      </c>
      <c r="AQ6" s="184">
        <v>575</v>
      </c>
      <c r="AR6" s="184">
        <v>438</v>
      </c>
      <c r="AS6" s="189">
        <v>3858</v>
      </c>
      <c r="AT6" s="188">
        <v>3878</v>
      </c>
      <c r="AU6" s="183">
        <v>165</v>
      </c>
      <c r="AV6" s="184">
        <v>267</v>
      </c>
      <c r="AW6" s="189">
        <v>432</v>
      </c>
      <c r="AX6" s="186">
        <v>0</v>
      </c>
      <c r="AY6" s="184">
        <v>1495</v>
      </c>
      <c r="AZ6" s="184">
        <v>1663</v>
      </c>
      <c r="BA6" s="184">
        <v>1349</v>
      </c>
      <c r="BB6" s="184">
        <v>921</v>
      </c>
      <c r="BC6" s="184">
        <v>553</v>
      </c>
      <c r="BD6" s="189">
        <v>5981</v>
      </c>
      <c r="BE6" s="188">
        <v>6413</v>
      </c>
      <c r="BF6" s="183">
        <v>0</v>
      </c>
      <c r="BG6" s="184">
        <v>40</v>
      </c>
      <c r="BH6" s="189">
        <v>40</v>
      </c>
      <c r="BI6" s="186">
        <v>0</v>
      </c>
      <c r="BJ6" s="184">
        <v>2606</v>
      </c>
      <c r="BK6" s="184">
        <v>3331</v>
      </c>
      <c r="BL6" s="184">
        <v>3692</v>
      </c>
      <c r="BM6" s="184">
        <v>2398</v>
      </c>
      <c r="BN6" s="184">
        <v>1559</v>
      </c>
      <c r="BO6" s="187">
        <v>13586</v>
      </c>
      <c r="BP6" s="188">
        <v>13626</v>
      </c>
      <c r="BQ6" s="183">
        <v>0</v>
      </c>
      <c r="BR6" s="184">
        <v>0</v>
      </c>
      <c r="BS6" s="189">
        <v>0</v>
      </c>
      <c r="BT6" s="186">
        <v>0</v>
      </c>
      <c r="BU6" s="184">
        <v>37</v>
      </c>
      <c r="BV6" s="184">
        <v>45</v>
      </c>
      <c r="BW6" s="184">
        <v>66</v>
      </c>
      <c r="BX6" s="184">
        <v>71</v>
      </c>
      <c r="BY6" s="184">
        <v>51</v>
      </c>
      <c r="BZ6" s="189">
        <v>270</v>
      </c>
      <c r="CA6" s="188">
        <v>270</v>
      </c>
      <c r="CB6" s="183">
        <v>0</v>
      </c>
      <c r="CC6" s="184">
        <v>0</v>
      </c>
      <c r="CD6" s="189">
        <v>0</v>
      </c>
      <c r="CE6" s="186">
        <v>0</v>
      </c>
      <c r="CF6" s="184">
        <v>6</v>
      </c>
      <c r="CG6" s="184">
        <v>29</v>
      </c>
      <c r="CH6" s="184">
        <v>211</v>
      </c>
      <c r="CI6" s="184">
        <v>363</v>
      </c>
      <c r="CJ6" s="184">
        <v>203</v>
      </c>
      <c r="CK6" s="189">
        <v>812</v>
      </c>
      <c r="CL6" s="188">
        <v>812</v>
      </c>
      <c r="CM6" s="183">
        <v>0</v>
      </c>
      <c r="CN6" s="184">
        <v>0</v>
      </c>
      <c r="CO6" s="189">
        <v>0</v>
      </c>
      <c r="CP6" s="186">
        <v>0</v>
      </c>
      <c r="CQ6" s="184">
        <v>237</v>
      </c>
      <c r="CR6" s="184">
        <v>315</v>
      </c>
      <c r="CS6" s="184">
        <v>311</v>
      </c>
      <c r="CT6" s="184">
        <v>413</v>
      </c>
      <c r="CU6" s="184">
        <v>487</v>
      </c>
      <c r="CV6" s="189">
        <v>1763</v>
      </c>
      <c r="CW6" s="188">
        <v>1763</v>
      </c>
    </row>
    <row r="7" spans="2:101" ht="21" customHeight="1" x14ac:dyDescent="0.2">
      <c r="B7" s="95" t="s">
        <v>5</v>
      </c>
      <c r="C7" s="190">
        <v>0</v>
      </c>
      <c r="D7" s="196">
        <v>0</v>
      </c>
      <c r="E7" s="207">
        <v>0</v>
      </c>
      <c r="F7" s="193">
        <v>0</v>
      </c>
      <c r="G7" s="191">
        <v>130</v>
      </c>
      <c r="H7" s="191">
        <v>192</v>
      </c>
      <c r="I7" s="191">
        <v>165</v>
      </c>
      <c r="J7" s="191">
        <v>208</v>
      </c>
      <c r="K7" s="191">
        <v>163</v>
      </c>
      <c r="L7" s="194">
        <v>858</v>
      </c>
      <c r="M7" s="195">
        <v>858</v>
      </c>
      <c r="N7" s="190">
        <v>0</v>
      </c>
      <c r="O7" s="191">
        <v>0</v>
      </c>
      <c r="P7" s="196">
        <v>0</v>
      </c>
      <c r="Q7" s="193">
        <v>0</v>
      </c>
      <c r="R7" s="191">
        <v>100</v>
      </c>
      <c r="S7" s="191">
        <v>382</v>
      </c>
      <c r="T7" s="191">
        <v>335</v>
      </c>
      <c r="U7" s="191">
        <v>331</v>
      </c>
      <c r="V7" s="191">
        <v>301</v>
      </c>
      <c r="W7" s="196">
        <v>1449</v>
      </c>
      <c r="X7" s="195">
        <v>1449</v>
      </c>
      <c r="Y7" s="190">
        <v>0</v>
      </c>
      <c r="Z7" s="191">
        <v>1</v>
      </c>
      <c r="AA7" s="196">
        <v>1</v>
      </c>
      <c r="AB7" s="193">
        <v>0</v>
      </c>
      <c r="AC7" s="191">
        <v>5182</v>
      </c>
      <c r="AD7" s="191">
        <v>6541</v>
      </c>
      <c r="AE7" s="191">
        <v>2825</v>
      </c>
      <c r="AF7" s="191">
        <v>1334</v>
      </c>
      <c r="AG7" s="191">
        <v>607</v>
      </c>
      <c r="AH7" s="196">
        <v>16489</v>
      </c>
      <c r="AI7" s="195">
        <v>16490</v>
      </c>
      <c r="AJ7" s="190">
        <v>5</v>
      </c>
      <c r="AK7" s="191">
        <v>4</v>
      </c>
      <c r="AL7" s="196">
        <v>9</v>
      </c>
      <c r="AM7" s="193">
        <v>0</v>
      </c>
      <c r="AN7" s="191">
        <v>394</v>
      </c>
      <c r="AO7" s="191">
        <v>504</v>
      </c>
      <c r="AP7" s="191">
        <v>546</v>
      </c>
      <c r="AQ7" s="191">
        <v>325</v>
      </c>
      <c r="AR7" s="191">
        <v>234</v>
      </c>
      <c r="AS7" s="196">
        <v>2003</v>
      </c>
      <c r="AT7" s="195">
        <v>2012</v>
      </c>
      <c r="AU7" s="190">
        <v>62</v>
      </c>
      <c r="AV7" s="191">
        <v>114</v>
      </c>
      <c r="AW7" s="196">
        <v>176</v>
      </c>
      <c r="AX7" s="193">
        <v>0</v>
      </c>
      <c r="AY7" s="191">
        <v>565</v>
      </c>
      <c r="AZ7" s="191">
        <v>778</v>
      </c>
      <c r="BA7" s="191">
        <v>552</v>
      </c>
      <c r="BB7" s="191">
        <v>428</v>
      </c>
      <c r="BC7" s="191">
        <v>264</v>
      </c>
      <c r="BD7" s="196">
        <v>2587</v>
      </c>
      <c r="BE7" s="195">
        <v>2763</v>
      </c>
      <c r="BF7" s="190">
        <v>0</v>
      </c>
      <c r="BG7" s="191">
        <v>20</v>
      </c>
      <c r="BH7" s="196">
        <v>20</v>
      </c>
      <c r="BI7" s="193">
        <v>0</v>
      </c>
      <c r="BJ7" s="191">
        <v>1137</v>
      </c>
      <c r="BK7" s="191">
        <v>1437</v>
      </c>
      <c r="BL7" s="191">
        <v>1550</v>
      </c>
      <c r="BM7" s="191">
        <v>1017</v>
      </c>
      <c r="BN7" s="191">
        <v>705</v>
      </c>
      <c r="BO7" s="194">
        <v>5846</v>
      </c>
      <c r="BP7" s="195">
        <v>5866</v>
      </c>
      <c r="BQ7" s="190">
        <v>0</v>
      </c>
      <c r="BR7" s="191">
        <v>0</v>
      </c>
      <c r="BS7" s="196">
        <v>0</v>
      </c>
      <c r="BT7" s="193">
        <v>0</v>
      </c>
      <c r="BU7" s="191">
        <v>1</v>
      </c>
      <c r="BV7" s="191">
        <v>3</v>
      </c>
      <c r="BW7" s="191">
        <v>4</v>
      </c>
      <c r="BX7" s="191">
        <v>1</v>
      </c>
      <c r="BY7" s="191">
        <v>3</v>
      </c>
      <c r="BZ7" s="196">
        <v>12</v>
      </c>
      <c r="CA7" s="195">
        <v>12</v>
      </c>
      <c r="CB7" s="190">
        <v>0</v>
      </c>
      <c r="CC7" s="191">
        <v>0</v>
      </c>
      <c r="CD7" s="196">
        <v>0</v>
      </c>
      <c r="CE7" s="193">
        <v>0</v>
      </c>
      <c r="CF7" s="191">
        <v>3</v>
      </c>
      <c r="CG7" s="191">
        <v>12</v>
      </c>
      <c r="CH7" s="191">
        <v>19</v>
      </c>
      <c r="CI7" s="191">
        <v>47</v>
      </c>
      <c r="CJ7" s="191">
        <v>31</v>
      </c>
      <c r="CK7" s="196">
        <v>112</v>
      </c>
      <c r="CL7" s="195">
        <v>112</v>
      </c>
      <c r="CM7" s="190">
        <v>0</v>
      </c>
      <c r="CN7" s="191">
        <v>0</v>
      </c>
      <c r="CO7" s="196">
        <v>0</v>
      </c>
      <c r="CP7" s="193">
        <v>0</v>
      </c>
      <c r="CQ7" s="191">
        <v>23</v>
      </c>
      <c r="CR7" s="191">
        <v>68</v>
      </c>
      <c r="CS7" s="191">
        <v>60</v>
      </c>
      <c r="CT7" s="191">
        <v>114</v>
      </c>
      <c r="CU7" s="191">
        <v>169</v>
      </c>
      <c r="CV7" s="196">
        <v>434</v>
      </c>
      <c r="CW7" s="195">
        <v>434</v>
      </c>
    </row>
    <row r="8" spans="2:101" ht="21" customHeight="1" x14ac:dyDescent="0.2">
      <c r="B8" s="106" t="s">
        <v>6</v>
      </c>
      <c r="C8" s="190">
        <v>0</v>
      </c>
      <c r="D8" s="196">
        <v>0</v>
      </c>
      <c r="E8" s="207">
        <v>0</v>
      </c>
      <c r="F8" s="193">
        <v>0</v>
      </c>
      <c r="G8" s="191">
        <v>61</v>
      </c>
      <c r="H8" s="191">
        <v>72</v>
      </c>
      <c r="I8" s="191">
        <v>62</v>
      </c>
      <c r="J8" s="191">
        <v>113</v>
      </c>
      <c r="K8" s="191">
        <v>114</v>
      </c>
      <c r="L8" s="194">
        <v>422</v>
      </c>
      <c r="M8" s="195">
        <v>422</v>
      </c>
      <c r="N8" s="190">
        <v>0</v>
      </c>
      <c r="O8" s="191">
        <v>0</v>
      </c>
      <c r="P8" s="196">
        <v>0</v>
      </c>
      <c r="Q8" s="193">
        <v>0</v>
      </c>
      <c r="R8" s="191">
        <v>64</v>
      </c>
      <c r="S8" s="191">
        <v>107</v>
      </c>
      <c r="T8" s="191">
        <v>95</v>
      </c>
      <c r="U8" s="191">
        <v>76</v>
      </c>
      <c r="V8" s="191">
        <v>88</v>
      </c>
      <c r="W8" s="196">
        <v>430</v>
      </c>
      <c r="X8" s="195">
        <v>430</v>
      </c>
      <c r="Y8" s="190">
        <v>0</v>
      </c>
      <c r="Z8" s="191">
        <v>0</v>
      </c>
      <c r="AA8" s="196">
        <v>0</v>
      </c>
      <c r="AB8" s="193">
        <v>0</v>
      </c>
      <c r="AC8" s="191">
        <v>1910</v>
      </c>
      <c r="AD8" s="191">
        <v>1463</v>
      </c>
      <c r="AE8" s="191">
        <v>720</v>
      </c>
      <c r="AF8" s="191">
        <v>388</v>
      </c>
      <c r="AG8" s="191">
        <v>183</v>
      </c>
      <c r="AH8" s="196">
        <v>4664</v>
      </c>
      <c r="AI8" s="195">
        <v>4664</v>
      </c>
      <c r="AJ8" s="190">
        <v>1</v>
      </c>
      <c r="AK8" s="191">
        <v>0</v>
      </c>
      <c r="AL8" s="196">
        <v>1</v>
      </c>
      <c r="AM8" s="193">
        <v>0</v>
      </c>
      <c r="AN8" s="191">
        <v>160</v>
      </c>
      <c r="AO8" s="191">
        <v>229</v>
      </c>
      <c r="AP8" s="191">
        <v>251</v>
      </c>
      <c r="AQ8" s="191">
        <v>123</v>
      </c>
      <c r="AR8" s="191">
        <v>109</v>
      </c>
      <c r="AS8" s="196">
        <v>872</v>
      </c>
      <c r="AT8" s="195">
        <v>873</v>
      </c>
      <c r="AU8" s="190">
        <v>24</v>
      </c>
      <c r="AV8" s="191">
        <v>36</v>
      </c>
      <c r="AW8" s="196">
        <v>60</v>
      </c>
      <c r="AX8" s="193">
        <v>0</v>
      </c>
      <c r="AY8" s="191">
        <v>254</v>
      </c>
      <c r="AZ8" s="191">
        <v>217</v>
      </c>
      <c r="BA8" s="191">
        <v>183</v>
      </c>
      <c r="BB8" s="191">
        <v>112</v>
      </c>
      <c r="BC8" s="191">
        <v>55</v>
      </c>
      <c r="BD8" s="196">
        <v>821</v>
      </c>
      <c r="BE8" s="195">
        <v>881</v>
      </c>
      <c r="BF8" s="190">
        <v>0</v>
      </c>
      <c r="BG8" s="191">
        <v>5</v>
      </c>
      <c r="BH8" s="196">
        <v>5</v>
      </c>
      <c r="BI8" s="193">
        <v>0</v>
      </c>
      <c r="BJ8" s="191">
        <v>473</v>
      </c>
      <c r="BK8" s="191">
        <v>596</v>
      </c>
      <c r="BL8" s="191">
        <v>567</v>
      </c>
      <c r="BM8" s="191">
        <v>369</v>
      </c>
      <c r="BN8" s="191">
        <v>258</v>
      </c>
      <c r="BO8" s="194">
        <v>2263</v>
      </c>
      <c r="BP8" s="195">
        <v>2268</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2</v>
      </c>
      <c r="CG8" s="191">
        <v>10</v>
      </c>
      <c r="CH8" s="191">
        <v>64</v>
      </c>
      <c r="CI8" s="191">
        <v>99</v>
      </c>
      <c r="CJ8" s="191">
        <v>62</v>
      </c>
      <c r="CK8" s="196">
        <v>237</v>
      </c>
      <c r="CL8" s="195">
        <v>237</v>
      </c>
      <c r="CM8" s="190">
        <v>0</v>
      </c>
      <c r="CN8" s="191">
        <v>0</v>
      </c>
      <c r="CO8" s="196">
        <v>0</v>
      </c>
      <c r="CP8" s="193">
        <v>0</v>
      </c>
      <c r="CQ8" s="191">
        <v>82</v>
      </c>
      <c r="CR8" s="191">
        <v>95</v>
      </c>
      <c r="CS8" s="191">
        <v>81</v>
      </c>
      <c r="CT8" s="191">
        <v>90</v>
      </c>
      <c r="CU8" s="191">
        <v>113</v>
      </c>
      <c r="CV8" s="196">
        <v>461</v>
      </c>
      <c r="CW8" s="195">
        <v>461</v>
      </c>
    </row>
    <row r="9" spans="2:101" ht="21" customHeight="1" x14ac:dyDescent="0.2">
      <c r="B9" s="106" t="s">
        <v>14</v>
      </c>
      <c r="C9" s="190">
        <v>0</v>
      </c>
      <c r="D9" s="196">
        <v>0</v>
      </c>
      <c r="E9" s="207">
        <v>0</v>
      </c>
      <c r="F9" s="193">
        <v>0</v>
      </c>
      <c r="G9" s="191">
        <v>31</v>
      </c>
      <c r="H9" s="191">
        <v>57</v>
      </c>
      <c r="I9" s="191">
        <v>36</v>
      </c>
      <c r="J9" s="191">
        <v>37</v>
      </c>
      <c r="K9" s="191">
        <v>44</v>
      </c>
      <c r="L9" s="194">
        <v>205</v>
      </c>
      <c r="M9" s="195">
        <v>205</v>
      </c>
      <c r="N9" s="190">
        <v>0</v>
      </c>
      <c r="O9" s="191">
        <v>0</v>
      </c>
      <c r="P9" s="196">
        <v>0</v>
      </c>
      <c r="Q9" s="193">
        <v>0</v>
      </c>
      <c r="R9" s="191">
        <v>0</v>
      </c>
      <c r="S9" s="191">
        <v>0</v>
      </c>
      <c r="T9" s="191">
        <v>0</v>
      </c>
      <c r="U9" s="191">
        <v>0</v>
      </c>
      <c r="V9" s="191">
        <v>0</v>
      </c>
      <c r="W9" s="196">
        <v>0</v>
      </c>
      <c r="X9" s="195">
        <v>0</v>
      </c>
      <c r="Y9" s="190">
        <v>0</v>
      </c>
      <c r="Z9" s="191">
        <v>0</v>
      </c>
      <c r="AA9" s="196">
        <v>0</v>
      </c>
      <c r="AB9" s="193">
        <v>0</v>
      </c>
      <c r="AC9" s="191">
        <v>1177</v>
      </c>
      <c r="AD9" s="191">
        <v>1226</v>
      </c>
      <c r="AE9" s="191">
        <v>585</v>
      </c>
      <c r="AF9" s="191">
        <v>278</v>
      </c>
      <c r="AG9" s="191">
        <v>100</v>
      </c>
      <c r="AH9" s="196">
        <v>3366</v>
      </c>
      <c r="AI9" s="195">
        <v>3366</v>
      </c>
      <c r="AJ9" s="190">
        <v>0</v>
      </c>
      <c r="AK9" s="191">
        <v>0</v>
      </c>
      <c r="AL9" s="196">
        <v>0</v>
      </c>
      <c r="AM9" s="193">
        <v>0</v>
      </c>
      <c r="AN9" s="191">
        <v>16</v>
      </c>
      <c r="AO9" s="191">
        <v>22</v>
      </c>
      <c r="AP9" s="191">
        <v>30</v>
      </c>
      <c r="AQ9" s="191">
        <v>13</v>
      </c>
      <c r="AR9" s="191">
        <v>14</v>
      </c>
      <c r="AS9" s="196">
        <v>95</v>
      </c>
      <c r="AT9" s="195">
        <v>95</v>
      </c>
      <c r="AU9" s="190">
        <v>21</v>
      </c>
      <c r="AV9" s="191">
        <v>23</v>
      </c>
      <c r="AW9" s="196">
        <v>44</v>
      </c>
      <c r="AX9" s="193">
        <v>0</v>
      </c>
      <c r="AY9" s="191">
        <v>115</v>
      </c>
      <c r="AZ9" s="191">
        <v>158</v>
      </c>
      <c r="BA9" s="191">
        <v>130</v>
      </c>
      <c r="BB9" s="191">
        <v>86</v>
      </c>
      <c r="BC9" s="191">
        <v>44</v>
      </c>
      <c r="BD9" s="196">
        <v>533</v>
      </c>
      <c r="BE9" s="195">
        <v>577</v>
      </c>
      <c r="BF9" s="190">
        <v>0</v>
      </c>
      <c r="BG9" s="191">
        <v>2</v>
      </c>
      <c r="BH9" s="196">
        <v>2</v>
      </c>
      <c r="BI9" s="193">
        <v>0</v>
      </c>
      <c r="BJ9" s="191">
        <v>215</v>
      </c>
      <c r="BK9" s="191">
        <v>294</v>
      </c>
      <c r="BL9" s="191">
        <v>416</v>
      </c>
      <c r="BM9" s="191">
        <v>216</v>
      </c>
      <c r="BN9" s="191">
        <v>121</v>
      </c>
      <c r="BO9" s="194">
        <v>1262</v>
      </c>
      <c r="BP9" s="195">
        <v>1264</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13</v>
      </c>
      <c r="CI9" s="191">
        <v>34</v>
      </c>
      <c r="CJ9" s="191">
        <v>9</v>
      </c>
      <c r="CK9" s="196">
        <v>56</v>
      </c>
      <c r="CL9" s="195">
        <v>56</v>
      </c>
      <c r="CM9" s="190">
        <v>0</v>
      </c>
      <c r="CN9" s="191">
        <v>0</v>
      </c>
      <c r="CO9" s="196">
        <v>0</v>
      </c>
      <c r="CP9" s="193">
        <v>0</v>
      </c>
      <c r="CQ9" s="191">
        <v>22</v>
      </c>
      <c r="CR9" s="191">
        <v>28</v>
      </c>
      <c r="CS9" s="191">
        <v>34</v>
      </c>
      <c r="CT9" s="191">
        <v>45</v>
      </c>
      <c r="CU9" s="191">
        <v>38</v>
      </c>
      <c r="CV9" s="196">
        <v>167</v>
      </c>
      <c r="CW9" s="195">
        <v>167</v>
      </c>
    </row>
    <row r="10" spans="2:101" ht="21" customHeight="1" x14ac:dyDescent="0.2">
      <c r="B10" s="106" t="s">
        <v>7</v>
      </c>
      <c r="C10" s="190">
        <v>0</v>
      </c>
      <c r="D10" s="196">
        <v>0</v>
      </c>
      <c r="E10" s="207">
        <v>0</v>
      </c>
      <c r="F10" s="193">
        <v>0</v>
      </c>
      <c r="G10" s="191">
        <v>9</v>
      </c>
      <c r="H10" s="191">
        <v>13</v>
      </c>
      <c r="I10" s="191">
        <v>9</v>
      </c>
      <c r="J10" s="191">
        <v>6</v>
      </c>
      <c r="K10" s="191">
        <v>7</v>
      </c>
      <c r="L10" s="194">
        <v>44</v>
      </c>
      <c r="M10" s="195">
        <v>44</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1215</v>
      </c>
      <c r="AD10" s="191">
        <v>707</v>
      </c>
      <c r="AE10" s="191">
        <v>275</v>
      </c>
      <c r="AF10" s="191">
        <v>119</v>
      </c>
      <c r="AG10" s="191">
        <v>54</v>
      </c>
      <c r="AH10" s="196">
        <v>2370</v>
      </c>
      <c r="AI10" s="195">
        <v>2370</v>
      </c>
      <c r="AJ10" s="190">
        <v>0</v>
      </c>
      <c r="AK10" s="191">
        <v>2</v>
      </c>
      <c r="AL10" s="196">
        <v>2</v>
      </c>
      <c r="AM10" s="193">
        <v>0</v>
      </c>
      <c r="AN10" s="191">
        <v>87</v>
      </c>
      <c r="AO10" s="191">
        <v>83</v>
      </c>
      <c r="AP10" s="191">
        <v>93</v>
      </c>
      <c r="AQ10" s="191">
        <v>29</v>
      </c>
      <c r="AR10" s="191">
        <v>26</v>
      </c>
      <c r="AS10" s="196">
        <v>318</v>
      </c>
      <c r="AT10" s="195">
        <v>320</v>
      </c>
      <c r="AU10" s="190">
        <v>3</v>
      </c>
      <c r="AV10" s="191">
        <v>3</v>
      </c>
      <c r="AW10" s="196">
        <v>6</v>
      </c>
      <c r="AX10" s="193">
        <v>0</v>
      </c>
      <c r="AY10" s="191">
        <v>47</v>
      </c>
      <c r="AZ10" s="191">
        <v>36</v>
      </c>
      <c r="BA10" s="191">
        <v>32</v>
      </c>
      <c r="BB10" s="191">
        <v>20</v>
      </c>
      <c r="BC10" s="191">
        <v>11</v>
      </c>
      <c r="BD10" s="196">
        <v>146</v>
      </c>
      <c r="BE10" s="195">
        <v>152</v>
      </c>
      <c r="BF10" s="190">
        <v>0</v>
      </c>
      <c r="BG10" s="191">
        <v>0</v>
      </c>
      <c r="BH10" s="196">
        <v>0</v>
      </c>
      <c r="BI10" s="193">
        <v>0</v>
      </c>
      <c r="BJ10" s="191">
        <v>135</v>
      </c>
      <c r="BK10" s="191">
        <v>161</v>
      </c>
      <c r="BL10" s="191">
        <v>163</v>
      </c>
      <c r="BM10" s="191">
        <v>128</v>
      </c>
      <c r="BN10" s="191">
        <v>69</v>
      </c>
      <c r="BO10" s="194">
        <v>656</v>
      </c>
      <c r="BP10" s="195">
        <v>656</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19</v>
      </c>
      <c r="CR10" s="191">
        <v>11</v>
      </c>
      <c r="CS10" s="191">
        <v>12</v>
      </c>
      <c r="CT10" s="191">
        <v>20</v>
      </c>
      <c r="CU10" s="191">
        <v>25</v>
      </c>
      <c r="CV10" s="196">
        <v>87</v>
      </c>
      <c r="CW10" s="195">
        <v>87</v>
      </c>
    </row>
    <row r="11" spans="2:101" ht="21" customHeight="1" x14ac:dyDescent="0.2">
      <c r="B11" s="106" t="s">
        <v>8</v>
      </c>
      <c r="C11" s="190">
        <v>0</v>
      </c>
      <c r="D11" s="196">
        <v>0</v>
      </c>
      <c r="E11" s="207">
        <v>0</v>
      </c>
      <c r="F11" s="193">
        <v>0</v>
      </c>
      <c r="G11" s="191">
        <v>7</v>
      </c>
      <c r="H11" s="191">
        <v>5</v>
      </c>
      <c r="I11" s="191">
        <v>3</v>
      </c>
      <c r="J11" s="191">
        <v>5</v>
      </c>
      <c r="K11" s="191">
        <v>2</v>
      </c>
      <c r="L11" s="194">
        <v>22</v>
      </c>
      <c r="M11" s="195">
        <v>22</v>
      </c>
      <c r="N11" s="190">
        <v>0</v>
      </c>
      <c r="O11" s="191">
        <v>0</v>
      </c>
      <c r="P11" s="196">
        <v>0</v>
      </c>
      <c r="Q11" s="193">
        <v>0</v>
      </c>
      <c r="R11" s="191">
        <v>2</v>
      </c>
      <c r="S11" s="191">
        <v>1</v>
      </c>
      <c r="T11" s="191">
        <v>0</v>
      </c>
      <c r="U11" s="191">
        <v>2</v>
      </c>
      <c r="V11" s="191">
        <v>1</v>
      </c>
      <c r="W11" s="196">
        <v>6</v>
      </c>
      <c r="X11" s="195">
        <v>6</v>
      </c>
      <c r="Y11" s="190">
        <v>0</v>
      </c>
      <c r="Z11" s="191">
        <v>0</v>
      </c>
      <c r="AA11" s="196">
        <v>0</v>
      </c>
      <c r="AB11" s="193">
        <v>0</v>
      </c>
      <c r="AC11" s="191">
        <v>634</v>
      </c>
      <c r="AD11" s="191">
        <v>551</v>
      </c>
      <c r="AE11" s="191">
        <v>215</v>
      </c>
      <c r="AF11" s="191">
        <v>108</v>
      </c>
      <c r="AG11" s="191">
        <v>54</v>
      </c>
      <c r="AH11" s="196">
        <v>1562</v>
      </c>
      <c r="AI11" s="195">
        <v>1562</v>
      </c>
      <c r="AJ11" s="190">
        <v>0</v>
      </c>
      <c r="AK11" s="191">
        <v>0</v>
      </c>
      <c r="AL11" s="196">
        <v>0</v>
      </c>
      <c r="AM11" s="193">
        <v>0</v>
      </c>
      <c r="AN11" s="191">
        <v>8</v>
      </c>
      <c r="AO11" s="191">
        <v>8</v>
      </c>
      <c r="AP11" s="191">
        <v>9</v>
      </c>
      <c r="AQ11" s="191">
        <v>7</v>
      </c>
      <c r="AR11" s="191">
        <v>5</v>
      </c>
      <c r="AS11" s="196">
        <v>37</v>
      </c>
      <c r="AT11" s="195">
        <v>37</v>
      </c>
      <c r="AU11" s="190">
        <v>12</v>
      </c>
      <c r="AV11" s="191">
        <v>12</v>
      </c>
      <c r="AW11" s="196">
        <v>24</v>
      </c>
      <c r="AX11" s="193">
        <v>0</v>
      </c>
      <c r="AY11" s="191">
        <v>60</v>
      </c>
      <c r="AZ11" s="191">
        <v>49</v>
      </c>
      <c r="BA11" s="191">
        <v>45</v>
      </c>
      <c r="BB11" s="191">
        <v>25</v>
      </c>
      <c r="BC11" s="191">
        <v>15</v>
      </c>
      <c r="BD11" s="196">
        <v>194</v>
      </c>
      <c r="BE11" s="195">
        <v>218</v>
      </c>
      <c r="BF11" s="190">
        <v>0</v>
      </c>
      <c r="BG11" s="191">
        <v>0</v>
      </c>
      <c r="BH11" s="196">
        <v>0</v>
      </c>
      <c r="BI11" s="193">
        <v>0</v>
      </c>
      <c r="BJ11" s="191">
        <v>66</v>
      </c>
      <c r="BK11" s="191">
        <v>65</v>
      </c>
      <c r="BL11" s="191">
        <v>95</v>
      </c>
      <c r="BM11" s="191">
        <v>56</v>
      </c>
      <c r="BN11" s="191">
        <v>40</v>
      </c>
      <c r="BO11" s="194">
        <v>322</v>
      </c>
      <c r="BP11" s="195">
        <v>322</v>
      </c>
      <c r="BQ11" s="190">
        <v>0</v>
      </c>
      <c r="BR11" s="191">
        <v>0</v>
      </c>
      <c r="BS11" s="196">
        <v>0</v>
      </c>
      <c r="BT11" s="193">
        <v>0</v>
      </c>
      <c r="BU11" s="191">
        <v>1</v>
      </c>
      <c r="BV11" s="191">
        <v>9</v>
      </c>
      <c r="BW11" s="191">
        <v>15</v>
      </c>
      <c r="BX11" s="191">
        <v>11</v>
      </c>
      <c r="BY11" s="191">
        <v>10</v>
      </c>
      <c r="BZ11" s="196">
        <v>46</v>
      </c>
      <c r="CA11" s="195">
        <v>46</v>
      </c>
      <c r="CB11" s="190">
        <v>0</v>
      </c>
      <c r="CC11" s="191">
        <v>0</v>
      </c>
      <c r="CD11" s="196">
        <v>0</v>
      </c>
      <c r="CE11" s="193">
        <v>0</v>
      </c>
      <c r="CF11" s="191">
        <v>0</v>
      </c>
      <c r="CG11" s="191">
        <v>1</v>
      </c>
      <c r="CH11" s="191">
        <v>10</v>
      </c>
      <c r="CI11" s="191">
        <v>26</v>
      </c>
      <c r="CJ11" s="191">
        <v>5</v>
      </c>
      <c r="CK11" s="196">
        <v>42</v>
      </c>
      <c r="CL11" s="195">
        <v>42</v>
      </c>
      <c r="CM11" s="190">
        <v>0</v>
      </c>
      <c r="CN11" s="191">
        <v>0</v>
      </c>
      <c r="CO11" s="196">
        <v>0</v>
      </c>
      <c r="CP11" s="193">
        <v>0</v>
      </c>
      <c r="CQ11" s="191">
        <v>13</v>
      </c>
      <c r="CR11" s="191">
        <v>20</v>
      </c>
      <c r="CS11" s="191">
        <v>17</v>
      </c>
      <c r="CT11" s="191">
        <v>12</v>
      </c>
      <c r="CU11" s="191">
        <v>8</v>
      </c>
      <c r="CV11" s="196">
        <v>70</v>
      </c>
      <c r="CW11" s="195">
        <v>70</v>
      </c>
    </row>
    <row r="12" spans="2:101" ht="21" customHeight="1" x14ac:dyDescent="0.2">
      <c r="B12" s="106" t="s">
        <v>9</v>
      </c>
      <c r="C12" s="190">
        <v>0</v>
      </c>
      <c r="D12" s="196">
        <v>0</v>
      </c>
      <c r="E12" s="207">
        <v>0</v>
      </c>
      <c r="F12" s="193">
        <v>0</v>
      </c>
      <c r="G12" s="191">
        <v>0</v>
      </c>
      <c r="H12" s="191">
        <v>3</v>
      </c>
      <c r="I12" s="191">
        <v>2</v>
      </c>
      <c r="J12" s="191">
        <v>7</v>
      </c>
      <c r="K12" s="191">
        <v>4</v>
      </c>
      <c r="L12" s="194">
        <v>16</v>
      </c>
      <c r="M12" s="195">
        <v>16</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453</v>
      </c>
      <c r="AD12" s="191">
        <v>297</v>
      </c>
      <c r="AE12" s="191">
        <v>152</v>
      </c>
      <c r="AF12" s="191">
        <v>94</v>
      </c>
      <c r="AG12" s="191">
        <v>39</v>
      </c>
      <c r="AH12" s="196">
        <v>1035</v>
      </c>
      <c r="AI12" s="195">
        <v>1035</v>
      </c>
      <c r="AJ12" s="190">
        <v>0</v>
      </c>
      <c r="AK12" s="191">
        <v>0</v>
      </c>
      <c r="AL12" s="196">
        <v>0</v>
      </c>
      <c r="AM12" s="193">
        <v>0</v>
      </c>
      <c r="AN12" s="191">
        <v>7</v>
      </c>
      <c r="AO12" s="191">
        <v>8</v>
      </c>
      <c r="AP12" s="191">
        <v>10</v>
      </c>
      <c r="AQ12" s="191">
        <v>0</v>
      </c>
      <c r="AR12" s="191">
        <v>4</v>
      </c>
      <c r="AS12" s="196">
        <v>29</v>
      </c>
      <c r="AT12" s="195">
        <v>29</v>
      </c>
      <c r="AU12" s="190">
        <v>3</v>
      </c>
      <c r="AV12" s="191">
        <v>3</v>
      </c>
      <c r="AW12" s="196">
        <v>6</v>
      </c>
      <c r="AX12" s="193">
        <v>0</v>
      </c>
      <c r="AY12" s="191">
        <v>41</v>
      </c>
      <c r="AZ12" s="191">
        <v>34</v>
      </c>
      <c r="BA12" s="191">
        <v>22</v>
      </c>
      <c r="BB12" s="191">
        <v>22</v>
      </c>
      <c r="BC12" s="191">
        <v>13</v>
      </c>
      <c r="BD12" s="196">
        <v>132</v>
      </c>
      <c r="BE12" s="195">
        <v>138</v>
      </c>
      <c r="BF12" s="190">
        <v>0</v>
      </c>
      <c r="BG12" s="191">
        <v>0</v>
      </c>
      <c r="BH12" s="196">
        <v>0</v>
      </c>
      <c r="BI12" s="193">
        <v>0</v>
      </c>
      <c r="BJ12" s="191">
        <v>37</v>
      </c>
      <c r="BK12" s="191">
        <v>56</v>
      </c>
      <c r="BL12" s="191">
        <v>84</v>
      </c>
      <c r="BM12" s="191">
        <v>64</v>
      </c>
      <c r="BN12" s="191">
        <v>29</v>
      </c>
      <c r="BO12" s="194">
        <v>270</v>
      </c>
      <c r="BP12" s="195">
        <v>270</v>
      </c>
      <c r="BQ12" s="190">
        <v>0</v>
      </c>
      <c r="BR12" s="191">
        <v>0</v>
      </c>
      <c r="BS12" s="196">
        <v>0</v>
      </c>
      <c r="BT12" s="193">
        <v>0</v>
      </c>
      <c r="BU12" s="191">
        <v>2</v>
      </c>
      <c r="BV12" s="191">
        <v>4</v>
      </c>
      <c r="BW12" s="191">
        <v>6</v>
      </c>
      <c r="BX12" s="191">
        <v>8</v>
      </c>
      <c r="BY12" s="191">
        <v>4</v>
      </c>
      <c r="BZ12" s="196">
        <v>24</v>
      </c>
      <c r="CA12" s="195">
        <v>24</v>
      </c>
      <c r="CB12" s="190">
        <v>0</v>
      </c>
      <c r="CC12" s="191">
        <v>0</v>
      </c>
      <c r="CD12" s="196">
        <v>0</v>
      </c>
      <c r="CE12" s="193">
        <v>0</v>
      </c>
      <c r="CF12" s="191">
        <v>0</v>
      </c>
      <c r="CG12" s="191">
        <v>0</v>
      </c>
      <c r="CH12" s="191">
        <v>0</v>
      </c>
      <c r="CI12" s="191">
        <v>0</v>
      </c>
      <c r="CJ12" s="191">
        <v>1</v>
      </c>
      <c r="CK12" s="196">
        <v>1</v>
      </c>
      <c r="CL12" s="195">
        <v>1</v>
      </c>
      <c r="CM12" s="190">
        <v>0</v>
      </c>
      <c r="CN12" s="191">
        <v>0</v>
      </c>
      <c r="CO12" s="196">
        <v>0</v>
      </c>
      <c r="CP12" s="193">
        <v>0</v>
      </c>
      <c r="CQ12" s="191">
        <v>6</v>
      </c>
      <c r="CR12" s="191">
        <v>7</v>
      </c>
      <c r="CS12" s="191">
        <v>9</v>
      </c>
      <c r="CT12" s="191">
        <v>6</v>
      </c>
      <c r="CU12" s="191">
        <v>12</v>
      </c>
      <c r="CV12" s="196">
        <v>40</v>
      </c>
      <c r="CW12" s="195">
        <v>40</v>
      </c>
    </row>
    <row r="13" spans="2:101" ht="21" customHeight="1" x14ac:dyDescent="0.2">
      <c r="B13" s="106" t="s">
        <v>10</v>
      </c>
      <c r="C13" s="190">
        <v>0</v>
      </c>
      <c r="D13" s="196">
        <v>0</v>
      </c>
      <c r="E13" s="207">
        <v>0</v>
      </c>
      <c r="F13" s="193">
        <v>0</v>
      </c>
      <c r="G13" s="191">
        <v>19</v>
      </c>
      <c r="H13" s="191">
        <v>16</v>
      </c>
      <c r="I13" s="191">
        <v>14</v>
      </c>
      <c r="J13" s="191">
        <v>16</v>
      </c>
      <c r="K13" s="191">
        <v>16</v>
      </c>
      <c r="L13" s="194">
        <v>81</v>
      </c>
      <c r="M13" s="195">
        <v>81</v>
      </c>
      <c r="N13" s="190">
        <v>0</v>
      </c>
      <c r="O13" s="191">
        <v>0</v>
      </c>
      <c r="P13" s="196">
        <v>0</v>
      </c>
      <c r="Q13" s="193">
        <v>0</v>
      </c>
      <c r="R13" s="191">
        <v>12</v>
      </c>
      <c r="S13" s="191">
        <v>2</v>
      </c>
      <c r="T13" s="191">
        <v>5</v>
      </c>
      <c r="U13" s="191">
        <v>5</v>
      </c>
      <c r="V13" s="191">
        <v>5</v>
      </c>
      <c r="W13" s="196">
        <v>29</v>
      </c>
      <c r="X13" s="195">
        <v>29</v>
      </c>
      <c r="Y13" s="190">
        <v>0</v>
      </c>
      <c r="Z13" s="191">
        <v>0</v>
      </c>
      <c r="AA13" s="196">
        <v>0</v>
      </c>
      <c r="AB13" s="193">
        <v>0</v>
      </c>
      <c r="AC13" s="191">
        <v>593</v>
      </c>
      <c r="AD13" s="191">
        <v>247</v>
      </c>
      <c r="AE13" s="191">
        <v>121</v>
      </c>
      <c r="AF13" s="191">
        <v>61</v>
      </c>
      <c r="AG13" s="191">
        <v>12</v>
      </c>
      <c r="AH13" s="196">
        <v>1034</v>
      </c>
      <c r="AI13" s="195">
        <v>1034</v>
      </c>
      <c r="AJ13" s="190">
        <v>0</v>
      </c>
      <c r="AK13" s="191">
        <v>1</v>
      </c>
      <c r="AL13" s="196">
        <v>1</v>
      </c>
      <c r="AM13" s="193">
        <v>0</v>
      </c>
      <c r="AN13" s="191">
        <v>13</v>
      </c>
      <c r="AO13" s="191">
        <v>14</v>
      </c>
      <c r="AP13" s="191">
        <v>21</v>
      </c>
      <c r="AQ13" s="191">
        <v>14</v>
      </c>
      <c r="AR13" s="191">
        <v>9</v>
      </c>
      <c r="AS13" s="196">
        <v>71</v>
      </c>
      <c r="AT13" s="195">
        <v>72</v>
      </c>
      <c r="AU13" s="190">
        <v>9</v>
      </c>
      <c r="AV13" s="191">
        <v>14</v>
      </c>
      <c r="AW13" s="196">
        <v>23</v>
      </c>
      <c r="AX13" s="193">
        <v>0</v>
      </c>
      <c r="AY13" s="191">
        <v>82</v>
      </c>
      <c r="AZ13" s="191">
        <v>62</v>
      </c>
      <c r="BA13" s="191">
        <v>64</v>
      </c>
      <c r="BB13" s="191">
        <v>45</v>
      </c>
      <c r="BC13" s="191">
        <v>36</v>
      </c>
      <c r="BD13" s="196">
        <v>289</v>
      </c>
      <c r="BE13" s="195">
        <v>312</v>
      </c>
      <c r="BF13" s="190">
        <v>0</v>
      </c>
      <c r="BG13" s="191">
        <v>2</v>
      </c>
      <c r="BH13" s="196">
        <v>2</v>
      </c>
      <c r="BI13" s="193">
        <v>0</v>
      </c>
      <c r="BJ13" s="191">
        <v>112</v>
      </c>
      <c r="BK13" s="191">
        <v>108</v>
      </c>
      <c r="BL13" s="191">
        <v>131</v>
      </c>
      <c r="BM13" s="191">
        <v>87</v>
      </c>
      <c r="BN13" s="191">
        <v>78</v>
      </c>
      <c r="BO13" s="194">
        <v>516</v>
      </c>
      <c r="BP13" s="195">
        <v>518</v>
      </c>
      <c r="BQ13" s="190">
        <v>0</v>
      </c>
      <c r="BR13" s="191">
        <v>0</v>
      </c>
      <c r="BS13" s="196">
        <v>0</v>
      </c>
      <c r="BT13" s="193">
        <v>0</v>
      </c>
      <c r="BU13" s="191">
        <v>30</v>
      </c>
      <c r="BV13" s="191">
        <v>23</v>
      </c>
      <c r="BW13" s="191">
        <v>30</v>
      </c>
      <c r="BX13" s="191">
        <v>34</v>
      </c>
      <c r="BY13" s="191">
        <v>28</v>
      </c>
      <c r="BZ13" s="196">
        <v>145</v>
      </c>
      <c r="CA13" s="195">
        <v>145</v>
      </c>
      <c r="CB13" s="190">
        <v>0</v>
      </c>
      <c r="CC13" s="191">
        <v>0</v>
      </c>
      <c r="CD13" s="196">
        <v>0</v>
      </c>
      <c r="CE13" s="193">
        <v>0</v>
      </c>
      <c r="CF13" s="191">
        <v>0</v>
      </c>
      <c r="CG13" s="191">
        <v>1</v>
      </c>
      <c r="CH13" s="191">
        <v>3</v>
      </c>
      <c r="CI13" s="191">
        <v>21</v>
      </c>
      <c r="CJ13" s="191">
        <v>16</v>
      </c>
      <c r="CK13" s="196">
        <v>41</v>
      </c>
      <c r="CL13" s="195">
        <v>41</v>
      </c>
      <c r="CM13" s="190">
        <v>0</v>
      </c>
      <c r="CN13" s="191">
        <v>0</v>
      </c>
      <c r="CO13" s="196">
        <v>0</v>
      </c>
      <c r="CP13" s="193">
        <v>0</v>
      </c>
      <c r="CQ13" s="191">
        <v>26</v>
      </c>
      <c r="CR13" s="191">
        <v>30</v>
      </c>
      <c r="CS13" s="191">
        <v>27</v>
      </c>
      <c r="CT13" s="191">
        <v>51</v>
      </c>
      <c r="CU13" s="191">
        <v>31</v>
      </c>
      <c r="CV13" s="196">
        <v>165</v>
      </c>
      <c r="CW13" s="195">
        <v>165</v>
      </c>
    </row>
    <row r="14" spans="2:101" ht="21" customHeight="1" x14ac:dyDescent="0.2">
      <c r="B14" s="106" t="s">
        <v>11</v>
      </c>
      <c r="C14" s="190">
        <v>0</v>
      </c>
      <c r="D14" s="196">
        <v>0</v>
      </c>
      <c r="E14" s="207">
        <v>0</v>
      </c>
      <c r="F14" s="193">
        <v>0</v>
      </c>
      <c r="G14" s="191">
        <v>9</v>
      </c>
      <c r="H14" s="191">
        <v>7</v>
      </c>
      <c r="I14" s="191">
        <v>3</v>
      </c>
      <c r="J14" s="191">
        <v>6</v>
      </c>
      <c r="K14" s="191">
        <v>6</v>
      </c>
      <c r="L14" s="194">
        <v>31</v>
      </c>
      <c r="M14" s="195">
        <v>31</v>
      </c>
      <c r="N14" s="190">
        <v>0</v>
      </c>
      <c r="O14" s="191">
        <v>0</v>
      </c>
      <c r="P14" s="196">
        <v>0</v>
      </c>
      <c r="Q14" s="193">
        <v>0</v>
      </c>
      <c r="R14" s="191">
        <v>11</v>
      </c>
      <c r="S14" s="191">
        <v>12</v>
      </c>
      <c r="T14" s="191">
        <v>8</v>
      </c>
      <c r="U14" s="191">
        <v>15</v>
      </c>
      <c r="V14" s="191">
        <v>8</v>
      </c>
      <c r="W14" s="196">
        <v>54</v>
      </c>
      <c r="X14" s="195">
        <v>54</v>
      </c>
      <c r="Y14" s="190">
        <v>0</v>
      </c>
      <c r="Z14" s="191">
        <v>0</v>
      </c>
      <c r="AA14" s="196">
        <v>0</v>
      </c>
      <c r="AB14" s="193">
        <v>0</v>
      </c>
      <c r="AC14" s="191">
        <v>478</v>
      </c>
      <c r="AD14" s="191">
        <v>260</v>
      </c>
      <c r="AE14" s="191">
        <v>148</v>
      </c>
      <c r="AF14" s="191">
        <v>69</v>
      </c>
      <c r="AG14" s="191">
        <v>29</v>
      </c>
      <c r="AH14" s="196">
        <v>984</v>
      </c>
      <c r="AI14" s="195">
        <v>984</v>
      </c>
      <c r="AJ14" s="190">
        <v>0</v>
      </c>
      <c r="AK14" s="191">
        <v>0</v>
      </c>
      <c r="AL14" s="196">
        <v>0</v>
      </c>
      <c r="AM14" s="193">
        <v>0</v>
      </c>
      <c r="AN14" s="191">
        <v>22</v>
      </c>
      <c r="AO14" s="191">
        <v>16</v>
      </c>
      <c r="AP14" s="191">
        <v>10</v>
      </c>
      <c r="AQ14" s="191">
        <v>6</v>
      </c>
      <c r="AR14" s="191">
        <v>1</v>
      </c>
      <c r="AS14" s="196">
        <v>55</v>
      </c>
      <c r="AT14" s="195">
        <v>55</v>
      </c>
      <c r="AU14" s="190">
        <v>3</v>
      </c>
      <c r="AV14" s="191">
        <v>5</v>
      </c>
      <c r="AW14" s="196">
        <v>8</v>
      </c>
      <c r="AX14" s="193">
        <v>0</v>
      </c>
      <c r="AY14" s="191">
        <v>34</v>
      </c>
      <c r="AZ14" s="191">
        <v>40</v>
      </c>
      <c r="BA14" s="191">
        <v>37</v>
      </c>
      <c r="BB14" s="191">
        <v>24</v>
      </c>
      <c r="BC14" s="191">
        <v>10</v>
      </c>
      <c r="BD14" s="196">
        <v>145</v>
      </c>
      <c r="BE14" s="195">
        <v>153</v>
      </c>
      <c r="BF14" s="190">
        <v>0</v>
      </c>
      <c r="BG14" s="191">
        <v>2</v>
      </c>
      <c r="BH14" s="196">
        <v>2</v>
      </c>
      <c r="BI14" s="193">
        <v>0</v>
      </c>
      <c r="BJ14" s="191">
        <v>53</v>
      </c>
      <c r="BK14" s="191">
        <v>78</v>
      </c>
      <c r="BL14" s="191">
        <v>87</v>
      </c>
      <c r="BM14" s="191">
        <v>58</v>
      </c>
      <c r="BN14" s="191">
        <v>21</v>
      </c>
      <c r="BO14" s="194">
        <v>297</v>
      </c>
      <c r="BP14" s="195">
        <v>299</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1</v>
      </c>
      <c r="CH14" s="191">
        <v>0</v>
      </c>
      <c r="CI14" s="191">
        <v>1</v>
      </c>
      <c r="CJ14" s="191">
        <v>0</v>
      </c>
      <c r="CK14" s="196">
        <v>2</v>
      </c>
      <c r="CL14" s="195">
        <v>2</v>
      </c>
      <c r="CM14" s="190">
        <v>0</v>
      </c>
      <c r="CN14" s="191">
        <v>0</v>
      </c>
      <c r="CO14" s="196">
        <v>0</v>
      </c>
      <c r="CP14" s="193">
        <v>0</v>
      </c>
      <c r="CQ14" s="191">
        <v>12</v>
      </c>
      <c r="CR14" s="191">
        <v>7</v>
      </c>
      <c r="CS14" s="191">
        <v>7</v>
      </c>
      <c r="CT14" s="191">
        <v>8</v>
      </c>
      <c r="CU14" s="191">
        <v>7</v>
      </c>
      <c r="CV14" s="196">
        <v>41</v>
      </c>
      <c r="CW14" s="195">
        <v>41</v>
      </c>
    </row>
    <row r="15" spans="2:101" ht="21" customHeight="1" x14ac:dyDescent="0.2">
      <c r="B15" s="106" t="s">
        <v>12</v>
      </c>
      <c r="C15" s="190">
        <v>0</v>
      </c>
      <c r="D15" s="196">
        <v>0</v>
      </c>
      <c r="E15" s="207">
        <v>0</v>
      </c>
      <c r="F15" s="193">
        <v>0</v>
      </c>
      <c r="G15" s="191">
        <v>9</v>
      </c>
      <c r="H15" s="191">
        <v>4</v>
      </c>
      <c r="I15" s="191">
        <v>3</v>
      </c>
      <c r="J15" s="191">
        <v>3</v>
      </c>
      <c r="K15" s="191">
        <v>4</v>
      </c>
      <c r="L15" s="194">
        <v>23</v>
      </c>
      <c r="M15" s="195">
        <v>23</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378</v>
      </c>
      <c r="AD15" s="191">
        <v>254</v>
      </c>
      <c r="AE15" s="191">
        <v>150</v>
      </c>
      <c r="AF15" s="191">
        <v>64</v>
      </c>
      <c r="AG15" s="191">
        <v>29</v>
      </c>
      <c r="AH15" s="196">
        <v>875</v>
      </c>
      <c r="AI15" s="195">
        <v>875</v>
      </c>
      <c r="AJ15" s="190">
        <v>0</v>
      </c>
      <c r="AK15" s="191">
        <v>0</v>
      </c>
      <c r="AL15" s="196">
        <v>0</v>
      </c>
      <c r="AM15" s="193">
        <v>0</v>
      </c>
      <c r="AN15" s="191">
        <v>5</v>
      </c>
      <c r="AO15" s="191">
        <v>1</v>
      </c>
      <c r="AP15" s="191">
        <v>1</v>
      </c>
      <c r="AQ15" s="191">
        <v>1</v>
      </c>
      <c r="AR15" s="191">
        <v>1</v>
      </c>
      <c r="AS15" s="196">
        <v>9</v>
      </c>
      <c r="AT15" s="195">
        <v>9</v>
      </c>
      <c r="AU15" s="190">
        <v>0</v>
      </c>
      <c r="AV15" s="191">
        <v>1</v>
      </c>
      <c r="AW15" s="196">
        <v>1</v>
      </c>
      <c r="AX15" s="193">
        <v>0</v>
      </c>
      <c r="AY15" s="191">
        <v>28</v>
      </c>
      <c r="AZ15" s="191">
        <v>31</v>
      </c>
      <c r="BA15" s="191">
        <v>44</v>
      </c>
      <c r="BB15" s="191">
        <v>38</v>
      </c>
      <c r="BC15" s="191">
        <v>28</v>
      </c>
      <c r="BD15" s="196">
        <v>169</v>
      </c>
      <c r="BE15" s="195">
        <v>170</v>
      </c>
      <c r="BF15" s="190">
        <v>0</v>
      </c>
      <c r="BG15" s="191">
        <v>0</v>
      </c>
      <c r="BH15" s="196">
        <v>0</v>
      </c>
      <c r="BI15" s="193">
        <v>0</v>
      </c>
      <c r="BJ15" s="191">
        <v>40</v>
      </c>
      <c r="BK15" s="191">
        <v>48</v>
      </c>
      <c r="BL15" s="191">
        <v>43</v>
      </c>
      <c r="BM15" s="191">
        <v>33</v>
      </c>
      <c r="BN15" s="191">
        <v>35</v>
      </c>
      <c r="BO15" s="194">
        <v>199</v>
      </c>
      <c r="BP15" s="195">
        <v>199</v>
      </c>
      <c r="BQ15" s="190">
        <v>0</v>
      </c>
      <c r="BR15" s="191">
        <v>0</v>
      </c>
      <c r="BS15" s="196">
        <v>0</v>
      </c>
      <c r="BT15" s="193">
        <v>0</v>
      </c>
      <c r="BU15" s="191">
        <v>0</v>
      </c>
      <c r="BV15" s="191">
        <v>6</v>
      </c>
      <c r="BW15" s="191">
        <v>7</v>
      </c>
      <c r="BX15" s="191">
        <v>10</v>
      </c>
      <c r="BY15" s="191">
        <v>5</v>
      </c>
      <c r="BZ15" s="196">
        <v>28</v>
      </c>
      <c r="CA15" s="195">
        <v>28</v>
      </c>
      <c r="CB15" s="190">
        <v>0</v>
      </c>
      <c r="CC15" s="191">
        <v>0</v>
      </c>
      <c r="CD15" s="196">
        <v>0</v>
      </c>
      <c r="CE15" s="193">
        <v>0</v>
      </c>
      <c r="CF15" s="191">
        <v>0</v>
      </c>
      <c r="CG15" s="191">
        <v>0</v>
      </c>
      <c r="CH15" s="191">
        <v>11</v>
      </c>
      <c r="CI15" s="191">
        <v>12</v>
      </c>
      <c r="CJ15" s="191">
        <v>4</v>
      </c>
      <c r="CK15" s="196">
        <v>27</v>
      </c>
      <c r="CL15" s="195">
        <v>27</v>
      </c>
      <c r="CM15" s="190">
        <v>0</v>
      </c>
      <c r="CN15" s="191">
        <v>0</v>
      </c>
      <c r="CO15" s="196">
        <v>0</v>
      </c>
      <c r="CP15" s="193">
        <v>0</v>
      </c>
      <c r="CQ15" s="191">
        <v>6</v>
      </c>
      <c r="CR15" s="191">
        <v>15</v>
      </c>
      <c r="CS15" s="191">
        <v>27</v>
      </c>
      <c r="CT15" s="191">
        <v>26</v>
      </c>
      <c r="CU15" s="191">
        <v>15</v>
      </c>
      <c r="CV15" s="196">
        <v>89</v>
      </c>
      <c r="CW15" s="195">
        <v>89</v>
      </c>
    </row>
    <row r="16" spans="2:101" ht="21" customHeight="1" x14ac:dyDescent="0.2">
      <c r="B16" s="106" t="s">
        <v>13</v>
      </c>
      <c r="C16" s="190">
        <v>0</v>
      </c>
      <c r="D16" s="196">
        <v>0</v>
      </c>
      <c r="E16" s="207">
        <v>0</v>
      </c>
      <c r="F16" s="193">
        <v>0</v>
      </c>
      <c r="G16" s="191">
        <v>1</v>
      </c>
      <c r="H16" s="191">
        <v>1</v>
      </c>
      <c r="I16" s="191">
        <v>1</v>
      </c>
      <c r="J16" s="191">
        <v>1</v>
      </c>
      <c r="K16" s="191">
        <v>2</v>
      </c>
      <c r="L16" s="194">
        <v>6</v>
      </c>
      <c r="M16" s="195">
        <v>6</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160</v>
      </c>
      <c r="AD16" s="191">
        <v>173</v>
      </c>
      <c r="AE16" s="191">
        <v>72</v>
      </c>
      <c r="AF16" s="191">
        <v>38</v>
      </c>
      <c r="AG16" s="191">
        <v>16</v>
      </c>
      <c r="AH16" s="196">
        <v>459</v>
      </c>
      <c r="AI16" s="195">
        <v>459</v>
      </c>
      <c r="AJ16" s="190">
        <v>0</v>
      </c>
      <c r="AK16" s="191">
        <v>0</v>
      </c>
      <c r="AL16" s="196">
        <v>0</v>
      </c>
      <c r="AM16" s="193">
        <v>0</v>
      </c>
      <c r="AN16" s="191">
        <v>0</v>
      </c>
      <c r="AO16" s="191">
        <v>9</v>
      </c>
      <c r="AP16" s="191">
        <v>5</v>
      </c>
      <c r="AQ16" s="191">
        <v>5</v>
      </c>
      <c r="AR16" s="191">
        <v>8</v>
      </c>
      <c r="AS16" s="196">
        <v>27</v>
      </c>
      <c r="AT16" s="195">
        <v>27</v>
      </c>
      <c r="AU16" s="190">
        <v>4</v>
      </c>
      <c r="AV16" s="191">
        <v>2</v>
      </c>
      <c r="AW16" s="196">
        <v>6</v>
      </c>
      <c r="AX16" s="193">
        <v>0</v>
      </c>
      <c r="AY16" s="191">
        <v>13</v>
      </c>
      <c r="AZ16" s="191">
        <v>12</v>
      </c>
      <c r="BA16" s="191">
        <v>8</v>
      </c>
      <c r="BB16" s="191">
        <v>0</v>
      </c>
      <c r="BC16" s="191">
        <v>3</v>
      </c>
      <c r="BD16" s="196">
        <v>36</v>
      </c>
      <c r="BE16" s="195">
        <v>42</v>
      </c>
      <c r="BF16" s="190">
        <v>0</v>
      </c>
      <c r="BG16" s="191">
        <v>0</v>
      </c>
      <c r="BH16" s="196">
        <v>0</v>
      </c>
      <c r="BI16" s="193">
        <v>0</v>
      </c>
      <c r="BJ16" s="191">
        <v>14</v>
      </c>
      <c r="BK16" s="191">
        <v>11</v>
      </c>
      <c r="BL16" s="191">
        <v>15</v>
      </c>
      <c r="BM16" s="191">
        <v>20</v>
      </c>
      <c r="BN16" s="191">
        <v>16</v>
      </c>
      <c r="BO16" s="194">
        <v>76</v>
      </c>
      <c r="BP16" s="195">
        <v>76</v>
      </c>
      <c r="BQ16" s="190">
        <v>0</v>
      </c>
      <c r="BR16" s="191">
        <v>0</v>
      </c>
      <c r="BS16" s="196">
        <v>0</v>
      </c>
      <c r="BT16" s="193">
        <v>0</v>
      </c>
      <c r="BU16" s="191">
        <v>3</v>
      </c>
      <c r="BV16" s="191">
        <v>0</v>
      </c>
      <c r="BW16" s="191">
        <v>4</v>
      </c>
      <c r="BX16" s="191">
        <v>7</v>
      </c>
      <c r="BY16" s="191">
        <v>1</v>
      </c>
      <c r="BZ16" s="196">
        <v>15</v>
      </c>
      <c r="CA16" s="195">
        <v>15</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2</v>
      </c>
      <c r="H17" s="191">
        <v>3</v>
      </c>
      <c r="I17" s="191">
        <v>3</v>
      </c>
      <c r="J17" s="191">
        <v>3</v>
      </c>
      <c r="K17" s="191">
        <v>6</v>
      </c>
      <c r="L17" s="194">
        <v>17</v>
      </c>
      <c r="M17" s="195">
        <v>17</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208</v>
      </c>
      <c r="AD17" s="191">
        <v>211</v>
      </c>
      <c r="AE17" s="191">
        <v>82</v>
      </c>
      <c r="AF17" s="191">
        <v>37</v>
      </c>
      <c r="AG17" s="191">
        <v>21</v>
      </c>
      <c r="AH17" s="196">
        <v>559</v>
      </c>
      <c r="AI17" s="195">
        <v>559</v>
      </c>
      <c r="AJ17" s="190">
        <v>0</v>
      </c>
      <c r="AK17" s="191">
        <v>1</v>
      </c>
      <c r="AL17" s="196">
        <v>1</v>
      </c>
      <c r="AM17" s="193">
        <v>0</v>
      </c>
      <c r="AN17" s="191">
        <v>3</v>
      </c>
      <c r="AO17" s="191">
        <v>3</v>
      </c>
      <c r="AP17" s="191">
        <v>6</v>
      </c>
      <c r="AQ17" s="191">
        <v>2</v>
      </c>
      <c r="AR17" s="191">
        <v>2</v>
      </c>
      <c r="AS17" s="196">
        <v>16</v>
      </c>
      <c r="AT17" s="195">
        <v>17</v>
      </c>
      <c r="AU17" s="190">
        <v>1</v>
      </c>
      <c r="AV17" s="191">
        <v>11</v>
      </c>
      <c r="AW17" s="196">
        <v>12</v>
      </c>
      <c r="AX17" s="193">
        <v>0</v>
      </c>
      <c r="AY17" s="191">
        <v>18</v>
      </c>
      <c r="AZ17" s="191">
        <v>10</v>
      </c>
      <c r="BA17" s="191">
        <v>0</v>
      </c>
      <c r="BB17" s="191">
        <v>3</v>
      </c>
      <c r="BC17" s="191">
        <v>3</v>
      </c>
      <c r="BD17" s="196">
        <v>34</v>
      </c>
      <c r="BE17" s="195">
        <v>46</v>
      </c>
      <c r="BF17" s="190">
        <v>0</v>
      </c>
      <c r="BG17" s="191">
        <v>1</v>
      </c>
      <c r="BH17" s="196">
        <v>1</v>
      </c>
      <c r="BI17" s="193">
        <v>0</v>
      </c>
      <c r="BJ17" s="191">
        <v>36</v>
      </c>
      <c r="BK17" s="191">
        <v>45</v>
      </c>
      <c r="BL17" s="191">
        <v>37</v>
      </c>
      <c r="BM17" s="191">
        <v>23</v>
      </c>
      <c r="BN17" s="191">
        <v>19</v>
      </c>
      <c r="BO17" s="194">
        <v>160</v>
      </c>
      <c r="BP17" s="195">
        <v>161</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10</v>
      </c>
      <c r="CI17" s="191">
        <v>10</v>
      </c>
      <c r="CJ17" s="191">
        <v>7</v>
      </c>
      <c r="CK17" s="196">
        <v>27</v>
      </c>
      <c r="CL17" s="195">
        <v>27</v>
      </c>
      <c r="CM17" s="190">
        <v>0</v>
      </c>
      <c r="CN17" s="191">
        <v>0</v>
      </c>
      <c r="CO17" s="196">
        <v>0</v>
      </c>
      <c r="CP17" s="193">
        <v>0</v>
      </c>
      <c r="CQ17" s="191">
        <v>5</v>
      </c>
      <c r="CR17" s="191">
        <v>7</v>
      </c>
      <c r="CS17" s="191">
        <v>6</v>
      </c>
      <c r="CT17" s="191">
        <v>2</v>
      </c>
      <c r="CU17" s="191">
        <v>1</v>
      </c>
      <c r="CV17" s="196">
        <v>21</v>
      </c>
      <c r="CW17" s="195">
        <v>21</v>
      </c>
    </row>
    <row r="18" spans="2:101" ht="21" customHeight="1" x14ac:dyDescent="0.2">
      <c r="B18" s="106" t="s">
        <v>16</v>
      </c>
      <c r="C18" s="190">
        <v>0</v>
      </c>
      <c r="D18" s="196">
        <v>0</v>
      </c>
      <c r="E18" s="207">
        <v>0</v>
      </c>
      <c r="F18" s="193">
        <v>0</v>
      </c>
      <c r="G18" s="191">
        <v>6</v>
      </c>
      <c r="H18" s="191">
        <v>16</v>
      </c>
      <c r="I18" s="191">
        <v>17</v>
      </c>
      <c r="J18" s="191">
        <v>11</v>
      </c>
      <c r="K18" s="191">
        <v>9</v>
      </c>
      <c r="L18" s="194">
        <v>59</v>
      </c>
      <c r="M18" s="195">
        <v>59</v>
      </c>
      <c r="N18" s="190">
        <v>0</v>
      </c>
      <c r="O18" s="191">
        <v>0</v>
      </c>
      <c r="P18" s="196">
        <v>0</v>
      </c>
      <c r="Q18" s="193">
        <v>0</v>
      </c>
      <c r="R18" s="191">
        <v>0</v>
      </c>
      <c r="S18" s="191">
        <v>3</v>
      </c>
      <c r="T18" s="191">
        <v>2</v>
      </c>
      <c r="U18" s="191">
        <v>1</v>
      </c>
      <c r="V18" s="191">
        <v>1</v>
      </c>
      <c r="W18" s="196">
        <v>7</v>
      </c>
      <c r="X18" s="195">
        <v>7</v>
      </c>
      <c r="Y18" s="190">
        <v>0</v>
      </c>
      <c r="Z18" s="191">
        <v>0</v>
      </c>
      <c r="AA18" s="196">
        <v>0</v>
      </c>
      <c r="AB18" s="193">
        <v>0</v>
      </c>
      <c r="AC18" s="191">
        <v>146</v>
      </c>
      <c r="AD18" s="191">
        <v>193</v>
      </c>
      <c r="AE18" s="191">
        <v>91</v>
      </c>
      <c r="AF18" s="191">
        <v>41</v>
      </c>
      <c r="AG18" s="191">
        <v>15</v>
      </c>
      <c r="AH18" s="196">
        <v>486</v>
      </c>
      <c r="AI18" s="195">
        <v>486</v>
      </c>
      <c r="AJ18" s="190">
        <v>0</v>
      </c>
      <c r="AK18" s="191">
        <v>0</v>
      </c>
      <c r="AL18" s="196">
        <v>0</v>
      </c>
      <c r="AM18" s="193">
        <v>0</v>
      </c>
      <c r="AN18" s="191">
        <v>5</v>
      </c>
      <c r="AO18" s="191">
        <v>5</v>
      </c>
      <c r="AP18" s="191">
        <v>10</v>
      </c>
      <c r="AQ18" s="191">
        <v>7</v>
      </c>
      <c r="AR18" s="191">
        <v>2</v>
      </c>
      <c r="AS18" s="196">
        <v>29</v>
      </c>
      <c r="AT18" s="195">
        <v>29</v>
      </c>
      <c r="AU18" s="190">
        <v>3</v>
      </c>
      <c r="AV18" s="191">
        <v>3</v>
      </c>
      <c r="AW18" s="196">
        <v>6</v>
      </c>
      <c r="AX18" s="193">
        <v>0</v>
      </c>
      <c r="AY18" s="191">
        <v>20</v>
      </c>
      <c r="AZ18" s="191">
        <v>27</v>
      </c>
      <c r="BA18" s="191">
        <v>16</v>
      </c>
      <c r="BB18" s="191">
        <v>16</v>
      </c>
      <c r="BC18" s="191">
        <v>11</v>
      </c>
      <c r="BD18" s="196">
        <v>90</v>
      </c>
      <c r="BE18" s="195">
        <v>96</v>
      </c>
      <c r="BF18" s="190">
        <v>0</v>
      </c>
      <c r="BG18" s="191">
        <v>1</v>
      </c>
      <c r="BH18" s="196">
        <v>1</v>
      </c>
      <c r="BI18" s="193">
        <v>0</v>
      </c>
      <c r="BJ18" s="191">
        <v>25</v>
      </c>
      <c r="BK18" s="191">
        <v>48</v>
      </c>
      <c r="BL18" s="191">
        <v>41</v>
      </c>
      <c r="BM18" s="191">
        <v>38</v>
      </c>
      <c r="BN18" s="191">
        <v>21</v>
      </c>
      <c r="BO18" s="194">
        <v>173</v>
      </c>
      <c r="BP18" s="195">
        <v>174</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0</v>
      </c>
      <c r="CH18" s="191">
        <v>8</v>
      </c>
      <c r="CI18" s="191">
        <v>14</v>
      </c>
      <c r="CJ18" s="191">
        <v>8</v>
      </c>
      <c r="CK18" s="196">
        <v>30</v>
      </c>
      <c r="CL18" s="195">
        <v>30</v>
      </c>
      <c r="CM18" s="190">
        <v>0</v>
      </c>
      <c r="CN18" s="191">
        <v>0</v>
      </c>
      <c r="CO18" s="196">
        <v>0</v>
      </c>
      <c r="CP18" s="193">
        <v>0</v>
      </c>
      <c r="CQ18" s="191">
        <v>1</v>
      </c>
      <c r="CR18" s="191">
        <v>5</v>
      </c>
      <c r="CS18" s="191">
        <v>5</v>
      </c>
      <c r="CT18" s="191">
        <v>2</v>
      </c>
      <c r="CU18" s="191">
        <v>8</v>
      </c>
      <c r="CV18" s="196">
        <v>21</v>
      </c>
      <c r="CW18" s="195">
        <v>21</v>
      </c>
    </row>
    <row r="19" spans="2:101" ht="21" customHeight="1" x14ac:dyDescent="0.2">
      <c r="B19" s="106" t="s">
        <v>17</v>
      </c>
      <c r="C19" s="190">
        <v>0</v>
      </c>
      <c r="D19" s="196">
        <v>0</v>
      </c>
      <c r="E19" s="207">
        <v>0</v>
      </c>
      <c r="F19" s="193">
        <v>0</v>
      </c>
      <c r="G19" s="191">
        <v>0</v>
      </c>
      <c r="H19" s="191">
        <v>3</v>
      </c>
      <c r="I19" s="191">
        <v>2</v>
      </c>
      <c r="J19" s="191">
        <v>2</v>
      </c>
      <c r="K19" s="191">
        <v>1</v>
      </c>
      <c r="L19" s="194">
        <v>8</v>
      </c>
      <c r="M19" s="195">
        <v>8</v>
      </c>
      <c r="N19" s="190">
        <v>0</v>
      </c>
      <c r="O19" s="191">
        <v>0</v>
      </c>
      <c r="P19" s="196">
        <v>0</v>
      </c>
      <c r="Q19" s="193">
        <v>0</v>
      </c>
      <c r="R19" s="191">
        <v>0</v>
      </c>
      <c r="S19" s="191">
        <v>0</v>
      </c>
      <c r="T19" s="191">
        <v>0</v>
      </c>
      <c r="U19" s="191">
        <v>0</v>
      </c>
      <c r="V19" s="191">
        <v>0</v>
      </c>
      <c r="W19" s="196">
        <v>0</v>
      </c>
      <c r="X19" s="195">
        <v>0</v>
      </c>
      <c r="Y19" s="190">
        <v>0</v>
      </c>
      <c r="Z19" s="191">
        <v>0</v>
      </c>
      <c r="AA19" s="196">
        <v>0</v>
      </c>
      <c r="AB19" s="193">
        <v>0</v>
      </c>
      <c r="AC19" s="191">
        <v>284</v>
      </c>
      <c r="AD19" s="191">
        <v>361</v>
      </c>
      <c r="AE19" s="191">
        <v>157</v>
      </c>
      <c r="AF19" s="191">
        <v>81</v>
      </c>
      <c r="AG19" s="191">
        <v>30</v>
      </c>
      <c r="AH19" s="196">
        <v>913</v>
      </c>
      <c r="AI19" s="195">
        <v>913</v>
      </c>
      <c r="AJ19" s="190">
        <v>2</v>
      </c>
      <c r="AK19" s="191">
        <v>3</v>
      </c>
      <c r="AL19" s="196">
        <v>5</v>
      </c>
      <c r="AM19" s="193">
        <v>0</v>
      </c>
      <c r="AN19" s="191">
        <v>26</v>
      </c>
      <c r="AO19" s="191">
        <v>23</v>
      </c>
      <c r="AP19" s="191">
        <v>16</v>
      </c>
      <c r="AQ19" s="191">
        <v>14</v>
      </c>
      <c r="AR19" s="191">
        <v>6</v>
      </c>
      <c r="AS19" s="196">
        <v>85</v>
      </c>
      <c r="AT19" s="195">
        <v>90</v>
      </c>
      <c r="AU19" s="190">
        <v>4</v>
      </c>
      <c r="AV19" s="191">
        <v>4</v>
      </c>
      <c r="AW19" s="196">
        <v>8</v>
      </c>
      <c r="AX19" s="193">
        <v>0</v>
      </c>
      <c r="AY19" s="191">
        <v>7</v>
      </c>
      <c r="AZ19" s="191">
        <v>27</v>
      </c>
      <c r="BA19" s="191">
        <v>37</v>
      </c>
      <c r="BB19" s="191">
        <v>22</v>
      </c>
      <c r="BC19" s="191">
        <v>17</v>
      </c>
      <c r="BD19" s="196">
        <v>110</v>
      </c>
      <c r="BE19" s="195">
        <v>118</v>
      </c>
      <c r="BF19" s="190">
        <v>0</v>
      </c>
      <c r="BG19" s="191">
        <v>0</v>
      </c>
      <c r="BH19" s="196">
        <v>0</v>
      </c>
      <c r="BI19" s="193">
        <v>0</v>
      </c>
      <c r="BJ19" s="191">
        <v>37</v>
      </c>
      <c r="BK19" s="191">
        <v>62</v>
      </c>
      <c r="BL19" s="191">
        <v>87</v>
      </c>
      <c r="BM19" s="191">
        <v>47</v>
      </c>
      <c r="BN19" s="191">
        <v>27</v>
      </c>
      <c r="BO19" s="194">
        <v>260</v>
      </c>
      <c r="BP19" s="195">
        <v>260</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1</v>
      </c>
      <c r="CH19" s="191">
        <v>28</v>
      </c>
      <c r="CI19" s="191">
        <v>45</v>
      </c>
      <c r="CJ19" s="191">
        <v>29</v>
      </c>
      <c r="CK19" s="196">
        <v>103</v>
      </c>
      <c r="CL19" s="195">
        <v>103</v>
      </c>
      <c r="CM19" s="190">
        <v>0</v>
      </c>
      <c r="CN19" s="191">
        <v>0</v>
      </c>
      <c r="CO19" s="196">
        <v>0</v>
      </c>
      <c r="CP19" s="193">
        <v>0</v>
      </c>
      <c r="CQ19" s="191">
        <v>1</v>
      </c>
      <c r="CR19" s="191">
        <v>3</v>
      </c>
      <c r="CS19" s="191">
        <v>5</v>
      </c>
      <c r="CT19" s="191">
        <v>5</v>
      </c>
      <c r="CU19" s="191">
        <v>13</v>
      </c>
      <c r="CV19" s="196">
        <v>27</v>
      </c>
      <c r="CW19" s="195">
        <v>27</v>
      </c>
    </row>
    <row r="20" spans="2:101" ht="21" customHeight="1" x14ac:dyDescent="0.2">
      <c r="B20" s="106" t="s">
        <v>18</v>
      </c>
      <c r="C20" s="190">
        <v>0</v>
      </c>
      <c r="D20" s="196">
        <v>0</v>
      </c>
      <c r="E20" s="207">
        <v>0</v>
      </c>
      <c r="F20" s="193">
        <v>0</v>
      </c>
      <c r="G20" s="191">
        <v>10</v>
      </c>
      <c r="H20" s="191">
        <v>9</v>
      </c>
      <c r="I20" s="191">
        <v>7</v>
      </c>
      <c r="J20" s="191">
        <v>7</v>
      </c>
      <c r="K20" s="191">
        <v>6</v>
      </c>
      <c r="L20" s="194">
        <v>39</v>
      </c>
      <c r="M20" s="195">
        <v>39</v>
      </c>
      <c r="N20" s="190">
        <v>0</v>
      </c>
      <c r="O20" s="191">
        <v>0</v>
      </c>
      <c r="P20" s="196">
        <v>0</v>
      </c>
      <c r="Q20" s="193">
        <v>0</v>
      </c>
      <c r="R20" s="191">
        <v>0</v>
      </c>
      <c r="S20" s="191">
        <v>0</v>
      </c>
      <c r="T20" s="191">
        <v>1</v>
      </c>
      <c r="U20" s="191">
        <v>0</v>
      </c>
      <c r="V20" s="191">
        <v>2</v>
      </c>
      <c r="W20" s="196">
        <v>3</v>
      </c>
      <c r="X20" s="195">
        <v>3</v>
      </c>
      <c r="Y20" s="190">
        <v>0</v>
      </c>
      <c r="Z20" s="191">
        <v>0</v>
      </c>
      <c r="AA20" s="196">
        <v>0</v>
      </c>
      <c r="AB20" s="193">
        <v>0</v>
      </c>
      <c r="AC20" s="191">
        <v>295</v>
      </c>
      <c r="AD20" s="191">
        <v>194</v>
      </c>
      <c r="AE20" s="191">
        <v>90</v>
      </c>
      <c r="AF20" s="191">
        <v>35</v>
      </c>
      <c r="AG20" s="191">
        <v>13</v>
      </c>
      <c r="AH20" s="196">
        <v>627</v>
      </c>
      <c r="AI20" s="195">
        <v>627</v>
      </c>
      <c r="AJ20" s="190">
        <v>0</v>
      </c>
      <c r="AK20" s="191">
        <v>0</v>
      </c>
      <c r="AL20" s="196">
        <v>0</v>
      </c>
      <c r="AM20" s="193">
        <v>0</v>
      </c>
      <c r="AN20" s="191">
        <v>11</v>
      </c>
      <c r="AO20" s="191">
        <v>13</v>
      </c>
      <c r="AP20" s="191">
        <v>23</v>
      </c>
      <c r="AQ20" s="191">
        <v>11</v>
      </c>
      <c r="AR20" s="191">
        <v>7</v>
      </c>
      <c r="AS20" s="196">
        <v>65</v>
      </c>
      <c r="AT20" s="195">
        <v>65</v>
      </c>
      <c r="AU20" s="190">
        <v>4</v>
      </c>
      <c r="AV20" s="191">
        <v>13</v>
      </c>
      <c r="AW20" s="196">
        <v>17</v>
      </c>
      <c r="AX20" s="193">
        <v>0</v>
      </c>
      <c r="AY20" s="191">
        <v>46</v>
      </c>
      <c r="AZ20" s="191">
        <v>38</v>
      </c>
      <c r="BA20" s="191">
        <v>50</v>
      </c>
      <c r="BB20" s="191">
        <v>17</v>
      </c>
      <c r="BC20" s="191">
        <v>9</v>
      </c>
      <c r="BD20" s="196">
        <v>160</v>
      </c>
      <c r="BE20" s="195">
        <v>177</v>
      </c>
      <c r="BF20" s="190">
        <v>0</v>
      </c>
      <c r="BG20" s="191">
        <v>3</v>
      </c>
      <c r="BH20" s="196">
        <v>3</v>
      </c>
      <c r="BI20" s="193">
        <v>0</v>
      </c>
      <c r="BJ20" s="191">
        <v>54</v>
      </c>
      <c r="BK20" s="191">
        <v>79</v>
      </c>
      <c r="BL20" s="191">
        <v>93</v>
      </c>
      <c r="BM20" s="191">
        <v>69</v>
      </c>
      <c r="BN20" s="191">
        <v>18</v>
      </c>
      <c r="BO20" s="194">
        <v>313</v>
      </c>
      <c r="BP20" s="195">
        <v>316</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1</v>
      </c>
      <c r="CH20" s="191">
        <v>6</v>
      </c>
      <c r="CI20" s="191">
        <v>16</v>
      </c>
      <c r="CJ20" s="191">
        <v>5</v>
      </c>
      <c r="CK20" s="196">
        <v>28</v>
      </c>
      <c r="CL20" s="195">
        <v>28</v>
      </c>
      <c r="CM20" s="190">
        <v>0</v>
      </c>
      <c r="CN20" s="191">
        <v>0</v>
      </c>
      <c r="CO20" s="196">
        <v>0</v>
      </c>
      <c r="CP20" s="193">
        <v>0</v>
      </c>
      <c r="CQ20" s="191">
        <v>6</v>
      </c>
      <c r="CR20" s="191">
        <v>10</v>
      </c>
      <c r="CS20" s="191">
        <v>13</v>
      </c>
      <c r="CT20" s="191">
        <v>25</v>
      </c>
      <c r="CU20" s="191">
        <v>31</v>
      </c>
      <c r="CV20" s="196">
        <v>85</v>
      </c>
      <c r="CW20" s="195">
        <v>85</v>
      </c>
    </row>
    <row r="21" spans="2:101" ht="21" customHeight="1" x14ac:dyDescent="0.2">
      <c r="B21" s="106" t="s">
        <v>19</v>
      </c>
      <c r="C21" s="190">
        <v>0</v>
      </c>
      <c r="D21" s="196">
        <v>0</v>
      </c>
      <c r="E21" s="207">
        <v>0</v>
      </c>
      <c r="F21" s="193">
        <v>0</v>
      </c>
      <c r="G21" s="191">
        <v>11</v>
      </c>
      <c r="H21" s="191">
        <v>11</v>
      </c>
      <c r="I21" s="191">
        <v>7</v>
      </c>
      <c r="J21" s="191">
        <v>5</v>
      </c>
      <c r="K21" s="191">
        <v>4</v>
      </c>
      <c r="L21" s="194">
        <v>38</v>
      </c>
      <c r="M21" s="195">
        <v>38</v>
      </c>
      <c r="N21" s="190">
        <v>0</v>
      </c>
      <c r="O21" s="191">
        <v>0</v>
      </c>
      <c r="P21" s="196">
        <v>0</v>
      </c>
      <c r="Q21" s="193">
        <v>0</v>
      </c>
      <c r="R21" s="191">
        <v>1</v>
      </c>
      <c r="S21" s="191">
        <v>1</v>
      </c>
      <c r="T21" s="191">
        <v>2</v>
      </c>
      <c r="U21" s="191">
        <v>3</v>
      </c>
      <c r="V21" s="191">
        <v>1</v>
      </c>
      <c r="W21" s="196">
        <v>8</v>
      </c>
      <c r="X21" s="195">
        <v>8</v>
      </c>
      <c r="Y21" s="190">
        <v>0</v>
      </c>
      <c r="Z21" s="191">
        <v>0</v>
      </c>
      <c r="AA21" s="196">
        <v>0</v>
      </c>
      <c r="AB21" s="193">
        <v>0</v>
      </c>
      <c r="AC21" s="191">
        <v>141</v>
      </c>
      <c r="AD21" s="191">
        <v>84</v>
      </c>
      <c r="AE21" s="191">
        <v>46</v>
      </c>
      <c r="AF21" s="191">
        <v>17</v>
      </c>
      <c r="AG21" s="191">
        <v>10</v>
      </c>
      <c r="AH21" s="196">
        <v>298</v>
      </c>
      <c r="AI21" s="195">
        <v>298</v>
      </c>
      <c r="AJ21" s="190">
        <v>1</v>
      </c>
      <c r="AK21" s="191">
        <v>0</v>
      </c>
      <c r="AL21" s="196">
        <v>1</v>
      </c>
      <c r="AM21" s="193">
        <v>0</v>
      </c>
      <c r="AN21" s="191">
        <v>15</v>
      </c>
      <c r="AO21" s="191">
        <v>19</v>
      </c>
      <c r="AP21" s="191">
        <v>16</v>
      </c>
      <c r="AQ21" s="191">
        <v>3</v>
      </c>
      <c r="AR21" s="191">
        <v>4</v>
      </c>
      <c r="AS21" s="196">
        <v>57</v>
      </c>
      <c r="AT21" s="195">
        <v>58</v>
      </c>
      <c r="AU21" s="190">
        <v>1</v>
      </c>
      <c r="AV21" s="191">
        <v>1</v>
      </c>
      <c r="AW21" s="196">
        <v>2</v>
      </c>
      <c r="AX21" s="193">
        <v>0</v>
      </c>
      <c r="AY21" s="191">
        <v>22</v>
      </c>
      <c r="AZ21" s="191">
        <v>33</v>
      </c>
      <c r="BA21" s="191">
        <v>28</v>
      </c>
      <c r="BB21" s="191">
        <v>13</v>
      </c>
      <c r="BC21" s="191">
        <v>7</v>
      </c>
      <c r="BD21" s="196">
        <v>103</v>
      </c>
      <c r="BE21" s="195">
        <v>105</v>
      </c>
      <c r="BF21" s="190">
        <v>0</v>
      </c>
      <c r="BG21" s="191">
        <v>0</v>
      </c>
      <c r="BH21" s="196">
        <v>0</v>
      </c>
      <c r="BI21" s="193">
        <v>0</v>
      </c>
      <c r="BJ21" s="191">
        <v>14</v>
      </c>
      <c r="BK21" s="191">
        <v>22</v>
      </c>
      <c r="BL21" s="191">
        <v>30</v>
      </c>
      <c r="BM21" s="191">
        <v>16</v>
      </c>
      <c r="BN21" s="191">
        <v>15</v>
      </c>
      <c r="BO21" s="194">
        <v>97</v>
      </c>
      <c r="BP21" s="195">
        <v>97</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0</v>
      </c>
      <c r="CR21" s="191">
        <v>1</v>
      </c>
      <c r="CS21" s="191">
        <v>1</v>
      </c>
      <c r="CT21" s="191">
        <v>3</v>
      </c>
      <c r="CU21" s="191">
        <v>10</v>
      </c>
      <c r="CV21" s="196">
        <v>15</v>
      </c>
      <c r="CW21" s="195">
        <v>15</v>
      </c>
    </row>
    <row r="22" spans="2:101" ht="21" customHeight="1" x14ac:dyDescent="0.2">
      <c r="B22" s="106" t="s">
        <v>20</v>
      </c>
      <c r="C22" s="190">
        <v>0</v>
      </c>
      <c r="D22" s="196">
        <v>0</v>
      </c>
      <c r="E22" s="207">
        <v>0</v>
      </c>
      <c r="F22" s="193">
        <v>0</v>
      </c>
      <c r="G22" s="191">
        <v>1</v>
      </c>
      <c r="H22" s="191">
        <v>0</v>
      </c>
      <c r="I22" s="191">
        <v>0</v>
      </c>
      <c r="J22" s="191">
        <v>0</v>
      </c>
      <c r="K22" s="191">
        <v>1</v>
      </c>
      <c r="L22" s="194">
        <v>2</v>
      </c>
      <c r="M22" s="195">
        <v>2</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233</v>
      </c>
      <c r="AD22" s="191">
        <v>119</v>
      </c>
      <c r="AE22" s="191">
        <v>58</v>
      </c>
      <c r="AF22" s="191">
        <v>23</v>
      </c>
      <c r="AG22" s="191">
        <v>9</v>
      </c>
      <c r="AH22" s="196">
        <v>442</v>
      </c>
      <c r="AI22" s="195">
        <v>442</v>
      </c>
      <c r="AJ22" s="190">
        <v>0</v>
      </c>
      <c r="AK22" s="191">
        <v>0</v>
      </c>
      <c r="AL22" s="196">
        <v>0</v>
      </c>
      <c r="AM22" s="193">
        <v>0</v>
      </c>
      <c r="AN22" s="191">
        <v>2</v>
      </c>
      <c r="AO22" s="191">
        <v>1</v>
      </c>
      <c r="AP22" s="191">
        <v>8</v>
      </c>
      <c r="AQ22" s="191">
        <v>4</v>
      </c>
      <c r="AR22" s="191">
        <v>2</v>
      </c>
      <c r="AS22" s="196">
        <v>17</v>
      </c>
      <c r="AT22" s="195">
        <v>17</v>
      </c>
      <c r="AU22" s="190">
        <v>0</v>
      </c>
      <c r="AV22" s="191">
        <v>0</v>
      </c>
      <c r="AW22" s="196">
        <v>0</v>
      </c>
      <c r="AX22" s="193">
        <v>0</v>
      </c>
      <c r="AY22" s="191">
        <v>17</v>
      </c>
      <c r="AZ22" s="191">
        <v>9</v>
      </c>
      <c r="BA22" s="191">
        <v>16</v>
      </c>
      <c r="BB22" s="191">
        <v>5</v>
      </c>
      <c r="BC22" s="191">
        <v>3</v>
      </c>
      <c r="BD22" s="196">
        <v>50</v>
      </c>
      <c r="BE22" s="195">
        <v>50</v>
      </c>
      <c r="BF22" s="190">
        <v>0</v>
      </c>
      <c r="BG22" s="191">
        <v>1</v>
      </c>
      <c r="BH22" s="196">
        <v>1</v>
      </c>
      <c r="BI22" s="193">
        <v>0</v>
      </c>
      <c r="BJ22" s="191">
        <v>17</v>
      </c>
      <c r="BK22" s="191">
        <v>36</v>
      </c>
      <c r="BL22" s="191">
        <v>54</v>
      </c>
      <c r="BM22" s="191">
        <v>16</v>
      </c>
      <c r="BN22" s="191">
        <v>18</v>
      </c>
      <c r="BO22" s="194">
        <v>141</v>
      </c>
      <c r="BP22" s="195">
        <v>142</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1</v>
      </c>
      <c r="H23" s="191">
        <v>3</v>
      </c>
      <c r="I23" s="191">
        <v>1</v>
      </c>
      <c r="J23" s="191">
        <v>0</v>
      </c>
      <c r="K23" s="191">
        <v>1</v>
      </c>
      <c r="L23" s="194">
        <v>6</v>
      </c>
      <c r="M23" s="195">
        <v>6</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218</v>
      </c>
      <c r="AD23" s="191">
        <v>181</v>
      </c>
      <c r="AE23" s="191">
        <v>82</v>
      </c>
      <c r="AF23" s="191">
        <v>33</v>
      </c>
      <c r="AG23" s="191">
        <v>14</v>
      </c>
      <c r="AH23" s="196">
        <v>528</v>
      </c>
      <c r="AI23" s="195">
        <v>528</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8</v>
      </c>
      <c r="AZ23" s="191">
        <v>7</v>
      </c>
      <c r="BA23" s="191">
        <v>16</v>
      </c>
      <c r="BB23" s="191">
        <v>6</v>
      </c>
      <c r="BC23" s="191">
        <v>4</v>
      </c>
      <c r="BD23" s="196">
        <v>41</v>
      </c>
      <c r="BE23" s="195">
        <v>41</v>
      </c>
      <c r="BF23" s="190">
        <v>0</v>
      </c>
      <c r="BG23" s="191">
        <v>1</v>
      </c>
      <c r="BH23" s="196">
        <v>1</v>
      </c>
      <c r="BI23" s="193">
        <v>0</v>
      </c>
      <c r="BJ23" s="191">
        <v>16</v>
      </c>
      <c r="BK23" s="191">
        <v>36</v>
      </c>
      <c r="BL23" s="191">
        <v>39</v>
      </c>
      <c r="BM23" s="191">
        <v>22</v>
      </c>
      <c r="BN23" s="191">
        <v>12</v>
      </c>
      <c r="BO23" s="194">
        <v>125</v>
      </c>
      <c r="BP23" s="195">
        <v>126</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2</v>
      </c>
      <c r="CV23" s="196">
        <v>2</v>
      </c>
      <c r="CW23" s="195">
        <v>2</v>
      </c>
    </row>
    <row r="24" spans="2:101" ht="21" customHeight="1" x14ac:dyDescent="0.2">
      <c r="B24" s="106" t="s">
        <v>22</v>
      </c>
      <c r="C24" s="190">
        <v>0</v>
      </c>
      <c r="D24" s="196">
        <v>0</v>
      </c>
      <c r="E24" s="207">
        <v>0</v>
      </c>
      <c r="F24" s="193">
        <v>0</v>
      </c>
      <c r="G24" s="191">
        <v>0</v>
      </c>
      <c r="H24" s="191">
        <v>5</v>
      </c>
      <c r="I24" s="191">
        <v>6</v>
      </c>
      <c r="J24" s="191">
        <v>4</v>
      </c>
      <c r="K24" s="191">
        <v>0</v>
      </c>
      <c r="L24" s="194">
        <v>15</v>
      </c>
      <c r="M24" s="195">
        <v>15</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136</v>
      </c>
      <c r="AD24" s="191">
        <v>108</v>
      </c>
      <c r="AE24" s="191">
        <v>43</v>
      </c>
      <c r="AF24" s="191">
        <v>25</v>
      </c>
      <c r="AG24" s="191">
        <v>5</v>
      </c>
      <c r="AH24" s="196">
        <v>317</v>
      </c>
      <c r="AI24" s="195">
        <v>317</v>
      </c>
      <c r="AJ24" s="190">
        <v>0</v>
      </c>
      <c r="AK24" s="191">
        <v>0</v>
      </c>
      <c r="AL24" s="196">
        <v>0</v>
      </c>
      <c r="AM24" s="193">
        <v>0</v>
      </c>
      <c r="AN24" s="191">
        <v>3</v>
      </c>
      <c r="AO24" s="191">
        <v>2</v>
      </c>
      <c r="AP24" s="191">
        <v>7</v>
      </c>
      <c r="AQ24" s="191">
        <v>4</v>
      </c>
      <c r="AR24" s="191">
        <v>1</v>
      </c>
      <c r="AS24" s="196">
        <v>17</v>
      </c>
      <c r="AT24" s="195">
        <v>17</v>
      </c>
      <c r="AU24" s="190">
        <v>3</v>
      </c>
      <c r="AV24" s="191">
        <v>6</v>
      </c>
      <c r="AW24" s="196">
        <v>9</v>
      </c>
      <c r="AX24" s="193">
        <v>0</v>
      </c>
      <c r="AY24" s="191">
        <v>21</v>
      </c>
      <c r="AZ24" s="191">
        <v>23</v>
      </c>
      <c r="BA24" s="191">
        <v>13</v>
      </c>
      <c r="BB24" s="191">
        <v>9</v>
      </c>
      <c r="BC24" s="191">
        <v>8</v>
      </c>
      <c r="BD24" s="196">
        <v>74</v>
      </c>
      <c r="BE24" s="195">
        <v>83</v>
      </c>
      <c r="BF24" s="190">
        <v>0</v>
      </c>
      <c r="BG24" s="191">
        <v>0</v>
      </c>
      <c r="BH24" s="196">
        <v>0</v>
      </c>
      <c r="BI24" s="193">
        <v>0</v>
      </c>
      <c r="BJ24" s="191">
        <v>9</v>
      </c>
      <c r="BK24" s="191">
        <v>17</v>
      </c>
      <c r="BL24" s="191">
        <v>16</v>
      </c>
      <c r="BM24" s="191">
        <v>13</v>
      </c>
      <c r="BN24" s="191">
        <v>6</v>
      </c>
      <c r="BO24" s="194">
        <v>61</v>
      </c>
      <c r="BP24" s="195">
        <v>61</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2</v>
      </c>
      <c r="CH24" s="191">
        <v>6</v>
      </c>
      <c r="CI24" s="191">
        <v>14</v>
      </c>
      <c r="CJ24" s="191">
        <v>8</v>
      </c>
      <c r="CK24" s="196">
        <v>30</v>
      </c>
      <c r="CL24" s="195">
        <v>30</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0</v>
      </c>
      <c r="J25" s="191">
        <v>1</v>
      </c>
      <c r="K25" s="191">
        <v>1</v>
      </c>
      <c r="L25" s="194">
        <v>2</v>
      </c>
      <c r="M25" s="195">
        <v>2</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69</v>
      </c>
      <c r="AD25" s="191">
        <v>60</v>
      </c>
      <c r="AE25" s="191">
        <v>25</v>
      </c>
      <c r="AF25" s="191">
        <v>18</v>
      </c>
      <c r="AG25" s="191">
        <v>7</v>
      </c>
      <c r="AH25" s="196">
        <v>179</v>
      </c>
      <c r="AI25" s="195">
        <v>179</v>
      </c>
      <c r="AJ25" s="190">
        <v>0</v>
      </c>
      <c r="AK25" s="191">
        <v>0</v>
      </c>
      <c r="AL25" s="196">
        <v>0</v>
      </c>
      <c r="AM25" s="193">
        <v>0</v>
      </c>
      <c r="AN25" s="191">
        <v>0</v>
      </c>
      <c r="AO25" s="191">
        <v>0</v>
      </c>
      <c r="AP25" s="191">
        <v>3</v>
      </c>
      <c r="AQ25" s="191">
        <v>1</v>
      </c>
      <c r="AR25" s="191">
        <v>0</v>
      </c>
      <c r="AS25" s="196">
        <v>4</v>
      </c>
      <c r="AT25" s="195">
        <v>4</v>
      </c>
      <c r="AU25" s="190">
        <v>0</v>
      </c>
      <c r="AV25" s="191">
        <v>0</v>
      </c>
      <c r="AW25" s="196">
        <v>0</v>
      </c>
      <c r="AX25" s="193">
        <v>0</v>
      </c>
      <c r="AY25" s="191">
        <v>5</v>
      </c>
      <c r="AZ25" s="191">
        <v>2</v>
      </c>
      <c r="BA25" s="191">
        <v>7</v>
      </c>
      <c r="BB25" s="191">
        <v>0</v>
      </c>
      <c r="BC25" s="191">
        <v>1</v>
      </c>
      <c r="BD25" s="196">
        <v>15</v>
      </c>
      <c r="BE25" s="195">
        <v>15</v>
      </c>
      <c r="BF25" s="190">
        <v>0</v>
      </c>
      <c r="BG25" s="191">
        <v>0</v>
      </c>
      <c r="BH25" s="196">
        <v>0</v>
      </c>
      <c r="BI25" s="193">
        <v>0</v>
      </c>
      <c r="BJ25" s="191">
        <v>36</v>
      </c>
      <c r="BK25" s="191">
        <v>21</v>
      </c>
      <c r="BL25" s="191">
        <v>24</v>
      </c>
      <c r="BM25" s="191">
        <v>21</v>
      </c>
      <c r="BN25" s="191">
        <v>10</v>
      </c>
      <c r="BO25" s="194">
        <v>112</v>
      </c>
      <c r="BP25" s="195">
        <v>112</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0</v>
      </c>
      <c r="CT25" s="191">
        <v>1</v>
      </c>
      <c r="CU25" s="191">
        <v>1</v>
      </c>
      <c r="CV25" s="196">
        <v>2</v>
      </c>
      <c r="CW25" s="195">
        <v>2</v>
      </c>
    </row>
    <row r="26" spans="2:101" ht="21" customHeight="1" x14ac:dyDescent="0.2">
      <c r="B26" s="106" t="s">
        <v>24</v>
      </c>
      <c r="C26" s="190">
        <v>0</v>
      </c>
      <c r="D26" s="196">
        <v>0</v>
      </c>
      <c r="E26" s="207">
        <v>0</v>
      </c>
      <c r="F26" s="193">
        <v>0</v>
      </c>
      <c r="G26" s="191">
        <v>0</v>
      </c>
      <c r="H26" s="191">
        <v>1</v>
      </c>
      <c r="I26" s="191">
        <v>2</v>
      </c>
      <c r="J26" s="191">
        <v>4</v>
      </c>
      <c r="K26" s="191">
        <v>1</v>
      </c>
      <c r="L26" s="194">
        <v>8</v>
      </c>
      <c r="M26" s="195">
        <v>8</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22</v>
      </c>
      <c r="AD26" s="191">
        <v>11</v>
      </c>
      <c r="AE26" s="191">
        <v>18</v>
      </c>
      <c r="AF26" s="191">
        <v>5</v>
      </c>
      <c r="AG26" s="191">
        <v>4</v>
      </c>
      <c r="AH26" s="196">
        <v>60</v>
      </c>
      <c r="AI26" s="195">
        <v>60</v>
      </c>
      <c r="AJ26" s="190">
        <v>0</v>
      </c>
      <c r="AK26" s="191">
        <v>0</v>
      </c>
      <c r="AL26" s="196">
        <v>0</v>
      </c>
      <c r="AM26" s="193">
        <v>0</v>
      </c>
      <c r="AN26" s="191">
        <v>5</v>
      </c>
      <c r="AO26" s="191">
        <v>4</v>
      </c>
      <c r="AP26" s="191">
        <v>2</v>
      </c>
      <c r="AQ26" s="191">
        <v>3</v>
      </c>
      <c r="AR26" s="191">
        <v>1</v>
      </c>
      <c r="AS26" s="196">
        <v>15</v>
      </c>
      <c r="AT26" s="195">
        <v>15</v>
      </c>
      <c r="AU26" s="190">
        <v>3</v>
      </c>
      <c r="AV26" s="191">
        <v>3</v>
      </c>
      <c r="AW26" s="196">
        <v>6</v>
      </c>
      <c r="AX26" s="193">
        <v>0</v>
      </c>
      <c r="AY26" s="191">
        <v>13</v>
      </c>
      <c r="AZ26" s="191">
        <v>13</v>
      </c>
      <c r="BA26" s="191">
        <v>3</v>
      </c>
      <c r="BB26" s="191">
        <v>3</v>
      </c>
      <c r="BC26" s="191">
        <v>0</v>
      </c>
      <c r="BD26" s="196">
        <v>32</v>
      </c>
      <c r="BE26" s="195">
        <v>38</v>
      </c>
      <c r="BF26" s="190">
        <v>0</v>
      </c>
      <c r="BG26" s="191">
        <v>0</v>
      </c>
      <c r="BH26" s="196">
        <v>0</v>
      </c>
      <c r="BI26" s="193">
        <v>0</v>
      </c>
      <c r="BJ26" s="191">
        <v>1</v>
      </c>
      <c r="BK26" s="191">
        <v>6</v>
      </c>
      <c r="BL26" s="191">
        <v>6</v>
      </c>
      <c r="BM26" s="191">
        <v>4</v>
      </c>
      <c r="BN26" s="191">
        <v>1</v>
      </c>
      <c r="BO26" s="194">
        <v>18</v>
      </c>
      <c r="BP26" s="195">
        <v>18</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77</v>
      </c>
      <c r="AD27" s="191">
        <v>43</v>
      </c>
      <c r="AE27" s="191">
        <v>15</v>
      </c>
      <c r="AF27" s="191">
        <v>6</v>
      </c>
      <c r="AG27" s="191">
        <v>0</v>
      </c>
      <c r="AH27" s="196">
        <v>141</v>
      </c>
      <c r="AI27" s="195">
        <v>141</v>
      </c>
      <c r="AJ27" s="190">
        <v>0</v>
      </c>
      <c r="AK27" s="191">
        <v>0</v>
      </c>
      <c r="AL27" s="196">
        <v>0</v>
      </c>
      <c r="AM27" s="193">
        <v>0</v>
      </c>
      <c r="AN27" s="191">
        <v>0</v>
      </c>
      <c r="AO27" s="191">
        <v>0</v>
      </c>
      <c r="AP27" s="191">
        <v>0</v>
      </c>
      <c r="AQ27" s="191">
        <v>0</v>
      </c>
      <c r="AR27" s="191">
        <v>0</v>
      </c>
      <c r="AS27" s="196">
        <v>0</v>
      </c>
      <c r="AT27" s="195">
        <v>0</v>
      </c>
      <c r="AU27" s="190">
        <v>0</v>
      </c>
      <c r="AV27" s="191">
        <v>3</v>
      </c>
      <c r="AW27" s="196">
        <v>3</v>
      </c>
      <c r="AX27" s="193">
        <v>0</v>
      </c>
      <c r="AY27" s="191">
        <v>7</v>
      </c>
      <c r="AZ27" s="191">
        <v>4</v>
      </c>
      <c r="BA27" s="191">
        <v>2</v>
      </c>
      <c r="BB27" s="191">
        <v>3</v>
      </c>
      <c r="BC27" s="191">
        <v>1</v>
      </c>
      <c r="BD27" s="196">
        <v>17</v>
      </c>
      <c r="BE27" s="195">
        <v>20</v>
      </c>
      <c r="BF27" s="190">
        <v>0</v>
      </c>
      <c r="BG27" s="191">
        <v>0</v>
      </c>
      <c r="BH27" s="196">
        <v>0</v>
      </c>
      <c r="BI27" s="193">
        <v>0</v>
      </c>
      <c r="BJ27" s="191">
        <v>11</v>
      </c>
      <c r="BK27" s="191">
        <v>5</v>
      </c>
      <c r="BL27" s="191">
        <v>12</v>
      </c>
      <c r="BM27" s="191">
        <v>6</v>
      </c>
      <c r="BN27" s="191">
        <v>2</v>
      </c>
      <c r="BO27" s="194">
        <v>36</v>
      </c>
      <c r="BP27" s="195">
        <v>36</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51</v>
      </c>
      <c r="AD28" s="191">
        <v>50</v>
      </c>
      <c r="AE28" s="191">
        <v>26</v>
      </c>
      <c r="AF28" s="191">
        <v>10</v>
      </c>
      <c r="AG28" s="191">
        <v>6</v>
      </c>
      <c r="AH28" s="196">
        <v>143</v>
      </c>
      <c r="AI28" s="195">
        <v>143</v>
      </c>
      <c r="AJ28" s="190">
        <v>0</v>
      </c>
      <c r="AK28" s="191">
        <v>0</v>
      </c>
      <c r="AL28" s="196">
        <v>0</v>
      </c>
      <c r="AM28" s="193">
        <v>0</v>
      </c>
      <c r="AN28" s="191">
        <v>0</v>
      </c>
      <c r="AO28" s="191">
        <v>0</v>
      </c>
      <c r="AP28" s="191">
        <v>0</v>
      </c>
      <c r="AQ28" s="191">
        <v>0</v>
      </c>
      <c r="AR28" s="191">
        <v>0</v>
      </c>
      <c r="AS28" s="196">
        <v>0</v>
      </c>
      <c r="AT28" s="195">
        <v>0</v>
      </c>
      <c r="AU28" s="190">
        <v>1</v>
      </c>
      <c r="AV28" s="191">
        <v>0</v>
      </c>
      <c r="AW28" s="196">
        <v>1</v>
      </c>
      <c r="AX28" s="193">
        <v>0</v>
      </c>
      <c r="AY28" s="191">
        <v>5</v>
      </c>
      <c r="AZ28" s="191">
        <v>6</v>
      </c>
      <c r="BA28" s="191">
        <v>6</v>
      </c>
      <c r="BB28" s="191">
        <v>2</v>
      </c>
      <c r="BC28" s="191">
        <v>2</v>
      </c>
      <c r="BD28" s="196">
        <v>21</v>
      </c>
      <c r="BE28" s="195">
        <v>22</v>
      </c>
      <c r="BF28" s="190">
        <v>0</v>
      </c>
      <c r="BG28" s="191">
        <v>0</v>
      </c>
      <c r="BH28" s="196">
        <v>0</v>
      </c>
      <c r="BI28" s="193">
        <v>0</v>
      </c>
      <c r="BJ28" s="191">
        <v>5</v>
      </c>
      <c r="BK28" s="191">
        <v>14</v>
      </c>
      <c r="BL28" s="191">
        <v>23</v>
      </c>
      <c r="BM28" s="191">
        <v>12</v>
      </c>
      <c r="BN28" s="191">
        <v>4</v>
      </c>
      <c r="BO28" s="194">
        <v>58</v>
      </c>
      <c r="BP28" s="195">
        <v>58</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1</v>
      </c>
      <c r="J29" s="191">
        <v>0</v>
      </c>
      <c r="K29" s="191">
        <v>0</v>
      </c>
      <c r="L29" s="194">
        <v>1</v>
      </c>
      <c r="M29" s="195">
        <v>1</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36</v>
      </c>
      <c r="AD29" s="191">
        <v>18</v>
      </c>
      <c r="AE29" s="191">
        <v>10</v>
      </c>
      <c r="AF29" s="191">
        <v>3</v>
      </c>
      <c r="AG29" s="191">
        <v>1</v>
      </c>
      <c r="AH29" s="196">
        <v>68</v>
      </c>
      <c r="AI29" s="195">
        <v>68</v>
      </c>
      <c r="AJ29" s="190">
        <v>0</v>
      </c>
      <c r="AK29" s="191">
        <v>0</v>
      </c>
      <c r="AL29" s="196">
        <v>0</v>
      </c>
      <c r="AM29" s="193">
        <v>0</v>
      </c>
      <c r="AN29" s="191">
        <v>2</v>
      </c>
      <c r="AO29" s="191">
        <v>2</v>
      </c>
      <c r="AP29" s="191">
        <v>3</v>
      </c>
      <c r="AQ29" s="191">
        <v>1</v>
      </c>
      <c r="AR29" s="191">
        <v>0</v>
      </c>
      <c r="AS29" s="196">
        <v>8</v>
      </c>
      <c r="AT29" s="195">
        <v>8</v>
      </c>
      <c r="AU29" s="190">
        <v>0</v>
      </c>
      <c r="AV29" s="191">
        <v>1</v>
      </c>
      <c r="AW29" s="196">
        <v>1</v>
      </c>
      <c r="AX29" s="193">
        <v>0</v>
      </c>
      <c r="AY29" s="191">
        <v>14</v>
      </c>
      <c r="AZ29" s="191">
        <v>7</v>
      </c>
      <c r="BA29" s="191">
        <v>5</v>
      </c>
      <c r="BB29" s="191">
        <v>2</v>
      </c>
      <c r="BC29" s="191">
        <v>1</v>
      </c>
      <c r="BD29" s="196">
        <v>29</v>
      </c>
      <c r="BE29" s="195">
        <v>30</v>
      </c>
      <c r="BF29" s="190">
        <v>0</v>
      </c>
      <c r="BG29" s="191">
        <v>0</v>
      </c>
      <c r="BH29" s="196">
        <v>0</v>
      </c>
      <c r="BI29" s="193">
        <v>0</v>
      </c>
      <c r="BJ29" s="191">
        <v>5</v>
      </c>
      <c r="BK29" s="191">
        <v>9</v>
      </c>
      <c r="BL29" s="191">
        <v>9</v>
      </c>
      <c r="BM29" s="191">
        <v>5</v>
      </c>
      <c r="BN29" s="191">
        <v>3</v>
      </c>
      <c r="BO29" s="194">
        <v>31</v>
      </c>
      <c r="BP29" s="195">
        <v>31</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7</v>
      </c>
      <c r="CI29" s="191">
        <v>8</v>
      </c>
      <c r="CJ29" s="191">
        <v>6</v>
      </c>
      <c r="CK29" s="196">
        <v>21</v>
      </c>
      <c r="CL29" s="195">
        <v>21</v>
      </c>
      <c r="CM29" s="190">
        <v>0</v>
      </c>
      <c r="CN29" s="191">
        <v>0</v>
      </c>
      <c r="CO29" s="196">
        <v>0</v>
      </c>
      <c r="CP29" s="193">
        <v>0</v>
      </c>
      <c r="CQ29" s="191">
        <v>4</v>
      </c>
      <c r="CR29" s="191">
        <v>2</v>
      </c>
      <c r="CS29" s="191">
        <v>2</v>
      </c>
      <c r="CT29" s="191">
        <v>0</v>
      </c>
      <c r="CU29" s="191">
        <v>1</v>
      </c>
      <c r="CV29" s="196">
        <v>9</v>
      </c>
      <c r="CW29" s="195">
        <v>9</v>
      </c>
    </row>
    <row r="30" spans="2:101" ht="21" customHeight="1" x14ac:dyDescent="0.2">
      <c r="B30" s="106" t="s">
        <v>28</v>
      </c>
      <c r="C30" s="190">
        <v>0</v>
      </c>
      <c r="D30" s="196">
        <v>0</v>
      </c>
      <c r="E30" s="207">
        <v>0</v>
      </c>
      <c r="F30" s="193">
        <v>0</v>
      </c>
      <c r="G30" s="191">
        <v>0</v>
      </c>
      <c r="H30" s="191">
        <v>0</v>
      </c>
      <c r="I30" s="191">
        <v>0</v>
      </c>
      <c r="J30" s="191">
        <v>0</v>
      </c>
      <c r="K30" s="191">
        <v>1</v>
      </c>
      <c r="L30" s="194">
        <v>1</v>
      </c>
      <c r="M30" s="195">
        <v>1</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27</v>
      </c>
      <c r="AD30" s="191">
        <v>14</v>
      </c>
      <c r="AE30" s="191">
        <v>3</v>
      </c>
      <c r="AF30" s="191">
        <v>1</v>
      </c>
      <c r="AG30" s="191">
        <v>1</v>
      </c>
      <c r="AH30" s="196">
        <v>46</v>
      </c>
      <c r="AI30" s="195">
        <v>46</v>
      </c>
      <c r="AJ30" s="190">
        <v>0</v>
      </c>
      <c r="AK30" s="191">
        <v>0</v>
      </c>
      <c r="AL30" s="196">
        <v>0</v>
      </c>
      <c r="AM30" s="193">
        <v>0</v>
      </c>
      <c r="AN30" s="191">
        <v>4</v>
      </c>
      <c r="AO30" s="191">
        <v>3</v>
      </c>
      <c r="AP30" s="191">
        <v>2</v>
      </c>
      <c r="AQ30" s="191">
        <v>1</v>
      </c>
      <c r="AR30" s="191">
        <v>0</v>
      </c>
      <c r="AS30" s="196">
        <v>10</v>
      </c>
      <c r="AT30" s="195">
        <v>10</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2</v>
      </c>
      <c r="BK30" s="191">
        <v>5</v>
      </c>
      <c r="BL30" s="191">
        <v>2</v>
      </c>
      <c r="BM30" s="191">
        <v>3</v>
      </c>
      <c r="BN30" s="191">
        <v>4</v>
      </c>
      <c r="BO30" s="194">
        <v>16</v>
      </c>
      <c r="BP30" s="195">
        <v>16</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1</v>
      </c>
      <c r="CJ30" s="191">
        <v>0</v>
      </c>
      <c r="CK30" s="196">
        <v>1</v>
      </c>
      <c r="CL30" s="195">
        <v>1</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2</v>
      </c>
      <c r="H31" s="191">
        <v>0</v>
      </c>
      <c r="I31" s="191">
        <v>1</v>
      </c>
      <c r="J31" s="191">
        <v>0</v>
      </c>
      <c r="K31" s="191">
        <v>0</v>
      </c>
      <c r="L31" s="194">
        <v>3</v>
      </c>
      <c r="M31" s="195">
        <v>3</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11</v>
      </c>
      <c r="AD31" s="191">
        <v>19</v>
      </c>
      <c r="AE31" s="191">
        <v>9</v>
      </c>
      <c r="AF31" s="191">
        <v>3</v>
      </c>
      <c r="AG31" s="191">
        <v>0</v>
      </c>
      <c r="AH31" s="196">
        <v>42</v>
      </c>
      <c r="AI31" s="195">
        <v>42</v>
      </c>
      <c r="AJ31" s="190">
        <v>0</v>
      </c>
      <c r="AK31" s="191">
        <v>0</v>
      </c>
      <c r="AL31" s="196">
        <v>0</v>
      </c>
      <c r="AM31" s="193">
        <v>0</v>
      </c>
      <c r="AN31" s="191">
        <v>2</v>
      </c>
      <c r="AO31" s="191">
        <v>1</v>
      </c>
      <c r="AP31" s="191">
        <v>0</v>
      </c>
      <c r="AQ31" s="191">
        <v>0</v>
      </c>
      <c r="AR31" s="191">
        <v>0</v>
      </c>
      <c r="AS31" s="196">
        <v>3</v>
      </c>
      <c r="AT31" s="195">
        <v>3</v>
      </c>
      <c r="AU31" s="190">
        <v>0</v>
      </c>
      <c r="AV31" s="191">
        <v>1</v>
      </c>
      <c r="AW31" s="196">
        <v>1</v>
      </c>
      <c r="AX31" s="193">
        <v>0</v>
      </c>
      <c r="AY31" s="191">
        <v>4</v>
      </c>
      <c r="AZ31" s="191">
        <v>6</v>
      </c>
      <c r="BA31" s="191">
        <v>3</v>
      </c>
      <c r="BB31" s="191">
        <v>6</v>
      </c>
      <c r="BC31" s="191">
        <v>2</v>
      </c>
      <c r="BD31" s="196">
        <v>21</v>
      </c>
      <c r="BE31" s="195">
        <v>22</v>
      </c>
      <c r="BF31" s="190">
        <v>0</v>
      </c>
      <c r="BG31" s="191">
        <v>0</v>
      </c>
      <c r="BH31" s="196">
        <v>0</v>
      </c>
      <c r="BI31" s="193">
        <v>0</v>
      </c>
      <c r="BJ31" s="191">
        <v>6</v>
      </c>
      <c r="BK31" s="191">
        <v>11</v>
      </c>
      <c r="BL31" s="191">
        <v>11</v>
      </c>
      <c r="BM31" s="191">
        <v>1</v>
      </c>
      <c r="BN31" s="191">
        <v>1</v>
      </c>
      <c r="BO31" s="194">
        <v>30</v>
      </c>
      <c r="BP31" s="195">
        <v>3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13</v>
      </c>
      <c r="CI31" s="191">
        <v>7</v>
      </c>
      <c r="CJ31" s="191">
        <v>7</v>
      </c>
      <c r="CK31" s="196">
        <v>27</v>
      </c>
      <c r="CL31" s="195">
        <v>27</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2</v>
      </c>
      <c r="I32" s="191">
        <v>2</v>
      </c>
      <c r="J32" s="191">
        <v>0</v>
      </c>
      <c r="K32" s="191">
        <v>0</v>
      </c>
      <c r="L32" s="194">
        <v>4</v>
      </c>
      <c r="M32" s="195">
        <v>4</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24</v>
      </c>
      <c r="AD32" s="191">
        <v>13</v>
      </c>
      <c r="AE32" s="191">
        <v>7</v>
      </c>
      <c r="AF32" s="191">
        <v>2</v>
      </c>
      <c r="AG32" s="191">
        <v>2</v>
      </c>
      <c r="AH32" s="196">
        <v>48</v>
      </c>
      <c r="AI32" s="195">
        <v>48</v>
      </c>
      <c r="AJ32" s="190">
        <v>0</v>
      </c>
      <c r="AK32" s="191">
        <v>0</v>
      </c>
      <c r="AL32" s="196">
        <v>0</v>
      </c>
      <c r="AM32" s="193">
        <v>0</v>
      </c>
      <c r="AN32" s="191">
        <v>1</v>
      </c>
      <c r="AO32" s="191">
        <v>1</v>
      </c>
      <c r="AP32" s="191">
        <v>0</v>
      </c>
      <c r="AQ32" s="191">
        <v>0</v>
      </c>
      <c r="AR32" s="191">
        <v>0</v>
      </c>
      <c r="AS32" s="196">
        <v>2</v>
      </c>
      <c r="AT32" s="195">
        <v>2</v>
      </c>
      <c r="AU32" s="190">
        <v>0</v>
      </c>
      <c r="AV32" s="191">
        <v>0</v>
      </c>
      <c r="AW32" s="196">
        <v>0</v>
      </c>
      <c r="AX32" s="193">
        <v>0</v>
      </c>
      <c r="AY32" s="191">
        <v>0</v>
      </c>
      <c r="AZ32" s="191">
        <v>0</v>
      </c>
      <c r="BA32" s="191">
        <v>1</v>
      </c>
      <c r="BB32" s="191">
        <v>0</v>
      </c>
      <c r="BC32" s="191">
        <v>0</v>
      </c>
      <c r="BD32" s="196">
        <v>1</v>
      </c>
      <c r="BE32" s="195">
        <v>1</v>
      </c>
      <c r="BF32" s="190">
        <v>0</v>
      </c>
      <c r="BG32" s="191">
        <v>0</v>
      </c>
      <c r="BH32" s="196">
        <v>0</v>
      </c>
      <c r="BI32" s="193">
        <v>0</v>
      </c>
      <c r="BJ32" s="191">
        <v>5</v>
      </c>
      <c r="BK32" s="191">
        <v>4</v>
      </c>
      <c r="BL32" s="191">
        <v>2</v>
      </c>
      <c r="BM32" s="191">
        <v>5</v>
      </c>
      <c r="BN32" s="191">
        <v>1</v>
      </c>
      <c r="BO32" s="194">
        <v>17</v>
      </c>
      <c r="BP32" s="195">
        <v>17</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1</v>
      </c>
      <c r="I33" s="191">
        <v>1</v>
      </c>
      <c r="J33" s="191">
        <v>0</v>
      </c>
      <c r="K33" s="191">
        <v>0</v>
      </c>
      <c r="L33" s="194">
        <v>2</v>
      </c>
      <c r="M33" s="195">
        <v>2</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27</v>
      </c>
      <c r="AD33" s="191">
        <v>19</v>
      </c>
      <c r="AE33" s="191">
        <v>6</v>
      </c>
      <c r="AF33" s="191">
        <v>1</v>
      </c>
      <c r="AG33" s="191">
        <v>0</v>
      </c>
      <c r="AH33" s="196">
        <v>53</v>
      </c>
      <c r="AI33" s="195">
        <v>53</v>
      </c>
      <c r="AJ33" s="190">
        <v>0</v>
      </c>
      <c r="AK33" s="191">
        <v>0</v>
      </c>
      <c r="AL33" s="196">
        <v>0</v>
      </c>
      <c r="AM33" s="193">
        <v>0</v>
      </c>
      <c r="AN33" s="191">
        <v>0</v>
      </c>
      <c r="AO33" s="191">
        <v>1</v>
      </c>
      <c r="AP33" s="191">
        <v>1</v>
      </c>
      <c r="AQ33" s="191">
        <v>1</v>
      </c>
      <c r="AR33" s="191">
        <v>0</v>
      </c>
      <c r="AS33" s="196">
        <v>3</v>
      </c>
      <c r="AT33" s="195">
        <v>3</v>
      </c>
      <c r="AU33" s="190">
        <v>0</v>
      </c>
      <c r="AV33" s="191">
        <v>0</v>
      </c>
      <c r="AW33" s="196">
        <v>0</v>
      </c>
      <c r="AX33" s="193">
        <v>0</v>
      </c>
      <c r="AY33" s="191">
        <v>7</v>
      </c>
      <c r="AZ33" s="191">
        <v>5</v>
      </c>
      <c r="BA33" s="191">
        <v>5</v>
      </c>
      <c r="BB33" s="191">
        <v>2</v>
      </c>
      <c r="BC33" s="191">
        <v>0</v>
      </c>
      <c r="BD33" s="196">
        <v>19</v>
      </c>
      <c r="BE33" s="195">
        <v>19</v>
      </c>
      <c r="BF33" s="190">
        <v>0</v>
      </c>
      <c r="BG33" s="191">
        <v>0</v>
      </c>
      <c r="BH33" s="196">
        <v>0</v>
      </c>
      <c r="BI33" s="193">
        <v>0</v>
      </c>
      <c r="BJ33" s="191">
        <v>7</v>
      </c>
      <c r="BK33" s="191">
        <v>10</v>
      </c>
      <c r="BL33" s="191">
        <v>11</v>
      </c>
      <c r="BM33" s="191">
        <v>9</v>
      </c>
      <c r="BN33" s="191">
        <v>5</v>
      </c>
      <c r="BO33" s="194">
        <v>42</v>
      </c>
      <c r="BP33" s="195">
        <v>42</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1</v>
      </c>
      <c r="CJ33" s="191">
        <v>0</v>
      </c>
      <c r="CK33" s="196">
        <v>1</v>
      </c>
      <c r="CL33" s="195">
        <v>1</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1</v>
      </c>
      <c r="H34" s="191">
        <v>4</v>
      </c>
      <c r="I34" s="191">
        <v>1</v>
      </c>
      <c r="J34" s="191">
        <v>2</v>
      </c>
      <c r="K34" s="191">
        <v>0</v>
      </c>
      <c r="L34" s="194">
        <v>8</v>
      </c>
      <c r="M34" s="195">
        <v>8</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50</v>
      </c>
      <c r="AD34" s="191">
        <v>31</v>
      </c>
      <c r="AE34" s="191">
        <v>10</v>
      </c>
      <c r="AF34" s="191">
        <v>3</v>
      </c>
      <c r="AG34" s="191">
        <v>2</v>
      </c>
      <c r="AH34" s="196">
        <v>96</v>
      </c>
      <c r="AI34" s="195">
        <v>96</v>
      </c>
      <c r="AJ34" s="190">
        <v>0</v>
      </c>
      <c r="AK34" s="191">
        <v>0</v>
      </c>
      <c r="AL34" s="196">
        <v>0</v>
      </c>
      <c r="AM34" s="193">
        <v>0</v>
      </c>
      <c r="AN34" s="191">
        <v>5</v>
      </c>
      <c r="AO34" s="191">
        <v>1</v>
      </c>
      <c r="AP34" s="191">
        <v>2</v>
      </c>
      <c r="AQ34" s="191">
        <v>0</v>
      </c>
      <c r="AR34" s="191">
        <v>1</v>
      </c>
      <c r="AS34" s="196">
        <v>9</v>
      </c>
      <c r="AT34" s="195">
        <v>9</v>
      </c>
      <c r="AU34" s="190">
        <v>0</v>
      </c>
      <c r="AV34" s="191">
        <v>3</v>
      </c>
      <c r="AW34" s="196">
        <v>3</v>
      </c>
      <c r="AX34" s="193">
        <v>0</v>
      </c>
      <c r="AY34" s="191">
        <v>9</v>
      </c>
      <c r="AZ34" s="191">
        <v>3</v>
      </c>
      <c r="BA34" s="191">
        <v>3</v>
      </c>
      <c r="BB34" s="191">
        <v>4</v>
      </c>
      <c r="BC34" s="191">
        <v>0</v>
      </c>
      <c r="BD34" s="196">
        <v>19</v>
      </c>
      <c r="BE34" s="195">
        <v>22</v>
      </c>
      <c r="BF34" s="190">
        <v>0</v>
      </c>
      <c r="BG34" s="191">
        <v>1</v>
      </c>
      <c r="BH34" s="196">
        <v>1</v>
      </c>
      <c r="BI34" s="193">
        <v>0</v>
      </c>
      <c r="BJ34" s="191">
        <v>2</v>
      </c>
      <c r="BK34" s="191">
        <v>5</v>
      </c>
      <c r="BL34" s="191">
        <v>7</v>
      </c>
      <c r="BM34" s="191">
        <v>9</v>
      </c>
      <c r="BN34" s="191">
        <v>4</v>
      </c>
      <c r="BO34" s="194">
        <v>27</v>
      </c>
      <c r="BP34" s="195">
        <v>28</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1</v>
      </c>
      <c r="CG34" s="191">
        <v>0</v>
      </c>
      <c r="CH34" s="191">
        <v>13</v>
      </c>
      <c r="CI34" s="191">
        <v>7</v>
      </c>
      <c r="CJ34" s="191">
        <v>5</v>
      </c>
      <c r="CK34" s="196">
        <v>26</v>
      </c>
      <c r="CL34" s="195">
        <v>26</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25</v>
      </c>
      <c r="AD35" s="191">
        <v>11</v>
      </c>
      <c r="AE35" s="191">
        <v>2</v>
      </c>
      <c r="AF35" s="191">
        <v>2</v>
      </c>
      <c r="AG35" s="191">
        <v>2</v>
      </c>
      <c r="AH35" s="196">
        <v>42</v>
      </c>
      <c r="AI35" s="195">
        <v>42</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1</v>
      </c>
      <c r="BH35" s="196">
        <v>1</v>
      </c>
      <c r="BI35" s="193">
        <v>0</v>
      </c>
      <c r="BJ35" s="191">
        <v>3</v>
      </c>
      <c r="BK35" s="191">
        <v>2</v>
      </c>
      <c r="BL35" s="191">
        <v>9</v>
      </c>
      <c r="BM35" s="191">
        <v>2</v>
      </c>
      <c r="BN35" s="191">
        <v>1</v>
      </c>
      <c r="BO35" s="194">
        <v>17</v>
      </c>
      <c r="BP35" s="195">
        <v>18</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1</v>
      </c>
      <c r="CU35" s="191">
        <v>0</v>
      </c>
      <c r="CV35" s="196">
        <v>1</v>
      </c>
      <c r="CW35" s="195">
        <v>1</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14</v>
      </c>
      <c r="AD36" s="191">
        <v>3</v>
      </c>
      <c r="AE36" s="191">
        <v>2</v>
      </c>
      <c r="AF36" s="191">
        <v>1</v>
      </c>
      <c r="AG36" s="191">
        <v>0</v>
      </c>
      <c r="AH36" s="196">
        <v>20</v>
      </c>
      <c r="AI36" s="195">
        <v>20</v>
      </c>
      <c r="AJ36" s="190">
        <v>0</v>
      </c>
      <c r="AK36" s="191">
        <v>0</v>
      </c>
      <c r="AL36" s="196">
        <v>0</v>
      </c>
      <c r="AM36" s="193">
        <v>0</v>
      </c>
      <c r="AN36" s="191">
        <v>0</v>
      </c>
      <c r="AO36" s="191">
        <v>0</v>
      </c>
      <c r="AP36" s="191">
        <v>0</v>
      </c>
      <c r="AQ36" s="191">
        <v>0</v>
      </c>
      <c r="AR36" s="191">
        <v>1</v>
      </c>
      <c r="AS36" s="196">
        <v>1</v>
      </c>
      <c r="AT36" s="195">
        <v>1</v>
      </c>
      <c r="AU36" s="190">
        <v>1</v>
      </c>
      <c r="AV36" s="191">
        <v>2</v>
      </c>
      <c r="AW36" s="196">
        <v>3</v>
      </c>
      <c r="AX36" s="193">
        <v>0</v>
      </c>
      <c r="AY36" s="191">
        <v>8</v>
      </c>
      <c r="AZ36" s="191">
        <v>6</v>
      </c>
      <c r="BA36" s="191">
        <v>3</v>
      </c>
      <c r="BB36" s="191">
        <v>3</v>
      </c>
      <c r="BC36" s="191">
        <v>0</v>
      </c>
      <c r="BD36" s="196">
        <v>20</v>
      </c>
      <c r="BE36" s="195">
        <v>23</v>
      </c>
      <c r="BF36" s="190">
        <v>0</v>
      </c>
      <c r="BG36" s="191">
        <v>0</v>
      </c>
      <c r="BH36" s="196">
        <v>0</v>
      </c>
      <c r="BI36" s="193">
        <v>0</v>
      </c>
      <c r="BJ36" s="191">
        <v>8</v>
      </c>
      <c r="BK36" s="191">
        <v>5</v>
      </c>
      <c r="BL36" s="191">
        <v>0</v>
      </c>
      <c r="BM36" s="191">
        <v>4</v>
      </c>
      <c r="BN36" s="191">
        <v>2</v>
      </c>
      <c r="BO36" s="194">
        <v>19</v>
      </c>
      <c r="BP36" s="195">
        <v>19</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11</v>
      </c>
      <c r="CR36" s="191">
        <v>6</v>
      </c>
      <c r="CS36" s="191">
        <v>5</v>
      </c>
      <c r="CT36" s="191">
        <v>2</v>
      </c>
      <c r="CU36" s="191">
        <v>2</v>
      </c>
      <c r="CV36" s="196">
        <v>26</v>
      </c>
      <c r="CW36" s="195">
        <v>26</v>
      </c>
    </row>
    <row r="37" spans="2:101" ht="21" customHeight="1" x14ac:dyDescent="0.2">
      <c r="B37" s="106" t="s">
        <v>35</v>
      </c>
      <c r="C37" s="190">
        <v>0</v>
      </c>
      <c r="D37" s="196">
        <v>0</v>
      </c>
      <c r="E37" s="207">
        <v>0</v>
      </c>
      <c r="F37" s="193">
        <v>0</v>
      </c>
      <c r="G37" s="191">
        <v>1</v>
      </c>
      <c r="H37" s="191">
        <v>1</v>
      </c>
      <c r="I37" s="191">
        <v>2</v>
      </c>
      <c r="J37" s="191">
        <v>0</v>
      </c>
      <c r="K37" s="191">
        <v>1</v>
      </c>
      <c r="L37" s="194">
        <v>5</v>
      </c>
      <c r="M37" s="195">
        <v>5</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18</v>
      </c>
      <c r="AD37" s="191">
        <v>7</v>
      </c>
      <c r="AE37" s="191">
        <v>10</v>
      </c>
      <c r="AF37" s="191">
        <v>12</v>
      </c>
      <c r="AG37" s="191">
        <v>2</v>
      </c>
      <c r="AH37" s="196">
        <v>49</v>
      </c>
      <c r="AI37" s="195">
        <v>49</v>
      </c>
      <c r="AJ37" s="190">
        <v>0</v>
      </c>
      <c r="AK37" s="191">
        <v>0</v>
      </c>
      <c r="AL37" s="196">
        <v>0</v>
      </c>
      <c r="AM37" s="193">
        <v>0</v>
      </c>
      <c r="AN37" s="191">
        <v>0</v>
      </c>
      <c r="AO37" s="191">
        <v>0</v>
      </c>
      <c r="AP37" s="191">
        <v>0</v>
      </c>
      <c r="AQ37" s="191">
        <v>0</v>
      </c>
      <c r="AR37" s="191">
        <v>0</v>
      </c>
      <c r="AS37" s="196">
        <v>0</v>
      </c>
      <c r="AT37" s="195">
        <v>0</v>
      </c>
      <c r="AU37" s="190">
        <v>3</v>
      </c>
      <c r="AV37" s="191">
        <v>3</v>
      </c>
      <c r="AW37" s="196">
        <v>6</v>
      </c>
      <c r="AX37" s="193">
        <v>0</v>
      </c>
      <c r="AY37" s="191">
        <v>8</v>
      </c>
      <c r="AZ37" s="191">
        <v>5</v>
      </c>
      <c r="BA37" s="191">
        <v>11</v>
      </c>
      <c r="BB37" s="191">
        <v>3</v>
      </c>
      <c r="BC37" s="191">
        <v>3</v>
      </c>
      <c r="BD37" s="196">
        <v>30</v>
      </c>
      <c r="BE37" s="195">
        <v>36</v>
      </c>
      <c r="BF37" s="190">
        <v>0</v>
      </c>
      <c r="BG37" s="191">
        <v>0</v>
      </c>
      <c r="BH37" s="196">
        <v>0</v>
      </c>
      <c r="BI37" s="193">
        <v>0</v>
      </c>
      <c r="BJ37" s="191">
        <v>17</v>
      </c>
      <c r="BK37" s="191">
        <v>13</v>
      </c>
      <c r="BL37" s="191">
        <v>14</v>
      </c>
      <c r="BM37" s="191">
        <v>10</v>
      </c>
      <c r="BN37" s="191">
        <v>6</v>
      </c>
      <c r="BO37" s="194">
        <v>60</v>
      </c>
      <c r="BP37" s="195">
        <v>60</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1</v>
      </c>
      <c r="I38" s="191">
        <v>1</v>
      </c>
      <c r="J38" s="191">
        <v>0</v>
      </c>
      <c r="K38" s="191">
        <v>0</v>
      </c>
      <c r="L38" s="194">
        <v>2</v>
      </c>
      <c r="M38" s="195">
        <v>2</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78</v>
      </c>
      <c r="AD38" s="191">
        <v>47</v>
      </c>
      <c r="AE38" s="191">
        <v>36</v>
      </c>
      <c r="AF38" s="191">
        <v>14</v>
      </c>
      <c r="AG38" s="191">
        <v>16</v>
      </c>
      <c r="AH38" s="196">
        <v>191</v>
      </c>
      <c r="AI38" s="195">
        <v>191</v>
      </c>
      <c r="AJ38" s="190">
        <v>0</v>
      </c>
      <c r="AK38" s="191">
        <v>0</v>
      </c>
      <c r="AL38" s="196">
        <v>0</v>
      </c>
      <c r="AM38" s="193">
        <v>0</v>
      </c>
      <c r="AN38" s="191">
        <v>0</v>
      </c>
      <c r="AO38" s="191">
        <v>0</v>
      </c>
      <c r="AP38" s="191">
        <v>0</v>
      </c>
      <c r="AQ38" s="191">
        <v>0</v>
      </c>
      <c r="AR38" s="191">
        <v>0</v>
      </c>
      <c r="AS38" s="196">
        <v>0</v>
      </c>
      <c r="AT38" s="195">
        <v>0</v>
      </c>
      <c r="AU38" s="190">
        <v>0</v>
      </c>
      <c r="AV38" s="191">
        <v>0</v>
      </c>
      <c r="AW38" s="196">
        <v>0</v>
      </c>
      <c r="AX38" s="193">
        <v>0</v>
      </c>
      <c r="AY38" s="191">
        <v>17</v>
      </c>
      <c r="AZ38" s="191">
        <v>15</v>
      </c>
      <c r="BA38" s="191">
        <v>7</v>
      </c>
      <c r="BB38" s="191">
        <v>2</v>
      </c>
      <c r="BC38" s="191">
        <v>2</v>
      </c>
      <c r="BD38" s="196">
        <v>43</v>
      </c>
      <c r="BE38" s="195">
        <v>43</v>
      </c>
      <c r="BF38" s="190">
        <v>0</v>
      </c>
      <c r="BG38" s="191">
        <v>0</v>
      </c>
      <c r="BH38" s="196">
        <v>0</v>
      </c>
      <c r="BI38" s="193">
        <v>0</v>
      </c>
      <c r="BJ38" s="191">
        <v>5</v>
      </c>
      <c r="BK38" s="191">
        <v>22</v>
      </c>
      <c r="BL38" s="191">
        <v>12</v>
      </c>
      <c r="BM38" s="191">
        <v>9</v>
      </c>
      <c r="BN38" s="191">
        <v>5</v>
      </c>
      <c r="BO38" s="194">
        <v>53</v>
      </c>
      <c r="BP38" s="195">
        <v>53</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row>
    <row r="39" spans="2:101" ht="21" customHeight="1" thickBot="1" x14ac:dyDescent="0.25">
      <c r="B39" s="108" t="s">
        <v>37</v>
      </c>
      <c r="C39" s="197">
        <v>0</v>
      </c>
      <c r="D39" s="203">
        <v>0</v>
      </c>
      <c r="E39" s="208">
        <v>0</v>
      </c>
      <c r="F39" s="200">
        <v>0</v>
      </c>
      <c r="G39" s="198">
        <v>0</v>
      </c>
      <c r="H39" s="198">
        <v>0</v>
      </c>
      <c r="I39" s="198">
        <v>0</v>
      </c>
      <c r="J39" s="198">
        <v>1</v>
      </c>
      <c r="K39" s="198">
        <v>0</v>
      </c>
      <c r="L39" s="201">
        <v>1</v>
      </c>
      <c r="M39" s="202">
        <v>1</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11</v>
      </c>
      <c r="AD39" s="198">
        <v>7</v>
      </c>
      <c r="AE39" s="198">
        <v>6</v>
      </c>
      <c r="AF39" s="198">
        <v>1</v>
      </c>
      <c r="AG39" s="198">
        <v>1</v>
      </c>
      <c r="AH39" s="203">
        <v>26</v>
      </c>
      <c r="AI39" s="202">
        <v>26</v>
      </c>
      <c r="AJ39" s="197">
        <v>0</v>
      </c>
      <c r="AK39" s="198">
        <v>0</v>
      </c>
      <c r="AL39" s="203">
        <v>0</v>
      </c>
      <c r="AM39" s="200">
        <v>0</v>
      </c>
      <c r="AN39" s="198">
        <v>1</v>
      </c>
      <c r="AO39" s="198">
        <v>0</v>
      </c>
      <c r="AP39" s="198">
        <v>0</v>
      </c>
      <c r="AQ39" s="198">
        <v>0</v>
      </c>
      <c r="AR39" s="198">
        <v>0</v>
      </c>
      <c r="AS39" s="203">
        <v>1</v>
      </c>
      <c r="AT39" s="202">
        <v>1</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3</v>
      </c>
      <c r="BK39" s="198">
        <v>0</v>
      </c>
      <c r="BL39" s="198">
        <v>2</v>
      </c>
      <c r="BM39" s="198">
        <v>6</v>
      </c>
      <c r="BN39" s="198">
        <v>2</v>
      </c>
      <c r="BO39" s="201">
        <v>13</v>
      </c>
      <c r="BP39" s="202">
        <v>13</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Q4:W4"/>
    <mergeCell ref="AU3:BE3"/>
    <mergeCell ref="I1:J1"/>
    <mergeCell ref="L1:M1"/>
    <mergeCell ref="CA4:CA5"/>
    <mergeCell ref="BF3:BP3"/>
    <mergeCell ref="BQ3:CA3"/>
    <mergeCell ref="BP4:BP5"/>
    <mergeCell ref="BE4:BE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8.554687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2">
        <f>第１表!F2</f>
        <v>6</v>
      </c>
      <c r="J1" s="442"/>
      <c r="K1" s="18">
        <f>第１表!G2</f>
        <v>10</v>
      </c>
      <c r="L1" s="446">
        <f>IF(K1&lt;3,K1+12-2,K1-2)</f>
        <v>8</v>
      </c>
      <c r="M1" s="446"/>
    </row>
    <row r="2" spans="2:101" s="71" customFormat="1" ht="24" customHeight="1" thickBot="1" x14ac:dyDescent="0.25">
      <c r="B2" s="142" t="s">
        <v>128</v>
      </c>
    </row>
    <row r="3" spans="2:101" ht="21" customHeight="1" thickBot="1" x14ac:dyDescent="0.25">
      <c r="B3" s="467"/>
      <c r="C3" s="464" t="s">
        <v>94</v>
      </c>
      <c r="D3" s="465"/>
      <c r="E3" s="465"/>
      <c r="F3" s="465"/>
      <c r="G3" s="465"/>
      <c r="H3" s="465"/>
      <c r="I3" s="465"/>
      <c r="J3" s="465"/>
      <c r="K3" s="465"/>
      <c r="L3" s="465"/>
      <c r="M3" s="466"/>
      <c r="N3" s="464" t="s">
        <v>88</v>
      </c>
      <c r="O3" s="465"/>
      <c r="P3" s="465"/>
      <c r="Q3" s="465"/>
      <c r="R3" s="465"/>
      <c r="S3" s="465"/>
      <c r="T3" s="465"/>
      <c r="U3" s="465"/>
      <c r="V3" s="465"/>
      <c r="W3" s="465"/>
      <c r="X3" s="466"/>
      <c r="Y3" s="464" t="s">
        <v>139</v>
      </c>
      <c r="Z3" s="465"/>
      <c r="AA3" s="465"/>
      <c r="AB3" s="465"/>
      <c r="AC3" s="465"/>
      <c r="AD3" s="465"/>
      <c r="AE3" s="465"/>
      <c r="AF3" s="465"/>
      <c r="AG3" s="465"/>
      <c r="AH3" s="465"/>
      <c r="AI3" s="466"/>
      <c r="AJ3" s="464" t="s">
        <v>90</v>
      </c>
      <c r="AK3" s="465"/>
      <c r="AL3" s="465"/>
      <c r="AM3" s="465"/>
      <c r="AN3" s="465"/>
      <c r="AO3" s="465"/>
      <c r="AP3" s="465"/>
      <c r="AQ3" s="465"/>
      <c r="AR3" s="465"/>
      <c r="AS3" s="465"/>
      <c r="AT3" s="466"/>
      <c r="AU3" s="480" t="s">
        <v>89</v>
      </c>
      <c r="AV3" s="481"/>
      <c r="AW3" s="481"/>
      <c r="AX3" s="481"/>
      <c r="AY3" s="481"/>
      <c r="AZ3" s="481"/>
      <c r="BA3" s="481"/>
      <c r="BB3" s="481"/>
      <c r="BC3" s="481"/>
      <c r="BD3" s="481"/>
      <c r="BE3" s="482"/>
      <c r="BF3" s="480" t="s">
        <v>91</v>
      </c>
      <c r="BG3" s="481"/>
      <c r="BH3" s="481"/>
      <c r="BI3" s="481"/>
      <c r="BJ3" s="481"/>
      <c r="BK3" s="481"/>
      <c r="BL3" s="481"/>
      <c r="BM3" s="481"/>
      <c r="BN3" s="481"/>
      <c r="BO3" s="481"/>
      <c r="BP3" s="482"/>
      <c r="BQ3" s="480" t="s">
        <v>92</v>
      </c>
      <c r="BR3" s="481"/>
      <c r="BS3" s="481"/>
      <c r="BT3" s="481"/>
      <c r="BU3" s="481"/>
      <c r="BV3" s="481"/>
      <c r="BW3" s="481"/>
      <c r="BX3" s="481"/>
      <c r="BY3" s="481"/>
      <c r="BZ3" s="481"/>
      <c r="CA3" s="482"/>
      <c r="CB3" s="480" t="s">
        <v>93</v>
      </c>
      <c r="CC3" s="481"/>
      <c r="CD3" s="481"/>
      <c r="CE3" s="481"/>
      <c r="CF3" s="481"/>
      <c r="CG3" s="481"/>
      <c r="CH3" s="481"/>
      <c r="CI3" s="481"/>
      <c r="CJ3" s="481"/>
      <c r="CK3" s="481"/>
      <c r="CL3" s="482"/>
      <c r="CM3" s="481" t="s">
        <v>138</v>
      </c>
      <c r="CN3" s="481"/>
      <c r="CO3" s="481"/>
      <c r="CP3" s="481"/>
      <c r="CQ3" s="481"/>
      <c r="CR3" s="481"/>
      <c r="CS3" s="481"/>
      <c r="CT3" s="481"/>
      <c r="CU3" s="481"/>
      <c r="CV3" s="481"/>
      <c r="CW3" s="482"/>
    </row>
    <row r="4" spans="2:101" ht="21" customHeight="1" x14ac:dyDescent="0.2">
      <c r="B4" s="468"/>
      <c r="C4" s="472" t="s">
        <v>61</v>
      </c>
      <c r="D4" s="473"/>
      <c r="E4" s="474"/>
      <c r="F4" s="475" t="s">
        <v>62</v>
      </c>
      <c r="G4" s="473"/>
      <c r="H4" s="473"/>
      <c r="I4" s="473"/>
      <c r="J4" s="473"/>
      <c r="K4" s="473"/>
      <c r="L4" s="476"/>
      <c r="M4" s="470" t="s">
        <v>52</v>
      </c>
      <c r="N4" s="472" t="s">
        <v>61</v>
      </c>
      <c r="O4" s="473"/>
      <c r="P4" s="474"/>
      <c r="Q4" s="475" t="s">
        <v>62</v>
      </c>
      <c r="R4" s="473"/>
      <c r="S4" s="473"/>
      <c r="T4" s="473"/>
      <c r="U4" s="473"/>
      <c r="V4" s="473"/>
      <c r="W4" s="474"/>
      <c r="X4" s="470" t="s">
        <v>52</v>
      </c>
      <c r="Y4" s="472" t="s">
        <v>61</v>
      </c>
      <c r="Z4" s="473"/>
      <c r="AA4" s="474"/>
      <c r="AB4" s="475" t="s">
        <v>62</v>
      </c>
      <c r="AC4" s="473"/>
      <c r="AD4" s="473"/>
      <c r="AE4" s="473"/>
      <c r="AF4" s="473"/>
      <c r="AG4" s="473"/>
      <c r="AH4" s="474"/>
      <c r="AI4" s="470" t="s">
        <v>52</v>
      </c>
      <c r="AJ4" s="472" t="s">
        <v>61</v>
      </c>
      <c r="AK4" s="473"/>
      <c r="AL4" s="474"/>
      <c r="AM4" s="475" t="s">
        <v>62</v>
      </c>
      <c r="AN4" s="473"/>
      <c r="AO4" s="473"/>
      <c r="AP4" s="473"/>
      <c r="AQ4" s="473"/>
      <c r="AR4" s="473"/>
      <c r="AS4" s="474"/>
      <c r="AT4" s="470" t="s">
        <v>52</v>
      </c>
      <c r="AU4" s="494" t="s">
        <v>61</v>
      </c>
      <c r="AV4" s="492"/>
      <c r="AW4" s="493"/>
      <c r="AX4" s="491" t="s">
        <v>62</v>
      </c>
      <c r="AY4" s="492"/>
      <c r="AZ4" s="492"/>
      <c r="BA4" s="492"/>
      <c r="BB4" s="492"/>
      <c r="BC4" s="492"/>
      <c r="BD4" s="493"/>
      <c r="BE4" s="489" t="s">
        <v>52</v>
      </c>
      <c r="BF4" s="494" t="s">
        <v>61</v>
      </c>
      <c r="BG4" s="492"/>
      <c r="BH4" s="493"/>
      <c r="BI4" s="491" t="s">
        <v>62</v>
      </c>
      <c r="BJ4" s="492"/>
      <c r="BK4" s="492"/>
      <c r="BL4" s="492"/>
      <c r="BM4" s="492"/>
      <c r="BN4" s="492"/>
      <c r="BO4" s="493"/>
      <c r="BP4" s="489" t="s">
        <v>52</v>
      </c>
      <c r="BQ4" s="494" t="s">
        <v>61</v>
      </c>
      <c r="BR4" s="492"/>
      <c r="BS4" s="493"/>
      <c r="BT4" s="491" t="s">
        <v>62</v>
      </c>
      <c r="BU4" s="492"/>
      <c r="BV4" s="492"/>
      <c r="BW4" s="492"/>
      <c r="BX4" s="492"/>
      <c r="BY4" s="492"/>
      <c r="BZ4" s="493"/>
      <c r="CA4" s="489" t="s">
        <v>52</v>
      </c>
      <c r="CB4" s="494" t="s">
        <v>61</v>
      </c>
      <c r="CC4" s="492"/>
      <c r="CD4" s="493"/>
      <c r="CE4" s="491" t="s">
        <v>62</v>
      </c>
      <c r="CF4" s="492"/>
      <c r="CG4" s="492"/>
      <c r="CH4" s="492"/>
      <c r="CI4" s="492"/>
      <c r="CJ4" s="492"/>
      <c r="CK4" s="493"/>
      <c r="CL4" s="489" t="s">
        <v>52</v>
      </c>
      <c r="CM4" s="494" t="s">
        <v>61</v>
      </c>
      <c r="CN4" s="492"/>
      <c r="CO4" s="493"/>
      <c r="CP4" s="491" t="s">
        <v>62</v>
      </c>
      <c r="CQ4" s="492"/>
      <c r="CR4" s="492"/>
      <c r="CS4" s="492"/>
      <c r="CT4" s="492"/>
      <c r="CU4" s="492"/>
      <c r="CV4" s="493"/>
      <c r="CW4" s="489" t="s">
        <v>52</v>
      </c>
    </row>
    <row r="5" spans="2:101" ht="30" customHeight="1" thickBot="1" x14ac:dyDescent="0.25">
      <c r="B5" s="469"/>
      <c r="C5" s="177" t="s">
        <v>43</v>
      </c>
      <c r="D5" s="182" t="s">
        <v>44</v>
      </c>
      <c r="E5" s="205" t="s">
        <v>45</v>
      </c>
      <c r="F5" s="180" t="s">
        <v>83</v>
      </c>
      <c r="G5" s="178" t="s">
        <v>47</v>
      </c>
      <c r="H5" s="178" t="s">
        <v>48</v>
      </c>
      <c r="I5" s="178" t="s">
        <v>49</v>
      </c>
      <c r="J5" s="178" t="s">
        <v>50</v>
      </c>
      <c r="K5" s="178" t="s">
        <v>51</v>
      </c>
      <c r="L5" s="181" t="s">
        <v>45</v>
      </c>
      <c r="M5" s="471"/>
      <c r="N5" s="177" t="s">
        <v>43</v>
      </c>
      <c r="O5" s="178" t="s">
        <v>44</v>
      </c>
      <c r="P5" s="182" t="s">
        <v>45</v>
      </c>
      <c r="Q5" s="180" t="s">
        <v>83</v>
      </c>
      <c r="R5" s="178" t="s">
        <v>47</v>
      </c>
      <c r="S5" s="178" t="s">
        <v>48</v>
      </c>
      <c r="T5" s="178" t="s">
        <v>49</v>
      </c>
      <c r="U5" s="178" t="s">
        <v>50</v>
      </c>
      <c r="V5" s="178" t="s">
        <v>51</v>
      </c>
      <c r="W5" s="182" t="s">
        <v>45</v>
      </c>
      <c r="X5" s="471"/>
      <c r="Y5" s="177" t="s">
        <v>43</v>
      </c>
      <c r="Z5" s="178" t="s">
        <v>44</v>
      </c>
      <c r="AA5" s="182" t="s">
        <v>45</v>
      </c>
      <c r="AB5" s="180" t="s">
        <v>83</v>
      </c>
      <c r="AC5" s="178" t="s">
        <v>47</v>
      </c>
      <c r="AD5" s="178" t="s">
        <v>48</v>
      </c>
      <c r="AE5" s="178" t="s">
        <v>49</v>
      </c>
      <c r="AF5" s="178" t="s">
        <v>50</v>
      </c>
      <c r="AG5" s="178" t="s">
        <v>51</v>
      </c>
      <c r="AH5" s="182" t="s">
        <v>45</v>
      </c>
      <c r="AI5" s="471"/>
      <c r="AJ5" s="177" t="s">
        <v>43</v>
      </c>
      <c r="AK5" s="178" t="s">
        <v>44</v>
      </c>
      <c r="AL5" s="182" t="s">
        <v>45</v>
      </c>
      <c r="AM5" s="180" t="s">
        <v>83</v>
      </c>
      <c r="AN5" s="178" t="s">
        <v>47</v>
      </c>
      <c r="AO5" s="178" t="s">
        <v>48</v>
      </c>
      <c r="AP5" s="178" t="s">
        <v>49</v>
      </c>
      <c r="AQ5" s="178" t="s">
        <v>50</v>
      </c>
      <c r="AR5" s="178" t="s">
        <v>51</v>
      </c>
      <c r="AS5" s="182" t="s">
        <v>45</v>
      </c>
      <c r="AT5" s="471"/>
      <c r="AU5" s="177" t="s">
        <v>43</v>
      </c>
      <c r="AV5" s="178" t="s">
        <v>44</v>
      </c>
      <c r="AW5" s="182" t="s">
        <v>45</v>
      </c>
      <c r="AX5" s="180" t="s">
        <v>83</v>
      </c>
      <c r="AY5" s="178" t="s">
        <v>47</v>
      </c>
      <c r="AZ5" s="178" t="s">
        <v>48</v>
      </c>
      <c r="BA5" s="178" t="s">
        <v>49</v>
      </c>
      <c r="BB5" s="178" t="s">
        <v>50</v>
      </c>
      <c r="BC5" s="178" t="s">
        <v>51</v>
      </c>
      <c r="BD5" s="182" t="s">
        <v>45</v>
      </c>
      <c r="BE5" s="490"/>
      <c r="BF5" s="177" t="s">
        <v>43</v>
      </c>
      <c r="BG5" s="178" t="s">
        <v>44</v>
      </c>
      <c r="BH5" s="182" t="s">
        <v>45</v>
      </c>
      <c r="BI5" s="180" t="s">
        <v>83</v>
      </c>
      <c r="BJ5" s="178" t="s">
        <v>47</v>
      </c>
      <c r="BK5" s="178" t="s">
        <v>48</v>
      </c>
      <c r="BL5" s="178" t="s">
        <v>49</v>
      </c>
      <c r="BM5" s="178" t="s">
        <v>50</v>
      </c>
      <c r="BN5" s="178" t="s">
        <v>51</v>
      </c>
      <c r="BO5" s="182" t="s">
        <v>45</v>
      </c>
      <c r="BP5" s="490"/>
      <c r="BQ5" s="177" t="s">
        <v>43</v>
      </c>
      <c r="BR5" s="178" t="s">
        <v>44</v>
      </c>
      <c r="BS5" s="182" t="s">
        <v>45</v>
      </c>
      <c r="BT5" s="180" t="s">
        <v>83</v>
      </c>
      <c r="BU5" s="178" t="s">
        <v>47</v>
      </c>
      <c r="BV5" s="178" t="s">
        <v>48</v>
      </c>
      <c r="BW5" s="178" t="s">
        <v>49</v>
      </c>
      <c r="BX5" s="178" t="s">
        <v>50</v>
      </c>
      <c r="BY5" s="178" t="s">
        <v>51</v>
      </c>
      <c r="BZ5" s="182" t="s">
        <v>45</v>
      </c>
      <c r="CA5" s="490"/>
      <c r="CB5" s="177" t="s">
        <v>43</v>
      </c>
      <c r="CC5" s="178" t="s">
        <v>44</v>
      </c>
      <c r="CD5" s="182" t="s">
        <v>45</v>
      </c>
      <c r="CE5" s="180" t="s">
        <v>83</v>
      </c>
      <c r="CF5" s="178" t="s">
        <v>47</v>
      </c>
      <c r="CG5" s="178" t="s">
        <v>48</v>
      </c>
      <c r="CH5" s="178" t="s">
        <v>49</v>
      </c>
      <c r="CI5" s="178" t="s">
        <v>50</v>
      </c>
      <c r="CJ5" s="178" t="s">
        <v>51</v>
      </c>
      <c r="CK5" s="182" t="s">
        <v>45</v>
      </c>
      <c r="CL5" s="490"/>
      <c r="CM5" s="177" t="s">
        <v>43</v>
      </c>
      <c r="CN5" s="178" t="s">
        <v>44</v>
      </c>
      <c r="CO5" s="182" t="s">
        <v>45</v>
      </c>
      <c r="CP5" s="180" t="s">
        <v>83</v>
      </c>
      <c r="CQ5" s="178" t="s">
        <v>47</v>
      </c>
      <c r="CR5" s="178" t="s">
        <v>48</v>
      </c>
      <c r="CS5" s="178" t="s">
        <v>49</v>
      </c>
      <c r="CT5" s="178" t="s">
        <v>50</v>
      </c>
      <c r="CU5" s="178" t="s">
        <v>51</v>
      </c>
      <c r="CV5" s="182" t="s">
        <v>45</v>
      </c>
      <c r="CW5" s="490"/>
    </row>
    <row r="6" spans="2:101" ht="21" customHeight="1" x14ac:dyDescent="0.2">
      <c r="B6" s="84" t="s">
        <v>4</v>
      </c>
      <c r="C6" s="183">
        <v>0</v>
      </c>
      <c r="D6" s="189">
        <v>0</v>
      </c>
      <c r="E6" s="206">
        <v>0</v>
      </c>
      <c r="F6" s="186">
        <v>0</v>
      </c>
      <c r="G6" s="184">
        <v>19</v>
      </c>
      <c r="H6" s="184">
        <v>24</v>
      </c>
      <c r="I6" s="184">
        <v>27</v>
      </c>
      <c r="J6" s="184">
        <v>26</v>
      </c>
      <c r="K6" s="184">
        <v>19</v>
      </c>
      <c r="L6" s="187">
        <v>115</v>
      </c>
      <c r="M6" s="188">
        <v>115</v>
      </c>
      <c r="N6" s="183">
        <v>0</v>
      </c>
      <c r="O6" s="184">
        <v>0</v>
      </c>
      <c r="P6" s="189">
        <v>0</v>
      </c>
      <c r="Q6" s="186">
        <v>0</v>
      </c>
      <c r="R6" s="184">
        <v>10</v>
      </c>
      <c r="S6" s="184">
        <v>25</v>
      </c>
      <c r="T6" s="184">
        <v>32</v>
      </c>
      <c r="U6" s="184">
        <v>40</v>
      </c>
      <c r="V6" s="184">
        <v>27</v>
      </c>
      <c r="W6" s="189">
        <v>134</v>
      </c>
      <c r="X6" s="188">
        <v>134</v>
      </c>
      <c r="Y6" s="183">
        <v>0</v>
      </c>
      <c r="Z6" s="184">
        <v>0</v>
      </c>
      <c r="AA6" s="189">
        <v>0</v>
      </c>
      <c r="AB6" s="186">
        <v>0</v>
      </c>
      <c r="AC6" s="184">
        <v>990</v>
      </c>
      <c r="AD6" s="184">
        <v>897</v>
      </c>
      <c r="AE6" s="184">
        <v>338</v>
      </c>
      <c r="AF6" s="184">
        <v>161</v>
      </c>
      <c r="AG6" s="184">
        <v>66</v>
      </c>
      <c r="AH6" s="189">
        <v>2452</v>
      </c>
      <c r="AI6" s="188">
        <v>2452</v>
      </c>
      <c r="AJ6" s="183">
        <v>0</v>
      </c>
      <c r="AK6" s="184">
        <v>0</v>
      </c>
      <c r="AL6" s="189">
        <v>0</v>
      </c>
      <c r="AM6" s="186">
        <v>0</v>
      </c>
      <c r="AN6" s="184">
        <v>58</v>
      </c>
      <c r="AO6" s="184">
        <v>68</v>
      </c>
      <c r="AP6" s="184">
        <v>70</v>
      </c>
      <c r="AQ6" s="184">
        <v>33</v>
      </c>
      <c r="AR6" s="184">
        <v>20</v>
      </c>
      <c r="AS6" s="189">
        <v>249</v>
      </c>
      <c r="AT6" s="188">
        <v>249</v>
      </c>
      <c r="AU6" s="183">
        <v>8</v>
      </c>
      <c r="AV6" s="184">
        <v>7</v>
      </c>
      <c r="AW6" s="189">
        <v>15</v>
      </c>
      <c r="AX6" s="186">
        <v>0</v>
      </c>
      <c r="AY6" s="184">
        <v>70</v>
      </c>
      <c r="AZ6" s="184">
        <v>78</v>
      </c>
      <c r="BA6" s="184">
        <v>68</v>
      </c>
      <c r="BB6" s="184">
        <v>47</v>
      </c>
      <c r="BC6" s="184">
        <v>23</v>
      </c>
      <c r="BD6" s="189">
        <v>286</v>
      </c>
      <c r="BE6" s="188">
        <v>301</v>
      </c>
      <c r="BF6" s="183">
        <v>0</v>
      </c>
      <c r="BG6" s="184">
        <v>1</v>
      </c>
      <c r="BH6" s="189">
        <v>1</v>
      </c>
      <c r="BI6" s="186">
        <v>0</v>
      </c>
      <c r="BJ6" s="184">
        <v>93</v>
      </c>
      <c r="BK6" s="184">
        <v>132</v>
      </c>
      <c r="BL6" s="184">
        <v>140</v>
      </c>
      <c r="BM6" s="184">
        <v>99</v>
      </c>
      <c r="BN6" s="184">
        <v>52</v>
      </c>
      <c r="BO6" s="187">
        <v>516</v>
      </c>
      <c r="BP6" s="188">
        <v>517</v>
      </c>
      <c r="BQ6" s="183">
        <v>0</v>
      </c>
      <c r="BR6" s="184">
        <v>0</v>
      </c>
      <c r="BS6" s="189">
        <v>0</v>
      </c>
      <c r="BT6" s="186">
        <v>0</v>
      </c>
      <c r="BU6" s="184">
        <v>3</v>
      </c>
      <c r="BV6" s="184">
        <v>6</v>
      </c>
      <c r="BW6" s="184">
        <v>4</v>
      </c>
      <c r="BX6" s="184">
        <v>6</v>
      </c>
      <c r="BY6" s="184">
        <v>6</v>
      </c>
      <c r="BZ6" s="189">
        <v>25</v>
      </c>
      <c r="CA6" s="188">
        <v>25</v>
      </c>
      <c r="CB6" s="183">
        <v>0</v>
      </c>
      <c r="CC6" s="184">
        <v>0</v>
      </c>
      <c r="CD6" s="189">
        <v>0</v>
      </c>
      <c r="CE6" s="186">
        <v>0</v>
      </c>
      <c r="CF6" s="184">
        <v>1</v>
      </c>
      <c r="CG6" s="184">
        <v>3</v>
      </c>
      <c r="CH6" s="184">
        <v>10</v>
      </c>
      <c r="CI6" s="184">
        <v>27</v>
      </c>
      <c r="CJ6" s="184">
        <v>16</v>
      </c>
      <c r="CK6" s="189">
        <v>57</v>
      </c>
      <c r="CL6" s="188">
        <v>57</v>
      </c>
      <c r="CM6" s="183">
        <v>0</v>
      </c>
      <c r="CN6" s="184">
        <v>0</v>
      </c>
      <c r="CO6" s="189">
        <v>0</v>
      </c>
      <c r="CP6" s="186">
        <v>0</v>
      </c>
      <c r="CQ6" s="184">
        <v>17</v>
      </c>
      <c r="CR6" s="184">
        <v>21</v>
      </c>
      <c r="CS6" s="184">
        <v>27</v>
      </c>
      <c r="CT6" s="184">
        <v>30</v>
      </c>
      <c r="CU6" s="184">
        <v>26</v>
      </c>
      <c r="CV6" s="189">
        <v>121</v>
      </c>
      <c r="CW6" s="188">
        <v>121</v>
      </c>
    </row>
    <row r="7" spans="2:101" ht="21" customHeight="1" x14ac:dyDescent="0.2">
      <c r="B7" s="95" t="s">
        <v>5</v>
      </c>
      <c r="C7" s="190">
        <v>0</v>
      </c>
      <c r="D7" s="196">
        <v>0</v>
      </c>
      <c r="E7" s="207">
        <v>0</v>
      </c>
      <c r="F7" s="193">
        <v>0</v>
      </c>
      <c r="G7" s="191">
        <v>7</v>
      </c>
      <c r="H7" s="191">
        <v>13</v>
      </c>
      <c r="I7" s="191">
        <v>10</v>
      </c>
      <c r="J7" s="191">
        <v>15</v>
      </c>
      <c r="K7" s="191">
        <v>10</v>
      </c>
      <c r="L7" s="194">
        <v>55</v>
      </c>
      <c r="M7" s="195">
        <v>55</v>
      </c>
      <c r="N7" s="190">
        <v>0</v>
      </c>
      <c r="O7" s="191">
        <v>0</v>
      </c>
      <c r="P7" s="196">
        <v>0</v>
      </c>
      <c r="Q7" s="193">
        <v>0</v>
      </c>
      <c r="R7" s="191">
        <v>5</v>
      </c>
      <c r="S7" s="191">
        <v>20</v>
      </c>
      <c r="T7" s="191">
        <v>24</v>
      </c>
      <c r="U7" s="191">
        <v>37</v>
      </c>
      <c r="V7" s="191">
        <v>23</v>
      </c>
      <c r="W7" s="196">
        <v>109</v>
      </c>
      <c r="X7" s="195">
        <v>109</v>
      </c>
      <c r="Y7" s="190">
        <v>0</v>
      </c>
      <c r="Z7" s="191">
        <v>0</v>
      </c>
      <c r="AA7" s="196">
        <v>0</v>
      </c>
      <c r="AB7" s="193">
        <v>0</v>
      </c>
      <c r="AC7" s="191">
        <v>380</v>
      </c>
      <c r="AD7" s="191">
        <v>445</v>
      </c>
      <c r="AE7" s="191">
        <v>184</v>
      </c>
      <c r="AF7" s="191">
        <v>75</v>
      </c>
      <c r="AG7" s="191">
        <v>34</v>
      </c>
      <c r="AH7" s="196">
        <v>1118</v>
      </c>
      <c r="AI7" s="195">
        <v>1118</v>
      </c>
      <c r="AJ7" s="190">
        <v>0</v>
      </c>
      <c r="AK7" s="191">
        <v>0</v>
      </c>
      <c r="AL7" s="196">
        <v>0</v>
      </c>
      <c r="AM7" s="193">
        <v>0</v>
      </c>
      <c r="AN7" s="191">
        <v>31</v>
      </c>
      <c r="AO7" s="191">
        <v>41</v>
      </c>
      <c r="AP7" s="191">
        <v>37</v>
      </c>
      <c r="AQ7" s="191">
        <v>20</v>
      </c>
      <c r="AR7" s="191">
        <v>9</v>
      </c>
      <c r="AS7" s="196">
        <v>138</v>
      </c>
      <c r="AT7" s="195">
        <v>138</v>
      </c>
      <c r="AU7" s="190">
        <v>3</v>
      </c>
      <c r="AV7" s="191">
        <v>3</v>
      </c>
      <c r="AW7" s="196">
        <v>6</v>
      </c>
      <c r="AX7" s="193">
        <v>0</v>
      </c>
      <c r="AY7" s="191">
        <v>28</v>
      </c>
      <c r="AZ7" s="191">
        <v>39</v>
      </c>
      <c r="BA7" s="191">
        <v>30</v>
      </c>
      <c r="BB7" s="191">
        <v>22</v>
      </c>
      <c r="BC7" s="191">
        <v>12</v>
      </c>
      <c r="BD7" s="196">
        <v>131</v>
      </c>
      <c r="BE7" s="195">
        <v>137</v>
      </c>
      <c r="BF7" s="190">
        <v>0</v>
      </c>
      <c r="BG7" s="191">
        <v>1</v>
      </c>
      <c r="BH7" s="196">
        <v>1</v>
      </c>
      <c r="BI7" s="193">
        <v>0</v>
      </c>
      <c r="BJ7" s="191">
        <v>34</v>
      </c>
      <c r="BK7" s="191">
        <v>52</v>
      </c>
      <c r="BL7" s="191">
        <v>44</v>
      </c>
      <c r="BM7" s="191">
        <v>36</v>
      </c>
      <c r="BN7" s="191">
        <v>25</v>
      </c>
      <c r="BO7" s="194">
        <v>191</v>
      </c>
      <c r="BP7" s="195">
        <v>192</v>
      </c>
      <c r="BQ7" s="190">
        <v>0</v>
      </c>
      <c r="BR7" s="191">
        <v>0</v>
      </c>
      <c r="BS7" s="196">
        <v>0</v>
      </c>
      <c r="BT7" s="193">
        <v>0</v>
      </c>
      <c r="BU7" s="191">
        <v>0</v>
      </c>
      <c r="BV7" s="191">
        <v>0</v>
      </c>
      <c r="BW7" s="191">
        <v>0</v>
      </c>
      <c r="BX7" s="191">
        <v>0</v>
      </c>
      <c r="BY7" s="191">
        <v>0</v>
      </c>
      <c r="BZ7" s="196">
        <v>0</v>
      </c>
      <c r="CA7" s="195">
        <v>0</v>
      </c>
      <c r="CB7" s="190">
        <v>0</v>
      </c>
      <c r="CC7" s="191">
        <v>0</v>
      </c>
      <c r="CD7" s="196">
        <v>0</v>
      </c>
      <c r="CE7" s="193">
        <v>0</v>
      </c>
      <c r="CF7" s="191">
        <v>1</v>
      </c>
      <c r="CG7" s="191">
        <v>1</v>
      </c>
      <c r="CH7" s="191">
        <v>1</v>
      </c>
      <c r="CI7" s="191">
        <v>5</v>
      </c>
      <c r="CJ7" s="191">
        <v>2</v>
      </c>
      <c r="CK7" s="196">
        <v>10</v>
      </c>
      <c r="CL7" s="195">
        <v>10</v>
      </c>
      <c r="CM7" s="190">
        <v>0</v>
      </c>
      <c r="CN7" s="191">
        <v>0</v>
      </c>
      <c r="CO7" s="196">
        <v>0</v>
      </c>
      <c r="CP7" s="193">
        <v>0</v>
      </c>
      <c r="CQ7" s="191">
        <v>2</v>
      </c>
      <c r="CR7" s="191">
        <v>7</v>
      </c>
      <c r="CS7" s="191">
        <v>7</v>
      </c>
      <c r="CT7" s="191">
        <v>6</v>
      </c>
      <c r="CU7" s="191">
        <v>8</v>
      </c>
      <c r="CV7" s="196">
        <v>30</v>
      </c>
      <c r="CW7" s="195">
        <v>30</v>
      </c>
    </row>
    <row r="8" spans="2:101" ht="21" customHeight="1" x14ac:dyDescent="0.2">
      <c r="B8" s="106" t="s">
        <v>6</v>
      </c>
      <c r="C8" s="190">
        <v>0</v>
      </c>
      <c r="D8" s="196">
        <v>0</v>
      </c>
      <c r="E8" s="207">
        <v>0</v>
      </c>
      <c r="F8" s="193">
        <v>0</v>
      </c>
      <c r="G8" s="191">
        <v>5</v>
      </c>
      <c r="H8" s="191">
        <v>3</v>
      </c>
      <c r="I8" s="191">
        <v>4</v>
      </c>
      <c r="J8" s="191">
        <v>3</v>
      </c>
      <c r="K8" s="191">
        <v>6</v>
      </c>
      <c r="L8" s="194">
        <v>21</v>
      </c>
      <c r="M8" s="195">
        <v>21</v>
      </c>
      <c r="N8" s="190">
        <v>0</v>
      </c>
      <c r="O8" s="191">
        <v>0</v>
      </c>
      <c r="P8" s="196">
        <v>0</v>
      </c>
      <c r="Q8" s="193">
        <v>0</v>
      </c>
      <c r="R8" s="191">
        <v>3</v>
      </c>
      <c r="S8" s="191">
        <v>4</v>
      </c>
      <c r="T8" s="191">
        <v>7</v>
      </c>
      <c r="U8" s="191">
        <v>2</v>
      </c>
      <c r="V8" s="191">
        <v>4</v>
      </c>
      <c r="W8" s="196">
        <v>20</v>
      </c>
      <c r="X8" s="195">
        <v>20</v>
      </c>
      <c r="Y8" s="190">
        <v>0</v>
      </c>
      <c r="Z8" s="191">
        <v>0</v>
      </c>
      <c r="AA8" s="196">
        <v>0</v>
      </c>
      <c r="AB8" s="193">
        <v>0</v>
      </c>
      <c r="AC8" s="191">
        <v>116</v>
      </c>
      <c r="AD8" s="191">
        <v>78</v>
      </c>
      <c r="AE8" s="191">
        <v>24</v>
      </c>
      <c r="AF8" s="191">
        <v>19</v>
      </c>
      <c r="AG8" s="191">
        <v>13</v>
      </c>
      <c r="AH8" s="196">
        <v>250</v>
      </c>
      <c r="AI8" s="195">
        <v>250</v>
      </c>
      <c r="AJ8" s="190">
        <v>0</v>
      </c>
      <c r="AK8" s="191">
        <v>0</v>
      </c>
      <c r="AL8" s="196">
        <v>0</v>
      </c>
      <c r="AM8" s="193">
        <v>0</v>
      </c>
      <c r="AN8" s="191">
        <v>7</v>
      </c>
      <c r="AO8" s="191">
        <v>13</v>
      </c>
      <c r="AP8" s="191">
        <v>14</v>
      </c>
      <c r="AQ8" s="191">
        <v>6</v>
      </c>
      <c r="AR8" s="191">
        <v>2</v>
      </c>
      <c r="AS8" s="196">
        <v>42</v>
      </c>
      <c r="AT8" s="195">
        <v>42</v>
      </c>
      <c r="AU8" s="190">
        <v>2</v>
      </c>
      <c r="AV8" s="191">
        <v>1</v>
      </c>
      <c r="AW8" s="196">
        <v>3</v>
      </c>
      <c r="AX8" s="193">
        <v>0</v>
      </c>
      <c r="AY8" s="191">
        <v>10</v>
      </c>
      <c r="AZ8" s="191">
        <v>11</v>
      </c>
      <c r="BA8" s="191">
        <v>5</v>
      </c>
      <c r="BB8" s="191">
        <v>8</v>
      </c>
      <c r="BC8" s="191">
        <v>2</v>
      </c>
      <c r="BD8" s="196">
        <v>36</v>
      </c>
      <c r="BE8" s="195">
        <v>39</v>
      </c>
      <c r="BF8" s="190">
        <v>0</v>
      </c>
      <c r="BG8" s="191">
        <v>0</v>
      </c>
      <c r="BH8" s="196">
        <v>0</v>
      </c>
      <c r="BI8" s="193">
        <v>0</v>
      </c>
      <c r="BJ8" s="191">
        <v>22</v>
      </c>
      <c r="BK8" s="191">
        <v>23</v>
      </c>
      <c r="BL8" s="191">
        <v>23</v>
      </c>
      <c r="BM8" s="191">
        <v>16</v>
      </c>
      <c r="BN8" s="191">
        <v>6</v>
      </c>
      <c r="BO8" s="194">
        <v>90</v>
      </c>
      <c r="BP8" s="195">
        <v>90</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0</v>
      </c>
      <c r="CG8" s="191">
        <v>0</v>
      </c>
      <c r="CH8" s="191">
        <v>2</v>
      </c>
      <c r="CI8" s="191">
        <v>4</v>
      </c>
      <c r="CJ8" s="191">
        <v>4</v>
      </c>
      <c r="CK8" s="196">
        <v>10</v>
      </c>
      <c r="CL8" s="195">
        <v>10</v>
      </c>
      <c r="CM8" s="190">
        <v>0</v>
      </c>
      <c r="CN8" s="191">
        <v>0</v>
      </c>
      <c r="CO8" s="196">
        <v>0</v>
      </c>
      <c r="CP8" s="193">
        <v>0</v>
      </c>
      <c r="CQ8" s="191">
        <v>7</v>
      </c>
      <c r="CR8" s="191">
        <v>3</v>
      </c>
      <c r="CS8" s="191">
        <v>6</v>
      </c>
      <c r="CT8" s="191">
        <v>7</v>
      </c>
      <c r="CU8" s="191">
        <v>3</v>
      </c>
      <c r="CV8" s="196">
        <v>26</v>
      </c>
      <c r="CW8" s="195">
        <v>26</v>
      </c>
    </row>
    <row r="9" spans="2:101" ht="21" customHeight="1" x14ac:dyDescent="0.2">
      <c r="B9" s="106" t="s">
        <v>14</v>
      </c>
      <c r="C9" s="190">
        <v>0</v>
      </c>
      <c r="D9" s="196">
        <v>0</v>
      </c>
      <c r="E9" s="207">
        <v>0</v>
      </c>
      <c r="F9" s="193">
        <v>0</v>
      </c>
      <c r="G9" s="191">
        <v>1</v>
      </c>
      <c r="H9" s="191">
        <v>4</v>
      </c>
      <c r="I9" s="191">
        <v>4</v>
      </c>
      <c r="J9" s="191">
        <v>4</v>
      </c>
      <c r="K9" s="191">
        <v>3</v>
      </c>
      <c r="L9" s="194">
        <v>16</v>
      </c>
      <c r="M9" s="195">
        <v>16</v>
      </c>
      <c r="N9" s="190">
        <v>0</v>
      </c>
      <c r="O9" s="191">
        <v>0</v>
      </c>
      <c r="P9" s="196">
        <v>0</v>
      </c>
      <c r="Q9" s="193">
        <v>0</v>
      </c>
      <c r="R9" s="191">
        <v>0</v>
      </c>
      <c r="S9" s="191">
        <v>0</v>
      </c>
      <c r="T9" s="191">
        <v>0</v>
      </c>
      <c r="U9" s="191">
        <v>0</v>
      </c>
      <c r="V9" s="191">
        <v>0</v>
      </c>
      <c r="W9" s="196">
        <v>0</v>
      </c>
      <c r="X9" s="195">
        <v>0</v>
      </c>
      <c r="Y9" s="190">
        <v>0</v>
      </c>
      <c r="Z9" s="191">
        <v>0</v>
      </c>
      <c r="AA9" s="196">
        <v>0</v>
      </c>
      <c r="AB9" s="193">
        <v>0</v>
      </c>
      <c r="AC9" s="191">
        <v>92</v>
      </c>
      <c r="AD9" s="191">
        <v>84</v>
      </c>
      <c r="AE9" s="191">
        <v>39</v>
      </c>
      <c r="AF9" s="191">
        <v>21</v>
      </c>
      <c r="AG9" s="191">
        <v>3</v>
      </c>
      <c r="AH9" s="196">
        <v>239</v>
      </c>
      <c r="AI9" s="195">
        <v>239</v>
      </c>
      <c r="AJ9" s="190">
        <v>0</v>
      </c>
      <c r="AK9" s="191">
        <v>0</v>
      </c>
      <c r="AL9" s="196">
        <v>0</v>
      </c>
      <c r="AM9" s="193">
        <v>0</v>
      </c>
      <c r="AN9" s="191">
        <v>3</v>
      </c>
      <c r="AO9" s="191">
        <v>2</v>
      </c>
      <c r="AP9" s="191">
        <v>0</v>
      </c>
      <c r="AQ9" s="191">
        <v>0</v>
      </c>
      <c r="AR9" s="191">
        <v>0</v>
      </c>
      <c r="AS9" s="196">
        <v>5</v>
      </c>
      <c r="AT9" s="195">
        <v>5</v>
      </c>
      <c r="AU9" s="190">
        <v>1</v>
      </c>
      <c r="AV9" s="191">
        <v>1</v>
      </c>
      <c r="AW9" s="196">
        <v>2</v>
      </c>
      <c r="AX9" s="193">
        <v>0</v>
      </c>
      <c r="AY9" s="191">
        <v>5</v>
      </c>
      <c r="AZ9" s="191">
        <v>5</v>
      </c>
      <c r="BA9" s="191">
        <v>7</v>
      </c>
      <c r="BB9" s="191">
        <v>5</v>
      </c>
      <c r="BC9" s="191">
        <v>2</v>
      </c>
      <c r="BD9" s="196">
        <v>24</v>
      </c>
      <c r="BE9" s="195">
        <v>26</v>
      </c>
      <c r="BF9" s="190">
        <v>0</v>
      </c>
      <c r="BG9" s="191">
        <v>0</v>
      </c>
      <c r="BH9" s="196">
        <v>0</v>
      </c>
      <c r="BI9" s="193">
        <v>0</v>
      </c>
      <c r="BJ9" s="191">
        <v>8</v>
      </c>
      <c r="BK9" s="191">
        <v>8</v>
      </c>
      <c r="BL9" s="191">
        <v>13</v>
      </c>
      <c r="BM9" s="191">
        <v>13</v>
      </c>
      <c r="BN9" s="191">
        <v>7</v>
      </c>
      <c r="BO9" s="194">
        <v>49</v>
      </c>
      <c r="BP9" s="195">
        <v>49</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1</v>
      </c>
      <c r="CI9" s="191">
        <v>2</v>
      </c>
      <c r="CJ9" s="191">
        <v>0</v>
      </c>
      <c r="CK9" s="196">
        <v>3</v>
      </c>
      <c r="CL9" s="195">
        <v>3</v>
      </c>
      <c r="CM9" s="190">
        <v>0</v>
      </c>
      <c r="CN9" s="191">
        <v>0</v>
      </c>
      <c r="CO9" s="196">
        <v>0</v>
      </c>
      <c r="CP9" s="193">
        <v>0</v>
      </c>
      <c r="CQ9" s="191">
        <v>2</v>
      </c>
      <c r="CR9" s="191">
        <v>1</v>
      </c>
      <c r="CS9" s="191">
        <v>0</v>
      </c>
      <c r="CT9" s="191">
        <v>3</v>
      </c>
      <c r="CU9" s="191">
        <v>3</v>
      </c>
      <c r="CV9" s="196">
        <v>9</v>
      </c>
      <c r="CW9" s="195">
        <v>9</v>
      </c>
    </row>
    <row r="10" spans="2:101" ht="21" customHeight="1" x14ac:dyDescent="0.2">
      <c r="B10" s="106" t="s">
        <v>7</v>
      </c>
      <c r="C10" s="190">
        <v>0</v>
      </c>
      <c r="D10" s="196">
        <v>0</v>
      </c>
      <c r="E10" s="207">
        <v>0</v>
      </c>
      <c r="F10" s="193">
        <v>0</v>
      </c>
      <c r="G10" s="191">
        <v>1</v>
      </c>
      <c r="H10" s="191">
        <v>1</v>
      </c>
      <c r="I10" s="191">
        <v>0</v>
      </c>
      <c r="J10" s="191">
        <v>0</v>
      </c>
      <c r="K10" s="191">
        <v>0</v>
      </c>
      <c r="L10" s="194">
        <v>2</v>
      </c>
      <c r="M10" s="195">
        <v>2</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69</v>
      </c>
      <c r="AD10" s="191">
        <v>62</v>
      </c>
      <c r="AE10" s="191">
        <v>19</v>
      </c>
      <c r="AF10" s="191">
        <v>4</v>
      </c>
      <c r="AG10" s="191">
        <v>2</v>
      </c>
      <c r="AH10" s="196">
        <v>156</v>
      </c>
      <c r="AI10" s="195">
        <v>156</v>
      </c>
      <c r="AJ10" s="190">
        <v>0</v>
      </c>
      <c r="AK10" s="191">
        <v>0</v>
      </c>
      <c r="AL10" s="196">
        <v>0</v>
      </c>
      <c r="AM10" s="193">
        <v>0</v>
      </c>
      <c r="AN10" s="191">
        <v>9</v>
      </c>
      <c r="AO10" s="191">
        <v>6</v>
      </c>
      <c r="AP10" s="191">
        <v>6</v>
      </c>
      <c r="AQ10" s="191">
        <v>3</v>
      </c>
      <c r="AR10" s="191">
        <v>4</v>
      </c>
      <c r="AS10" s="196">
        <v>28</v>
      </c>
      <c r="AT10" s="195">
        <v>28</v>
      </c>
      <c r="AU10" s="190">
        <v>0</v>
      </c>
      <c r="AV10" s="191">
        <v>0</v>
      </c>
      <c r="AW10" s="196">
        <v>0</v>
      </c>
      <c r="AX10" s="193">
        <v>0</v>
      </c>
      <c r="AY10" s="191">
        <v>4</v>
      </c>
      <c r="AZ10" s="191">
        <v>3</v>
      </c>
      <c r="BA10" s="191">
        <v>2</v>
      </c>
      <c r="BB10" s="191">
        <v>0</v>
      </c>
      <c r="BC10" s="191">
        <v>0</v>
      </c>
      <c r="BD10" s="196">
        <v>9</v>
      </c>
      <c r="BE10" s="195">
        <v>9</v>
      </c>
      <c r="BF10" s="190">
        <v>0</v>
      </c>
      <c r="BG10" s="191">
        <v>0</v>
      </c>
      <c r="BH10" s="196">
        <v>0</v>
      </c>
      <c r="BI10" s="193">
        <v>0</v>
      </c>
      <c r="BJ10" s="191">
        <v>6</v>
      </c>
      <c r="BK10" s="191">
        <v>10</v>
      </c>
      <c r="BL10" s="191">
        <v>9</v>
      </c>
      <c r="BM10" s="191">
        <v>6</v>
      </c>
      <c r="BN10" s="191">
        <v>2</v>
      </c>
      <c r="BO10" s="194">
        <v>33</v>
      </c>
      <c r="BP10" s="195">
        <v>33</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1</v>
      </c>
      <c r="CR10" s="191">
        <v>1</v>
      </c>
      <c r="CS10" s="191">
        <v>3</v>
      </c>
      <c r="CT10" s="191">
        <v>2</v>
      </c>
      <c r="CU10" s="191">
        <v>5</v>
      </c>
      <c r="CV10" s="196">
        <v>12</v>
      </c>
      <c r="CW10" s="195">
        <v>12</v>
      </c>
    </row>
    <row r="11" spans="2:101" ht="21" customHeight="1" x14ac:dyDescent="0.2">
      <c r="B11" s="106" t="s">
        <v>8</v>
      </c>
      <c r="C11" s="190">
        <v>0</v>
      </c>
      <c r="D11" s="196">
        <v>0</v>
      </c>
      <c r="E11" s="207">
        <v>0</v>
      </c>
      <c r="F11" s="193">
        <v>0</v>
      </c>
      <c r="G11" s="191">
        <v>1</v>
      </c>
      <c r="H11" s="191">
        <v>0</v>
      </c>
      <c r="I11" s="191">
        <v>0</v>
      </c>
      <c r="J11" s="191">
        <v>0</v>
      </c>
      <c r="K11" s="191">
        <v>0</v>
      </c>
      <c r="L11" s="194">
        <v>1</v>
      </c>
      <c r="M11" s="195">
        <v>1</v>
      </c>
      <c r="N11" s="190">
        <v>0</v>
      </c>
      <c r="O11" s="191">
        <v>0</v>
      </c>
      <c r="P11" s="196">
        <v>0</v>
      </c>
      <c r="Q11" s="193">
        <v>0</v>
      </c>
      <c r="R11" s="191">
        <v>0</v>
      </c>
      <c r="S11" s="191">
        <v>0</v>
      </c>
      <c r="T11" s="191">
        <v>0</v>
      </c>
      <c r="U11" s="191">
        <v>0</v>
      </c>
      <c r="V11" s="191">
        <v>0</v>
      </c>
      <c r="W11" s="196">
        <v>0</v>
      </c>
      <c r="X11" s="195">
        <v>0</v>
      </c>
      <c r="Y11" s="190">
        <v>0</v>
      </c>
      <c r="Z11" s="191">
        <v>0</v>
      </c>
      <c r="AA11" s="196">
        <v>0</v>
      </c>
      <c r="AB11" s="193">
        <v>0</v>
      </c>
      <c r="AC11" s="191">
        <v>34</v>
      </c>
      <c r="AD11" s="191">
        <v>38</v>
      </c>
      <c r="AE11" s="191">
        <v>8</v>
      </c>
      <c r="AF11" s="191">
        <v>6</v>
      </c>
      <c r="AG11" s="191">
        <v>1</v>
      </c>
      <c r="AH11" s="196">
        <v>87</v>
      </c>
      <c r="AI11" s="195">
        <v>87</v>
      </c>
      <c r="AJ11" s="190">
        <v>0</v>
      </c>
      <c r="AK11" s="191">
        <v>0</v>
      </c>
      <c r="AL11" s="196">
        <v>0</v>
      </c>
      <c r="AM11" s="193">
        <v>0</v>
      </c>
      <c r="AN11" s="191">
        <v>0</v>
      </c>
      <c r="AO11" s="191">
        <v>0</v>
      </c>
      <c r="AP11" s="191">
        <v>0</v>
      </c>
      <c r="AQ11" s="191">
        <v>0</v>
      </c>
      <c r="AR11" s="191">
        <v>0</v>
      </c>
      <c r="AS11" s="196">
        <v>0</v>
      </c>
      <c r="AT11" s="195">
        <v>0</v>
      </c>
      <c r="AU11" s="190">
        <v>0</v>
      </c>
      <c r="AV11" s="191">
        <v>1</v>
      </c>
      <c r="AW11" s="196">
        <v>1</v>
      </c>
      <c r="AX11" s="193">
        <v>0</v>
      </c>
      <c r="AY11" s="191">
        <v>2</v>
      </c>
      <c r="AZ11" s="191">
        <v>0</v>
      </c>
      <c r="BA11" s="191">
        <v>2</v>
      </c>
      <c r="BB11" s="191">
        <v>2</v>
      </c>
      <c r="BC11" s="191">
        <v>0</v>
      </c>
      <c r="BD11" s="196">
        <v>6</v>
      </c>
      <c r="BE11" s="195">
        <v>7</v>
      </c>
      <c r="BF11" s="190">
        <v>0</v>
      </c>
      <c r="BG11" s="191">
        <v>0</v>
      </c>
      <c r="BH11" s="196">
        <v>0</v>
      </c>
      <c r="BI11" s="193">
        <v>0</v>
      </c>
      <c r="BJ11" s="191">
        <v>2</v>
      </c>
      <c r="BK11" s="191">
        <v>1</v>
      </c>
      <c r="BL11" s="191">
        <v>4</v>
      </c>
      <c r="BM11" s="191">
        <v>3</v>
      </c>
      <c r="BN11" s="191">
        <v>1</v>
      </c>
      <c r="BO11" s="194">
        <v>11</v>
      </c>
      <c r="BP11" s="195">
        <v>11</v>
      </c>
      <c r="BQ11" s="190">
        <v>0</v>
      </c>
      <c r="BR11" s="191">
        <v>0</v>
      </c>
      <c r="BS11" s="196">
        <v>0</v>
      </c>
      <c r="BT11" s="193">
        <v>0</v>
      </c>
      <c r="BU11" s="191">
        <v>0</v>
      </c>
      <c r="BV11" s="191">
        <v>0</v>
      </c>
      <c r="BW11" s="191">
        <v>2</v>
      </c>
      <c r="BX11" s="191">
        <v>0</v>
      </c>
      <c r="BY11" s="191">
        <v>3</v>
      </c>
      <c r="BZ11" s="196">
        <v>5</v>
      </c>
      <c r="CA11" s="195">
        <v>5</v>
      </c>
      <c r="CB11" s="190">
        <v>0</v>
      </c>
      <c r="CC11" s="191">
        <v>0</v>
      </c>
      <c r="CD11" s="196">
        <v>0</v>
      </c>
      <c r="CE11" s="193">
        <v>0</v>
      </c>
      <c r="CF11" s="191">
        <v>0</v>
      </c>
      <c r="CG11" s="191">
        <v>0</v>
      </c>
      <c r="CH11" s="191">
        <v>0</v>
      </c>
      <c r="CI11" s="191">
        <v>0</v>
      </c>
      <c r="CJ11" s="191">
        <v>0</v>
      </c>
      <c r="CK11" s="196">
        <v>0</v>
      </c>
      <c r="CL11" s="195">
        <v>0</v>
      </c>
      <c r="CM11" s="190">
        <v>0</v>
      </c>
      <c r="CN11" s="191">
        <v>0</v>
      </c>
      <c r="CO11" s="196">
        <v>0</v>
      </c>
      <c r="CP11" s="193">
        <v>0</v>
      </c>
      <c r="CQ11" s="191">
        <v>3</v>
      </c>
      <c r="CR11" s="191">
        <v>1</v>
      </c>
      <c r="CS11" s="191">
        <v>0</v>
      </c>
      <c r="CT11" s="191">
        <v>2</v>
      </c>
      <c r="CU11" s="191">
        <v>0</v>
      </c>
      <c r="CV11" s="196">
        <v>6</v>
      </c>
      <c r="CW11" s="195">
        <v>6</v>
      </c>
    </row>
    <row r="12" spans="2:101" ht="21" customHeight="1" x14ac:dyDescent="0.2">
      <c r="B12" s="106" t="s">
        <v>9</v>
      </c>
      <c r="C12" s="190">
        <v>0</v>
      </c>
      <c r="D12" s="196">
        <v>0</v>
      </c>
      <c r="E12" s="207">
        <v>0</v>
      </c>
      <c r="F12" s="193">
        <v>0</v>
      </c>
      <c r="G12" s="191">
        <v>0</v>
      </c>
      <c r="H12" s="191">
        <v>0</v>
      </c>
      <c r="I12" s="191">
        <v>2</v>
      </c>
      <c r="J12" s="191">
        <v>0</v>
      </c>
      <c r="K12" s="191">
        <v>0</v>
      </c>
      <c r="L12" s="194">
        <v>2</v>
      </c>
      <c r="M12" s="195">
        <v>2</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46</v>
      </c>
      <c r="AD12" s="191">
        <v>23</v>
      </c>
      <c r="AE12" s="191">
        <v>14</v>
      </c>
      <c r="AF12" s="191">
        <v>6</v>
      </c>
      <c r="AG12" s="191">
        <v>2</v>
      </c>
      <c r="AH12" s="196">
        <v>91</v>
      </c>
      <c r="AI12" s="195">
        <v>91</v>
      </c>
      <c r="AJ12" s="190">
        <v>0</v>
      </c>
      <c r="AK12" s="191">
        <v>0</v>
      </c>
      <c r="AL12" s="196">
        <v>0</v>
      </c>
      <c r="AM12" s="193">
        <v>0</v>
      </c>
      <c r="AN12" s="191">
        <v>0</v>
      </c>
      <c r="AO12" s="191">
        <v>0</v>
      </c>
      <c r="AP12" s="191">
        <v>0</v>
      </c>
      <c r="AQ12" s="191">
        <v>0</v>
      </c>
      <c r="AR12" s="191">
        <v>1</v>
      </c>
      <c r="AS12" s="196">
        <v>1</v>
      </c>
      <c r="AT12" s="195">
        <v>1</v>
      </c>
      <c r="AU12" s="190">
        <v>0</v>
      </c>
      <c r="AV12" s="191">
        <v>0</v>
      </c>
      <c r="AW12" s="196">
        <v>0</v>
      </c>
      <c r="AX12" s="193">
        <v>0</v>
      </c>
      <c r="AY12" s="191">
        <v>1</v>
      </c>
      <c r="AZ12" s="191">
        <v>4</v>
      </c>
      <c r="BA12" s="191">
        <v>1</v>
      </c>
      <c r="BB12" s="191">
        <v>0</v>
      </c>
      <c r="BC12" s="191">
        <v>0</v>
      </c>
      <c r="BD12" s="196">
        <v>6</v>
      </c>
      <c r="BE12" s="195">
        <v>6</v>
      </c>
      <c r="BF12" s="190">
        <v>0</v>
      </c>
      <c r="BG12" s="191">
        <v>0</v>
      </c>
      <c r="BH12" s="196">
        <v>0</v>
      </c>
      <c r="BI12" s="193">
        <v>0</v>
      </c>
      <c r="BJ12" s="191">
        <v>2</v>
      </c>
      <c r="BK12" s="191">
        <v>3</v>
      </c>
      <c r="BL12" s="191">
        <v>9</v>
      </c>
      <c r="BM12" s="191">
        <v>3</v>
      </c>
      <c r="BN12" s="191">
        <v>0</v>
      </c>
      <c r="BO12" s="194">
        <v>17</v>
      </c>
      <c r="BP12" s="195">
        <v>17</v>
      </c>
      <c r="BQ12" s="190">
        <v>0</v>
      </c>
      <c r="BR12" s="191">
        <v>0</v>
      </c>
      <c r="BS12" s="196">
        <v>0</v>
      </c>
      <c r="BT12" s="193">
        <v>0</v>
      </c>
      <c r="BU12" s="191">
        <v>0</v>
      </c>
      <c r="BV12" s="191">
        <v>1</v>
      </c>
      <c r="BW12" s="191">
        <v>0</v>
      </c>
      <c r="BX12" s="191">
        <v>0</v>
      </c>
      <c r="BY12" s="191">
        <v>0</v>
      </c>
      <c r="BZ12" s="196">
        <v>1</v>
      </c>
      <c r="CA12" s="195">
        <v>1</v>
      </c>
      <c r="CB12" s="190">
        <v>0</v>
      </c>
      <c r="CC12" s="191">
        <v>0</v>
      </c>
      <c r="CD12" s="196">
        <v>0</v>
      </c>
      <c r="CE12" s="193">
        <v>0</v>
      </c>
      <c r="CF12" s="191">
        <v>0</v>
      </c>
      <c r="CG12" s="191">
        <v>0</v>
      </c>
      <c r="CH12" s="191">
        <v>0</v>
      </c>
      <c r="CI12" s="191">
        <v>0</v>
      </c>
      <c r="CJ12" s="191">
        <v>0</v>
      </c>
      <c r="CK12" s="196">
        <v>0</v>
      </c>
      <c r="CL12" s="195">
        <v>0</v>
      </c>
      <c r="CM12" s="190">
        <v>0</v>
      </c>
      <c r="CN12" s="191">
        <v>0</v>
      </c>
      <c r="CO12" s="196">
        <v>0</v>
      </c>
      <c r="CP12" s="193">
        <v>0</v>
      </c>
      <c r="CQ12" s="191">
        <v>0</v>
      </c>
      <c r="CR12" s="191">
        <v>2</v>
      </c>
      <c r="CS12" s="191">
        <v>2</v>
      </c>
      <c r="CT12" s="191">
        <v>1</v>
      </c>
      <c r="CU12" s="191">
        <v>0</v>
      </c>
      <c r="CV12" s="196">
        <v>5</v>
      </c>
      <c r="CW12" s="195">
        <v>5</v>
      </c>
    </row>
    <row r="13" spans="2:101" ht="21" customHeight="1" x14ac:dyDescent="0.2">
      <c r="B13" s="106" t="s">
        <v>10</v>
      </c>
      <c r="C13" s="190">
        <v>0</v>
      </c>
      <c r="D13" s="196">
        <v>0</v>
      </c>
      <c r="E13" s="207">
        <v>0</v>
      </c>
      <c r="F13" s="193">
        <v>0</v>
      </c>
      <c r="G13" s="191">
        <v>1</v>
      </c>
      <c r="H13" s="191">
        <v>1</v>
      </c>
      <c r="I13" s="191">
        <v>2</v>
      </c>
      <c r="J13" s="191">
        <v>0</v>
      </c>
      <c r="K13" s="191">
        <v>0</v>
      </c>
      <c r="L13" s="194">
        <v>4</v>
      </c>
      <c r="M13" s="195">
        <v>4</v>
      </c>
      <c r="N13" s="190">
        <v>0</v>
      </c>
      <c r="O13" s="191">
        <v>0</v>
      </c>
      <c r="P13" s="196">
        <v>0</v>
      </c>
      <c r="Q13" s="193">
        <v>0</v>
      </c>
      <c r="R13" s="191">
        <v>2</v>
      </c>
      <c r="S13" s="191">
        <v>0</v>
      </c>
      <c r="T13" s="191">
        <v>1</v>
      </c>
      <c r="U13" s="191">
        <v>0</v>
      </c>
      <c r="V13" s="191">
        <v>0</v>
      </c>
      <c r="W13" s="196">
        <v>3</v>
      </c>
      <c r="X13" s="195">
        <v>3</v>
      </c>
      <c r="Y13" s="190">
        <v>0</v>
      </c>
      <c r="Z13" s="191">
        <v>0</v>
      </c>
      <c r="AA13" s="196">
        <v>0</v>
      </c>
      <c r="AB13" s="193">
        <v>0</v>
      </c>
      <c r="AC13" s="191">
        <v>39</v>
      </c>
      <c r="AD13" s="191">
        <v>15</v>
      </c>
      <c r="AE13" s="191">
        <v>5</v>
      </c>
      <c r="AF13" s="191">
        <v>5</v>
      </c>
      <c r="AG13" s="191">
        <v>2</v>
      </c>
      <c r="AH13" s="196">
        <v>66</v>
      </c>
      <c r="AI13" s="195">
        <v>66</v>
      </c>
      <c r="AJ13" s="190">
        <v>0</v>
      </c>
      <c r="AK13" s="191">
        <v>0</v>
      </c>
      <c r="AL13" s="196">
        <v>0</v>
      </c>
      <c r="AM13" s="193">
        <v>0</v>
      </c>
      <c r="AN13" s="191">
        <v>5</v>
      </c>
      <c r="AO13" s="191">
        <v>1</v>
      </c>
      <c r="AP13" s="191">
        <v>1</v>
      </c>
      <c r="AQ13" s="191">
        <v>0</v>
      </c>
      <c r="AR13" s="191">
        <v>0</v>
      </c>
      <c r="AS13" s="196">
        <v>7</v>
      </c>
      <c r="AT13" s="195">
        <v>7</v>
      </c>
      <c r="AU13" s="190">
        <v>0</v>
      </c>
      <c r="AV13" s="191">
        <v>0</v>
      </c>
      <c r="AW13" s="196">
        <v>0</v>
      </c>
      <c r="AX13" s="193">
        <v>0</v>
      </c>
      <c r="AY13" s="191">
        <v>5</v>
      </c>
      <c r="AZ13" s="191">
        <v>1</v>
      </c>
      <c r="BA13" s="191">
        <v>1</v>
      </c>
      <c r="BB13" s="191">
        <v>2</v>
      </c>
      <c r="BC13" s="191">
        <v>0</v>
      </c>
      <c r="BD13" s="196">
        <v>9</v>
      </c>
      <c r="BE13" s="195">
        <v>9</v>
      </c>
      <c r="BF13" s="190">
        <v>0</v>
      </c>
      <c r="BG13" s="191">
        <v>0</v>
      </c>
      <c r="BH13" s="196">
        <v>0</v>
      </c>
      <c r="BI13" s="193">
        <v>0</v>
      </c>
      <c r="BJ13" s="191">
        <v>7</v>
      </c>
      <c r="BK13" s="191">
        <v>6</v>
      </c>
      <c r="BL13" s="191">
        <v>8</v>
      </c>
      <c r="BM13" s="191">
        <v>5</v>
      </c>
      <c r="BN13" s="191">
        <v>4</v>
      </c>
      <c r="BO13" s="194">
        <v>30</v>
      </c>
      <c r="BP13" s="195">
        <v>30</v>
      </c>
      <c r="BQ13" s="190">
        <v>0</v>
      </c>
      <c r="BR13" s="191">
        <v>0</v>
      </c>
      <c r="BS13" s="196">
        <v>0</v>
      </c>
      <c r="BT13" s="193">
        <v>0</v>
      </c>
      <c r="BU13" s="191">
        <v>3</v>
      </c>
      <c r="BV13" s="191">
        <v>2</v>
      </c>
      <c r="BW13" s="191">
        <v>1</v>
      </c>
      <c r="BX13" s="191">
        <v>3</v>
      </c>
      <c r="BY13" s="191">
        <v>2</v>
      </c>
      <c r="BZ13" s="196">
        <v>11</v>
      </c>
      <c r="CA13" s="195">
        <v>11</v>
      </c>
      <c r="CB13" s="190">
        <v>0</v>
      </c>
      <c r="CC13" s="191">
        <v>0</v>
      </c>
      <c r="CD13" s="196">
        <v>0</v>
      </c>
      <c r="CE13" s="193">
        <v>0</v>
      </c>
      <c r="CF13" s="191">
        <v>0</v>
      </c>
      <c r="CG13" s="191">
        <v>1</v>
      </c>
      <c r="CH13" s="191">
        <v>1</v>
      </c>
      <c r="CI13" s="191">
        <v>3</v>
      </c>
      <c r="CJ13" s="191">
        <v>6</v>
      </c>
      <c r="CK13" s="196">
        <v>11</v>
      </c>
      <c r="CL13" s="195">
        <v>11</v>
      </c>
      <c r="CM13" s="190">
        <v>0</v>
      </c>
      <c r="CN13" s="191">
        <v>0</v>
      </c>
      <c r="CO13" s="196">
        <v>0</v>
      </c>
      <c r="CP13" s="193">
        <v>0</v>
      </c>
      <c r="CQ13" s="191">
        <v>1</v>
      </c>
      <c r="CR13" s="191">
        <v>3</v>
      </c>
      <c r="CS13" s="191">
        <v>2</v>
      </c>
      <c r="CT13" s="191">
        <v>2</v>
      </c>
      <c r="CU13" s="191">
        <v>2</v>
      </c>
      <c r="CV13" s="196">
        <v>10</v>
      </c>
      <c r="CW13" s="195">
        <v>10</v>
      </c>
    </row>
    <row r="14" spans="2:101" ht="21" customHeight="1" x14ac:dyDescent="0.2">
      <c r="B14" s="106" t="s">
        <v>11</v>
      </c>
      <c r="C14" s="190">
        <v>0</v>
      </c>
      <c r="D14" s="196">
        <v>0</v>
      </c>
      <c r="E14" s="207">
        <v>0</v>
      </c>
      <c r="F14" s="193">
        <v>0</v>
      </c>
      <c r="G14" s="191">
        <v>2</v>
      </c>
      <c r="H14" s="191">
        <v>0</v>
      </c>
      <c r="I14" s="191">
        <v>0</v>
      </c>
      <c r="J14" s="191">
        <v>0</v>
      </c>
      <c r="K14" s="191">
        <v>0</v>
      </c>
      <c r="L14" s="194">
        <v>2</v>
      </c>
      <c r="M14" s="195">
        <v>2</v>
      </c>
      <c r="N14" s="190">
        <v>0</v>
      </c>
      <c r="O14" s="191">
        <v>0</v>
      </c>
      <c r="P14" s="196">
        <v>0</v>
      </c>
      <c r="Q14" s="193">
        <v>0</v>
      </c>
      <c r="R14" s="191">
        <v>0</v>
      </c>
      <c r="S14" s="191">
        <v>1</v>
      </c>
      <c r="T14" s="191">
        <v>0</v>
      </c>
      <c r="U14" s="191">
        <v>0</v>
      </c>
      <c r="V14" s="191">
        <v>0</v>
      </c>
      <c r="W14" s="196">
        <v>1</v>
      </c>
      <c r="X14" s="195">
        <v>1</v>
      </c>
      <c r="Y14" s="190">
        <v>0</v>
      </c>
      <c r="Z14" s="191">
        <v>0</v>
      </c>
      <c r="AA14" s="196">
        <v>0</v>
      </c>
      <c r="AB14" s="193">
        <v>0</v>
      </c>
      <c r="AC14" s="191">
        <v>19</v>
      </c>
      <c r="AD14" s="191">
        <v>9</v>
      </c>
      <c r="AE14" s="191">
        <v>5</v>
      </c>
      <c r="AF14" s="191">
        <v>2</v>
      </c>
      <c r="AG14" s="191">
        <v>1</v>
      </c>
      <c r="AH14" s="196">
        <v>36</v>
      </c>
      <c r="AI14" s="195">
        <v>36</v>
      </c>
      <c r="AJ14" s="190">
        <v>0</v>
      </c>
      <c r="AK14" s="191">
        <v>0</v>
      </c>
      <c r="AL14" s="196">
        <v>0</v>
      </c>
      <c r="AM14" s="193">
        <v>0</v>
      </c>
      <c r="AN14" s="191">
        <v>0</v>
      </c>
      <c r="AO14" s="191">
        <v>1</v>
      </c>
      <c r="AP14" s="191">
        <v>1</v>
      </c>
      <c r="AQ14" s="191">
        <v>0</v>
      </c>
      <c r="AR14" s="191">
        <v>0</v>
      </c>
      <c r="AS14" s="196">
        <v>2</v>
      </c>
      <c r="AT14" s="195">
        <v>2</v>
      </c>
      <c r="AU14" s="190">
        <v>0</v>
      </c>
      <c r="AV14" s="191">
        <v>0</v>
      </c>
      <c r="AW14" s="196">
        <v>0</v>
      </c>
      <c r="AX14" s="193">
        <v>0</v>
      </c>
      <c r="AY14" s="191">
        <v>2</v>
      </c>
      <c r="AZ14" s="191">
        <v>1</v>
      </c>
      <c r="BA14" s="191">
        <v>1</v>
      </c>
      <c r="BB14" s="191">
        <v>0</v>
      </c>
      <c r="BC14" s="191">
        <v>0</v>
      </c>
      <c r="BD14" s="196">
        <v>4</v>
      </c>
      <c r="BE14" s="195">
        <v>4</v>
      </c>
      <c r="BF14" s="190">
        <v>0</v>
      </c>
      <c r="BG14" s="191">
        <v>0</v>
      </c>
      <c r="BH14" s="196">
        <v>0</v>
      </c>
      <c r="BI14" s="193">
        <v>0</v>
      </c>
      <c r="BJ14" s="191">
        <v>1</v>
      </c>
      <c r="BK14" s="191">
        <v>3</v>
      </c>
      <c r="BL14" s="191">
        <v>1</v>
      </c>
      <c r="BM14" s="191">
        <v>2</v>
      </c>
      <c r="BN14" s="191">
        <v>0</v>
      </c>
      <c r="BO14" s="194">
        <v>7</v>
      </c>
      <c r="BP14" s="195">
        <v>7</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0</v>
      </c>
      <c r="CH14" s="191">
        <v>0</v>
      </c>
      <c r="CI14" s="191">
        <v>0</v>
      </c>
      <c r="CJ14" s="191">
        <v>0</v>
      </c>
      <c r="CK14" s="196">
        <v>0</v>
      </c>
      <c r="CL14" s="195">
        <v>0</v>
      </c>
      <c r="CM14" s="190">
        <v>0</v>
      </c>
      <c r="CN14" s="191">
        <v>0</v>
      </c>
      <c r="CO14" s="196">
        <v>0</v>
      </c>
      <c r="CP14" s="193">
        <v>0</v>
      </c>
      <c r="CQ14" s="191">
        <v>1</v>
      </c>
      <c r="CR14" s="191">
        <v>1</v>
      </c>
      <c r="CS14" s="191">
        <v>2</v>
      </c>
      <c r="CT14" s="191">
        <v>0</v>
      </c>
      <c r="CU14" s="191">
        <v>1</v>
      </c>
      <c r="CV14" s="196">
        <v>5</v>
      </c>
      <c r="CW14" s="195">
        <v>5</v>
      </c>
    </row>
    <row r="15" spans="2:101" ht="21" customHeight="1" x14ac:dyDescent="0.2">
      <c r="B15" s="106" t="s">
        <v>12</v>
      </c>
      <c r="C15" s="190">
        <v>0</v>
      </c>
      <c r="D15" s="196">
        <v>0</v>
      </c>
      <c r="E15" s="207">
        <v>0</v>
      </c>
      <c r="F15" s="193">
        <v>0</v>
      </c>
      <c r="G15" s="191">
        <v>0</v>
      </c>
      <c r="H15" s="191">
        <v>0</v>
      </c>
      <c r="I15" s="191">
        <v>0</v>
      </c>
      <c r="J15" s="191">
        <v>0</v>
      </c>
      <c r="K15" s="191">
        <v>0</v>
      </c>
      <c r="L15" s="194">
        <v>0</v>
      </c>
      <c r="M15" s="195">
        <v>0</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23</v>
      </c>
      <c r="AD15" s="191">
        <v>22</v>
      </c>
      <c r="AE15" s="191">
        <v>4</v>
      </c>
      <c r="AF15" s="191">
        <v>7</v>
      </c>
      <c r="AG15" s="191">
        <v>2</v>
      </c>
      <c r="AH15" s="196">
        <v>58</v>
      </c>
      <c r="AI15" s="195">
        <v>58</v>
      </c>
      <c r="AJ15" s="190">
        <v>0</v>
      </c>
      <c r="AK15" s="191">
        <v>0</v>
      </c>
      <c r="AL15" s="196">
        <v>0</v>
      </c>
      <c r="AM15" s="193">
        <v>0</v>
      </c>
      <c r="AN15" s="191">
        <v>0</v>
      </c>
      <c r="AO15" s="191">
        <v>0</v>
      </c>
      <c r="AP15" s="191">
        <v>0</v>
      </c>
      <c r="AQ15" s="191">
        <v>0</v>
      </c>
      <c r="AR15" s="191">
        <v>0</v>
      </c>
      <c r="AS15" s="196">
        <v>0</v>
      </c>
      <c r="AT15" s="195">
        <v>0</v>
      </c>
      <c r="AU15" s="190">
        <v>0</v>
      </c>
      <c r="AV15" s="191">
        <v>0</v>
      </c>
      <c r="AW15" s="196">
        <v>0</v>
      </c>
      <c r="AX15" s="193">
        <v>0</v>
      </c>
      <c r="AY15" s="191">
        <v>3</v>
      </c>
      <c r="AZ15" s="191">
        <v>1</v>
      </c>
      <c r="BA15" s="191">
        <v>3</v>
      </c>
      <c r="BB15" s="191">
        <v>5</v>
      </c>
      <c r="BC15" s="191">
        <v>4</v>
      </c>
      <c r="BD15" s="196">
        <v>16</v>
      </c>
      <c r="BE15" s="195">
        <v>16</v>
      </c>
      <c r="BF15" s="190">
        <v>0</v>
      </c>
      <c r="BG15" s="191">
        <v>0</v>
      </c>
      <c r="BH15" s="196">
        <v>0</v>
      </c>
      <c r="BI15" s="193">
        <v>0</v>
      </c>
      <c r="BJ15" s="191">
        <v>1</v>
      </c>
      <c r="BK15" s="191">
        <v>1</v>
      </c>
      <c r="BL15" s="191">
        <v>1</v>
      </c>
      <c r="BM15" s="191">
        <v>1</v>
      </c>
      <c r="BN15" s="191">
        <v>1</v>
      </c>
      <c r="BO15" s="194">
        <v>5</v>
      </c>
      <c r="BP15" s="195">
        <v>5</v>
      </c>
      <c r="BQ15" s="190">
        <v>0</v>
      </c>
      <c r="BR15" s="191">
        <v>0</v>
      </c>
      <c r="BS15" s="196">
        <v>0</v>
      </c>
      <c r="BT15" s="193">
        <v>0</v>
      </c>
      <c r="BU15" s="191">
        <v>0</v>
      </c>
      <c r="BV15" s="191">
        <v>3</v>
      </c>
      <c r="BW15" s="191">
        <v>0</v>
      </c>
      <c r="BX15" s="191">
        <v>3</v>
      </c>
      <c r="BY15" s="191">
        <v>1</v>
      </c>
      <c r="BZ15" s="196">
        <v>7</v>
      </c>
      <c r="CA15" s="195">
        <v>7</v>
      </c>
      <c r="CB15" s="190">
        <v>0</v>
      </c>
      <c r="CC15" s="191">
        <v>0</v>
      </c>
      <c r="CD15" s="196">
        <v>0</v>
      </c>
      <c r="CE15" s="193">
        <v>0</v>
      </c>
      <c r="CF15" s="191">
        <v>0</v>
      </c>
      <c r="CG15" s="191">
        <v>0</v>
      </c>
      <c r="CH15" s="191">
        <v>0</v>
      </c>
      <c r="CI15" s="191">
        <v>1</v>
      </c>
      <c r="CJ15" s="191">
        <v>1</v>
      </c>
      <c r="CK15" s="196">
        <v>2</v>
      </c>
      <c r="CL15" s="195">
        <v>2</v>
      </c>
      <c r="CM15" s="190">
        <v>0</v>
      </c>
      <c r="CN15" s="191">
        <v>0</v>
      </c>
      <c r="CO15" s="196">
        <v>0</v>
      </c>
      <c r="CP15" s="193">
        <v>0</v>
      </c>
      <c r="CQ15" s="191">
        <v>0</v>
      </c>
      <c r="CR15" s="191">
        <v>1</v>
      </c>
      <c r="CS15" s="191">
        <v>0</v>
      </c>
      <c r="CT15" s="191">
        <v>5</v>
      </c>
      <c r="CU15" s="191">
        <v>0</v>
      </c>
      <c r="CV15" s="196">
        <v>6</v>
      </c>
      <c r="CW15" s="195">
        <v>6</v>
      </c>
    </row>
    <row r="16" spans="2:101" ht="21" customHeight="1" x14ac:dyDescent="0.2">
      <c r="B16" s="106" t="s">
        <v>13</v>
      </c>
      <c r="C16" s="190">
        <v>0</v>
      </c>
      <c r="D16" s="196">
        <v>0</v>
      </c>
      <c r="E16" s="207">
        <v>0</v>
      </c>
      <c r="F16" s="193">
        <v>0</v>
      </c>
      <c r="G16" s="191">
        <v>0</v>
      </c>
      <c r="H16" s="191">
        <v>0</v>
      </c>
      <c r="I16" s="191">
        <v>0</v>
      </c>
      <c r="J16" s="191">
        <v>0</v>
      </c>
      <c r="K16" s="191">
        <v>0</v>
      </c>
      <c r="L16" s="194">
        <v>0</v>
      </c>
      <c r="M16" s="195">
        <v>0</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19</v>
      </c>
      <c r="AD16" s="191">
        <v>20</v>
      </c>
      <c r="AE16" s="191">
        <v>3</v>
      </c>
      <c r="AF16" s="191">
        <v>2</v>
      </c>
      <c r="AG16" s="191">
        <v>0</v>
      </c>
      <c r="AH16" s="196">
        <v>44</v>
      </c>
      <c r="AI16" s="195">
        <v>44</v>
      </c>
      <c r="AJ16" s="190">
        <v>0</v>
      </c>
      <c r="AK16" s="191">
        <v>0</v>
      </c>
      <c r="AL16" s="196">
        <v>0</v>
      </c>
      <c r="AM16" s="193">
        <v>0</v>
      </c>
      <c r="AN16" s="191">
        <v>0</v>
      </c>
      <c r="AO16" s="191">
        <v>1</v>
      </c>
      <c r="AP16" s="191">
        <v>1</v>
      </c>
      <c r="AQ16" s="191">
        <v>0</v>
      </c>
      <c r="AR16" s="191">
        <v>2</v>
      </c>
      <c r="AS16" s="196">
        <v>4</v>
      </c>
      <c r="AT16" s="195">
        <v>4</v>
      </c>
      <c r="AU16" s="190">
        <v>0</v>
      </c>
      <c r="AV16" s="191">
        <v>0</v>
      </c>
      <c r="AW16" s="196">
        <v>0</v>
      </c>
      <c r="AX16" s="193">
        <v>0</v>
      </c>
      <c r="AY16" s="191">
        <v>0</v>
      </c>
      <c r="AZ16" s="191">
        <v>1</v>
      </c>
      <c r="BA16" s="191">
        <v>0</v>
      </c>
      <c r="BB16" s="191">
        <v>0</v>
      </c>
      <c r="BC16" s="191">
        <v>1</v>
      </c>
      <c r="BD16" s="196">
        <v>2</v>
      </c>
      <c r="BE16" s="195">
        <v>2</v>
      </c>
      <c r="BF16" s="190">
        <v>0</v>
      </c>
      <c r="BG16" s="191">
        <v>0</v>
      </c>
      <c r="BH16" s="196">
        <v>0</v>
      </c>
      <c r="BI16" s="193">
        <v>0</v>
      </c>
      <c r="BJ16" s="191">
        <v>0</v>
      </c>
      <c r="BK16" s="191">
        <v>1</v>
      </c>
      <c r="BL16" s="191">
        <v>2</v>
      </c>
      <c r="BM16" s="191">
        <v>2</v>
      </c>
      <c r="BN16" s="191">
        <v>0</v>
      </c>
      <c r="BO16" s="194">
        <v>5</v>
      </c>
      <c r="BP16" s="195">
        <v>5</v>
      </c>
      <c r="BQ16" s="190">
        <v>0</v>
      </c>
      <c r="BR16" s="191">
        <v>0</v>
      </c>
      <c r="BS16" s="196">
        <v>0</v>
      </c>
      <c r="BT16" s="193">
        <v>0</v>
      </c>
      <c r="BU16" s="191">
        <v>0</v>
      </c>
      <c r="BV16" s="191">
        <v>0</v>
      </c>
      <c r="BW16" s="191">
        <v>1</v>
      </c>
      <c r="BX16" s="191">
        <v>0</v>
      </c>
      <c r="BY16" s="191">
        <v>0</v>
      </c>
      <c r="BZ16" s="196">
        <v>1</v>
      </c>
      <c r="CA16" s="195">
        <v>1</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0</v>
      </c>
      <c r="H17" s="191">
        <v>0</v>
      </c>
      <c r="I17" s="191">
        <v>0</v>
      </c>
      <c r="J17" s="191">
        <v>1</v>
      </c>
      <c r="K17" s="191">
        <v>0</v>
      </c>
      <c r="L17" s="194">
        <v>1</v>
      </c>
      <c r="M17" s="195">
        <v>1</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12</v>
      </c>
      <c r="AD17" s="191">
        <v>8</v>
      </c>
      <c r="AE17" s="191">
        <v>2</v>
      </c>
      <c r="AF17" s="191">
        <v>3</v>
      </c>
      <c r="AG17" s="191">
        <v>0</v>
      </c>
      <c r="AH17" s="196">
        <v>25</v>
      </c>
      <c r="AI17" s="195">
        <v>25</v>
      </c>
      <c r="AJ17" s="190">
        <v>0</v>
      </c>
      <c r="AK17" s="191">
        <v>0</v>
      </c>
      <c r="AL17" s="196">
        <v>0</v>
      </c>
      <c r="AM17" s="193">
        <v>0</v>
      </c>
      <c r="AN17" s="191">
        <v>0</v>
      </c>
      <c r="AO17" s="191">
        <v>0</v>
      </c>
      <c r="AP17" s="191">
        <v>0</v>
      </c>
      <c r="AQ17" s="191">
        <v>1</v>
      </c>
      <c r="AR17" s="191">
        <v>0</v>
      </c>
      <c r="AS17" s="196">
        <v>1</v>
      </c>
      <c r="AT17" s="195">
        <v>1</v>
      </c>
      <c r="AU17" s="190">
        <v>0</v>
      </c>
      <c r="AV17" s="191">
        <v>0</v>
      </c>
      <c r="AW17" s="196">
        <v>0</v>
      </c>
      <c r="AX17" s="193">
        <v>0</v>
      </c>
      <c r="AY17" s="191">
        <v>0</v>
      </c>
      <c r="AZ17" s="191">
        <v>1</v>
      </c>
      <c r="BA17" s="191">
        <v>0</v>
      </c>
      <c r="BB17" s="191">
        <v>0</v>
      </c>
      <c r="BC17" s="191">
        <v>1</v>
      </c>
      <c r="BD17" s="196">
        <v>2</v>
      </c>
      <c r="BE17" s="195">
        <v>2</v>
      </c>
      <c r="BF17" s="190">
        <v>0</v>
      </c>
      <c r="BG17" s="191">
        <v>0</v>
      </c>
      <c r="BH17" s="196">
        <v>0</v>
      </c>
      <c r="BI17" s="193">
        <v>0</v>
      </c>
      <c r="BJ17" s="191">
        <v>1</v>
      </c>
      <c r="BK17" s="191">
        <v>0</v>
      </c>
      <c r="BL17" s="191">
        <v>0</v>
      </c>
      <c r="BM17" s="191">
        <v>0</v>
      </c>
      <c r="BN17" s="191">
        <v>0</v>
      </c>
      <c r="BO17" s="194">
        <v>1</v>
      </c>
      <c r="BP17" s="195">
        <v>1</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0</v>
      </c>
      <c r="CI17" s="191">
        <v>0</v>
      </c>
      <c r="CJ17" s="191">
        <v>0</v>
      </c>
      <c r="CK17" s="196">
        <v>0</v>
      </c>
      <c r="CL17" s="195">
        <v>0</v>
      </c>
      <c r="CM17" s="190">
        <v>0</v>
      </c>
      <c r="CN17" s="191">
        <v>0</v>
      </c>
      <c r="CO17" s="196">
        <v>0</v>
      </c>
      <c r="CP17" s="193">
        <v>0</v>
      </c>
      <c r="CQ17" s="191">
        <v>0</v>
      </c>
      <c r="CR17" s="191">
        <v>0</v>
      </c>
      <c r="CS17" s="191">
        <v>2</v>
      </c>
      <c r="CT17" s="191">
        <v>1</v>
      </c>
      <c r="CU17" s="191">
        <v>0</v>
      </c>
      <c r="CV17" s="196">
        <v>3</v>
      </c>
      <c r="CW17" s="195">
        <v>3</v>
      </c>
    </row>
    <row r="18" spans="2:101" ht="21" customHeight="1" x14ac:dyDescent="0.2">
      <c r="B18" s="106" t="s">
        <v>16</v>
      </c>
      <c r="C18" s="190">
        <v>0</v>
      </c>
      <c r="D18" s="196">
        <v>0</v>
      </c>
      <c r="E18" s="207">
        <v>0</v>
      </c>
      <c r="F18" s="193">
        <v>0</v>
      </c>
      <c r="G18" s="191">
        <v>0</v>
      </c>
      <c r="H18" s="191">
        <v>0</v>
      </c>
      <c r="I18" s="191">
        <v>0</v>
      </c>
      <c r="J18" s="191">
        <v>1</v>
      </c>
      <c r="K18" s="191">
        <v>0</v>
      </c>
      <c r="L18" s="194">
        <v>1</v>
      </c>
      <c r="M18" s="195">
        <v>1</v>
      </c>
      <c r="N18" s="190">
        <v>0</v>
      </c>
      <c r="O18" s="191">
        <v>0</v>
      </c>
      <c r="P18" s="196">
        <v>0</v>
      </c>
      <c r="Q18" s="193">
        <v>0</v>
      </c>
      <c r="R18" s="191">
        <v>0</v>
      </c>
      <c r="S18" s="191">
        <v>0</v>
      </c>
      <c r="T18" s="191">
        <v>0</v>
      </c>
      <c r="U18" s="191">
        <v>1</v>
      </c>
      <c r="V18" s="191">
        <v>0</v>
      </c>
      <c r="W18" s="196">
        <v>1</v>
      </c>
      <c r="X18" s="195">
        <v>1</v>
      </c>
      <c r="Y18" s="190">
        <v>0</v>
      </c>
      <c r="Z18" s="191">
        <v>0</v>
      </c>
      <c r="AA18" s="196">
        <v>0</v>
      </c>
      <c r="AB18" s="193">
        <v>0</v>
      </c>
      <c r="AC18" s="191">
        <v>10</v>
      </c>
      <c r="AD18" s="191">
        <v>7</v>
      </c>
      <c r="AE18" s="191">
        <v>7</v>
      </c>
      <c r="AF18" s="191">
        <v>1</v>
      </c>
      <c r="AG18" s="191">
        <v>0</v>
      </c>
      <c r="AH18" s="196">
        <v>25</v>
      </c>
      <c r="AI18" s="195">
        <v>25</v>
      </c>
      <c r="AJ18" s="190">
        <v>0</v>
      </c>
      <c r="AK18" s="191">
        <v>0</v>
      </c>
      <c r="AL18" s="196">
        <v>0</v>
      </c>
      <c r="AM18" s="193">
        <v>0</v>
      </c>
      <c r="AN18" s="191">
        <v>0</v>
      </c>
      <c r="AO18" s="191">
        <v>0</v>
      </c>
      <c r="AP18" s="191">
        <v>2</v>
      </c>
      <c r="AQ18" s="191">
        <v>1</v>
      </c>
      <c r="AR18" s="191">
        <v>0</v>
      </c>
      <c r="AS18" s="196">
        <v>3</v>
      </c>
      <c r="AT18" s="195">
        <v>3</v>
      </c>
      <c r="AU18" s="190">
        <v>0</v>
      </c>
      <c r="AV18" s="191">
        <v>0</v>
      </c>
      <c r="AW18" s="196">
        <v>0</v>
      </c>
      <c r="AX18" s="193">
        <v>0</v>
      </c>
      <c r="AY18" s="191">
        <v>1</v>
      </c>
      <c r="AZ18" s="191">
        <v>0</v>
      </c>
      <c r="BA18" s="191">
        <v>0</v>
      </c>
      <c r="BB18" s="191">
        <v>1</v>
      </c>
      <c r="BC18" s="191">
        <v>0</v>
      </c>
      <c r="BD18" s="196">
        <v>2</v>
      </c>
      <c r="BE18" s="195">
        <v>2</v>
      </c>
      <c r="BF18" s="190">
        <v>0</v>
      </c>
      <c r="BG18" s="191">
        <v>0</v>
      </c>
      <c r="BH18" s="196">
        <v>0</v>
      </c>
      <c r="BI18" s="193">
        <v>0</v>
      </c>
      <c r="BJ18" s="191">
        <v>1</v>
      </c>
      <c r="BK18" s="191">
        <v>2</v>
      </c>
      <c r="BL18" s="191">
        <v>0</v>
      </c>
      <c r="BM18" s="191">
        <v>0</v>
      </c>
      <c r="BN18" s="191">
        <v>1</v>
      </c>
      <c r="BO18" s="194">
        <v>4</v>
      </c>
      <c r="BP18" s="195">
        <v>4</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0</v>
      </c>
      <c r="CH18" s="191">
        <v>0</v>
      </c>
      <c r="CI18" s="191">
        <v>2</v>
      </c>
      <c r="CJ18" s="191">
        <v>0</v>
      </c>
      <c r="CK18" s="196">
        <v>2</v>
      </c>
      <c r="CL18" s="195">
        <v>2</v>
      </c>
      <c r="CM18" s="190">
        <v>0</v>
      </c>
      <c r="CN18" s="191">
        <v>0</v>
      </c>
      <c r="CO18" s="196">
        <v>0</v>
      </c>
      <c r="CP18" s="193">
        <v>0</v>
      </c>
      <c r="CQ18" s="191">
        <v>0</v>
      </c>
      <c r="CR18" s="191">
        <v>1</v>
      </c>
      <c r="CS18" s="191">
        <v>1</v>
      </c>
      <c r="CT18" s="191">
        <v>0</v>
      </c>
      <c r="CU18" s="191">
        <v>0</v>
      </c>
      <c r="CV18" s="196">
        <v>2</v>
      </c>
      <c r="CW18" s="195">
        <v>2</v>
      </c>
    </row>
    <row r="19" spans="2:101" ht="21" customHeight="1" x14ac:dyDescent="0.2">
      <c r="B19" s="106" t="s">
        <v>17</v>
      </c>
      <c r="C19" s="190">
        <v>0</v>
      </c>
      <c r="D19" s="196">
        <v>0</v>
      </c>
      <c r="E19" s="207">
        <v>0</v>
      </c>
      <c r="F19" s="193">
        <v>0</v>
      </c>
      <c r="G19" s="191">
        <v>0</v>
      </c>
      <c r="H19" s="191">
        <v>0</v>
      </c>
      <c r="I19" s="191">
        <v>0</v>
      </c>
      <c r="J19" s="191">
        <v>0</v>
      </c>
      <c r="K19" s="191">
        <v>0</v>
      </c>
      <c r="L19" s="194">
        <v>0</v>
      </c>
      <c r="M19" s="195">
        <v>0</v>
      </c>
      <c r="N19" s="190">
        <v>0</v>
      </c>
      <c r="O19" s="191">
        <v>0</v>
      </c>
      <c r="P19" s="196">
        <v>0</v>
      </c>
      <c r="Q19" s="193">
        <v>0</v>
      </c>
      <c r="R19" s="191">
        <v>0</v>
      </c>
      <c r="S19" s="191">
        <v>0</v>
      </c>
      <c r="T19" s="191">
        <v>0</v>
      </c>
      <c r="U19" s="191">
        <v>0</v>
      </c>
      <c r="V19" s="191">
        <v>0</v>
      </c>
      <c r="W19" s="196">
        <v>0</v>
      </c>
      <c r="X19" s="195">
        <v>0</v>
      </c>
      <c r="Y19" s="190">
        <v>0</v>
      </c>
      <c r="Z19" s="191">
        <v>0</v>
      </c>
      <c r="AA19" s="196">
        <v>0</v>
      </c>
      <c r="AB19" s="193">
        <v>0</v>
      </c>
      <c r="AC19" s="191">
        <v>25</v>
      </c>
      <c r="AD19" s="191">
        <v>29</v>
      </c>
      <c r="AE19" s="191">
        <v>4</v>
      </c>
      <c r="AF19" s="191">
        <v>3</v>
      </c>
      <c r="AG19" s="191">
        <v>1</v>
      </c>
      <c r="AH19" s="196">
        <v>62</v>
      </c>
      <c r="AI19" s="195">
        <v>62</v>
      </c>
      <c r="AJ19" s="190">
        <v>0</v>
      </c>
      <c r="AK19" s="191">
        <v>0</v>
      </c>
      <c r="AL19" s="196">
        <v>0</v>
      </c>
      <c r="AM19" s="193">
        <v>0</v>
      </c>
      <c r="AN19" s="191">
        <v>1</v>
      </c>
      <c r="AO19" s="191">
        <v>1</v>
      </c>
      <c r="AP19" s="191">
        <v>0</v>
      </c>
      <c r="AQ19" s="191">
        <v>0</v>
      </c>
      <c r="AR19" s="191">
        <v>0</v>
      </c>
      <c r="AS19" s="196">
        <v>2</v>
      </c>
      <c r="AT19" s="195">
        <v>2</v>
      </c>
      <c r="AU19" s="190">
        <v>0</v>
      </c>
      <c r="AV19" s="191">
        <v>0</v>
      </c>
      <c r="AW19" s="196">
        <v>0</v>
      </c>
      <c r="AX19" s="193">
        <v>0</v>
      </c>
      <c r="AY19" s="191">
        <v>0</v>
      </c>
      <c r="AZ19" s="191">
        <v>2</v>
      </c>
      <c r="BA19" s="191">
        <v>1</v>
      </c>
      <c r="BB19" s="191">
        <v>0</v>
      </c>
      <c r="BC19" s="191">
        <v>1</v>
      </c>
      <c r="BD19" s="196">
        <v>4</v>
      </c>
      <c r="BE19" s="195">
        <v>4</v>
      </c>
      <c r="BF19" s="190">
        <v>0</v>
      </c>
      <c r="BG19" s="191">
        <v>0</v>
      </c>
      <c r="BH19" s="196">
        <v>0</v>
      </c>
      <c r="BI19" s="193">
        <v>0</v>
      </c>
      <c r="BJ19" s="191">
        <v>0</v>
      </c>
      <c r="BK19" s="191">
        <v>3</v>
      </c>
      <c r="BL19" s="191">
        <v>4</v>
      </c>
      <c r="BM19" s="191">
        <v>0</v>
      </c>
      <c r="BN19" s="191">
        <v>0</v>
      </c>
      <c r="BO19" s="194">
        <v>7</v>
      </c>
      <c r="BP19" s="195">
        <v>7</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0</v>
      </c>
      <c r="CH19" s="191">
        <v>0</v>
      </c>
      <c r="CI19" s="191">
        <v>3</v>
      </c>
      <c r="CJ19" s="191">
        <v>1</v>
      </c>
      <c r="CK19" s="196">
        <v>4</v>
      </c>
      <c r="CL19" s="195">
        <v>4</v>
      </c>
      <c r="CM19" s="190">
        <v>0</v>
      </c>
      <c r="CN19" s="191">
        <v>0</v>
      </c>
      <c r="CO19" s="196">
        <v>0</v>
      </c>
      <c r="CP19" s="193">
        <v>0</v>
      </c>
      <c r="CQ19" s="191">
        <v>0</v>
      </c>
      <c r="CR19" s="191">
        <v>0</v>
      </c>
      <c r="CS19" s="191">
        <v>0</v>
      </c>
      <c r="CT19" s="191">
        <v>0</v>
      </c>
      <c r="CU19" s="191">
        <v>0</v>
      </c>
      <c r="CV19" s="196">
        <v>0</v>
      </c>
      <c r="CW19" s="195">
        <v>0</v>
      </c>
    </row>
    <row r="20" spans="2:101" ht="21" customHeight="1" x14ac:dyDescent="0.2">
      <c r="B20" s="106" t="s">
        <v>18</v>
      </c>
      <c r="C20" s="190">
        <v>0</v>
      </c>
      <c r="D20" s="196">
        <v>0</v>
      </c>
      <c r="E20" s="207">
        <v>0</v>
      </c>
      <c r="F20" s="193">
        <v>0</v>
      </c>
      <c r="G20" s="191">
        <v>0</v>
      </c>
      <c r="H20" s="191">
        <v>1</v>
      </c>
      <c r="I20" s="191">
        <v>0</v>
      </c>
      <c r="J20" s="191">
        <v>0</v>
      </c>
      <c r="K20" s="191">
        <v>0</v>
      </c>
      <c r="L20" s="194">
        <v>1</v>
      </c>
      <c r="M20" s="195">
        <v>1</v>
      </c>
      <c r="N20" s="190">
        <v>0</v>
      </c>
      <c r="O20" s="191">
        <v>0</v>
      </c>
      <c r="P20" s="196">
        <v>0</v>
      </c>
      <c r="Q20" s="193">
        <v>0</v>
      </c>
      <c r="R20" s="191">
        <v>0</v>
      </c>
      <c r="S20" s="191">
        <v>0</v>
      </c>
      <c r="T20" s="191">
        <v>0</v>
      </c>
      <c r="U20" s="191">
        <v>0</v>
      </c>
      <c r="V20" s="191">
        <v>0</v>
      </c>
      <c r="W20" s="196">
        <v>0</v>
      </c>
      <c r="X20" s="195">
        <v>0</v>
      </c>
      <c r="Y20" s="190">
        <v>0</v>
      </c>
      <c r="Z20" s="191">
        <v>0</v>
      </c>
      <c r="AA20" s="196">
        <v>0</v>
      </c>
      <c r="AB20" s="193">
        <v>0</v>
      </c>
      <c r="AC20" s="191">
        <v>19</v>
      </c>
      <c r="AD20" s="191">
        <v>13</v>
      </c>
      <c r="AE20" s="191">
        <v>5</v>
      </c>
      <c r="AF20" s="191">
        <v>0</v>
      </c>
      <c r="AG20" s="191">
        <v>1</v>
      </c>
      <c r="AH20" s="196">
        <v>38</v>
      </c>
      <c r="AI20" s="195">
        <v>38</v>
      </c>
      <c r="AJ20" s="190">
        <v>0</v>
      </c>
      <c r="AK20" s="191">
        <v>0</v>
      </c>
      <c r="AL20" s="196">
        <v>0</v>
      </c>
      <c r="AM20" s="193">
        <v>0</v>
      </c>
      <c r="AN20" s="191">
        <v>0</v>
      </c>
      <c r="AO20" s="191">
        <v>0</v>
      </c>
      <c r="AP20" s="191">
        <v>5</v>
      </c>
      <c r="AQ20" s="191">
        <v>0</v>
      </c>
      <c r="AR20" s="191">
        <v>1</v>
      </c>
      <c r="AS20" s="196">
        <v>6</v>
      </c>
      <c r="AT20" s="195">
        <v>6</v>
      </c>
      <c r="AU20" s="190">
        <v>1</v>
      </c>
      <c r="AV20" s="191">
        <v>0</v>
      </c>
      <c r="AW20" s="196">
        <v>1</v>
      </c>
      <c r="AX20" s="193">
        <v>0</v>
      </c>
      <c r="AY20" s="191">
        <v>3</v>
      </c>
      <c r="AZ20" s="191">
        <v>2</v>
      </c>
      <c r="BA20" s="191">
        <v>4</v>
      </c>
      <c r="BB20" s="191">
        <v>2</v>
      </c>
      <c r="BC20" s="191">
        <v>0</v>
      </c>
      <c r="BD20" s="196">
        <v>11</v>
      </c>
      <c r="BE20" s="195">
        <v>12</v>
      </c>
      <c r="BF20" s="190">
        <v>0</v>
      </c>
      <c r="BG20" s="191">
        <v>0</v>
      </c>
      <c r="BH20" s="196">
        <v>0</v>
      </c>
      <c r="BI20" s="193">
        <v>0</v>
      </c>
      <c r="BJ20" s="191">
        <v>2</v>
      </c>
      <c r="BK20" s="191">
        <v>3</v>
      </c>
      <c r="BL20" s="191">
        <v>5</v>
      </c>
      <c r="BM20" s="191">
        <v>3</v>
      </c>
      <c r="BN20" s="191">
        <v>1</v>
      </c>
      <c r="BO20" s="194">
        <v>14</v>
      </c>
      <c r="BP20" s="195">
        <v>14</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0</v>
      </c>
      <c r="CH20" s="191">
        <v>1</v>
      </c>
      <c r="CI20" s="191">
        <v>1</v>
      </c>
      <c r="CJ20" s="191">
        <v>1</v>
      </c>
      <c r="CK20" s="196">
        <v>3</v>
      </c>
      <c r="CL20" s="195">
        <v>3</v>
      </c>
      <c r="CM20" s="190">
        <v>0</v>
      </c>
      <c r="CN20" s="191">
        <v>0</v>
      </c>
      <c r="CO20" s="196">
        <v>0</v>
      </c>
      <c r="CP20" s="193">
        <v>0</v>
      </c>
      <c r="CQ20" s="191">
        <v>0</v>
      </c>
      <c r="CR20" s="191">
        <v>0</v>
      </c>
      <c r="CS20" s="191">
        <v>2</v>
      </c>
      <c r="CT20" s="191">
        <v>1</v>
      </c>
      <c r="CU20" s="191">
        <v>0</v>
      </c>
      <c r="CV20" s="196">
        <v>3</v>
      </c>
      <c r="CW20" s="195">
        <v>3</v>
      </c>
    </row>
    <row r="21" spans="2:101" ht="21" customHeight="1" x14ac:dyDescent="0.2">
      <c r="B21" s="106" t="s">
        <v>19</v>
      </c>
      <c r="C21" s="190">
        <v>0</v>
      </c>
      <c r="D21" s="196">
        <v>0</v>
      </c>
      <c r="E21" s="207">
        <v>0</v>
      </c>
      <c r="F21" s="193">
        <v>0</v>
      </c>
      <c r="G21" s="191">
        <v>0</v>
      </c>
      <c r="H21" s="191">
        <v>0</v>
      </c>
      <c r="I21" s="191">
        <v>0</v>
      </c>
      <c r="J21" s="191">
        <v>0</v>
      </c>
      <c r="K21" s="191">
        <v>0</v>
      </c>
      <c r="L21" s="194">
        <v>0</v>
      </c>
      <c r="M21" s="195">
        <v>0</v>
      </c>
      <c r="N21" s="190">
        <v>0</v>
      </c>
      <c r="O21" s="191">
        <v>0</v>
      </c>
      <c r="P21" s="196">
        <v>0</v>
      </c>
      <c r="Q21" s="193">
        <v>0</v>
      </c>
      <c r="R21" s="191">
        <v>0</v>
      </c>
      <c r="S21" s="191">
        <v>0</v>
      </c>
      <c r="T21" s="191">
        <v>0</v>
      </c>
      <c r="U21" s="191">
        <v>0</v>
      </c>
      <c r="V21" s="191">
        <v>0</v>
      </c>
      <c r="W21" s="196">
        <v>0</v>
      </c>
      <c r="X21" s="195">
        <v>0</v>
      </c>
      <c r="Y21" s="190">
        <v>0</v>
      </c>
      <c r="Z21" s="191">
        <v>0</v>
      </c>
      <c r="AA21" s="196">
        <v>0</v>
      </c>
      <c r="AB21" s="193">
        <v>0</v>
      </c>
      <c r="AC21" s="191">
        <v>9</v>
      </c>
      <c r="AD21" s="191">
        <v>3</v>
      </c>
      <c r="AE21" s="191">
        <v>0</v>
      </c>
      <c r="AF21" s="191">
        <v>0</v>
      </c>
      <c r="AG21" s="191">
        <v>0</v>
      </c>
      <c r="AH21" s="196">
        <v>12</v>
      </c>
      <c r="AI21" s="195">
        <v>12</v>
      </c>
      <c r="AJ21" s="190">
        <v>0</v>
      </c>
      <c r="AK21" s="191">
        <v>0</v>
      </c>
      <c r="AL21" s="196">
        <v>0</v>
      </c>
      <c r="AM21" s="193">
        <v>0</v>
      </c>
      <c r="AN21" s="191">
        <v>2</v>
      </c>
      <c r="AO21" s="191">
        <v>2</v>
      </c>
      <c r="AP21" s="191">
        <v>0</v>
      </c>
      <c r="AQ21" s="191">
        <v>0</v>
      </c>
      <c r="AR21" s="191">
        <v>0</v>
      </c>
      <c r="AS21" s="196">
        <v>4</v>
      </c>
      <c r="AT21" s="195">
        <v>4</v>
      </c>
      <c r="AU21" s="190">
        <v>0</v>
      </c>
      <c r="AV21" s="191">
        <v>0</v>
      </c>
      <c r="AW21" s="196">
        <v>0</v>
      </c>
      <c r="AX21" s="193">
        <v>0</v>
      </c>
      <c r="AY21" s="191">
        <v>2</v>
      </c>
      <c r="AZ21" s="191">
        <v>4</v>
      </c>
      <c r="BA21" s="191">
        <v>4</v>
      </c>
      <c r="BB21" s="191">
        <v>0</v>
      </c>
      <c r="BC21" s="191">
        <v>0</v>
      </c>
      <c r="BD21" s="196">
        <v>10</v>
      </c>
      <c r="BE21" s="195">
        <v>10</v>
      </c>
      <c r="BF21" s="190">
        <v>0</v>
      </c>
      <c r="BG21" s="191">
        <v>0</v>
      </c>
      <c r="BH21" s="196">
        <v>0</v>
      </c>
      <c r="BI21" s="193">
        <v>0</v>
      </c>
      <c r="BJ21" s="191">
        <v>1</v>
      </c>
      <c r="BK21" s="191">
        <v>2</v>
      </c>
      <c r="BL21" s="191">
        <v>1</v>
      </c>
      <c r="BM21" s="191">
        <v>0</v>
      </c>
      <c r="BN21" s="191">
        <v>1</v>
      </c>
      <c r="BO21" s="194">
        <v>5</v>
      </c>
      <c r="BP21" s="195">
        <v>5</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0</v>
      </c>
      <c r="CR21" s="191">
        <v>0</v>
      </c>
      <c r="CS21" s="191">
        <v>0</v>
      </c>
      <c r="CT21" s="191">
        <v>0</v>
      </c>
      <c r="CU21" s="191">
        <v>4</v>
      </c>
      <c r="CV21" s="196">
        <v>4</v>
      </c>
      <c r="CW21" s="195">
        <v>4</v>
      </c>
    </row>
    <row r="22" spans="2:101" ht="21" customHeight="1" x14ac:dyDescent="0.2">
      <c r="B22" s="106" t="s">
        <v>20</v>
      </c>
      <c r="C22" s="190">
        <v>0</v>
      </c>
      <c r="D22" s="196">
        <v>0</v>
      </c>
      <c r="E22" s="207">
        <v>0</v>
      </c>
      <c r="F22" s="193">
        <v>0</v>
      </c>
      <c r="G22" s="191">
        <v>0</v>
      </c>
      <c r="H22" s="191">
        <v>0</v>
      </c>
      <c r="I22" s="191">
        <v>0</v>
      </c>
      <c r="J22" s="191">
        <v>0</v>
      </c>
      <c r="K22" s="191">
        <v>0</v>
      </c>
      <c r="L22" s="194">
        <v>0</v>
      </c>
      <c r="M22" s="195">
        <v>0</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24</v>
      </c>
      <c r="AD22" s="191">
        <v>12</v>
      </c>
      <c r="AE22" s="191">
        <v>3</v>
      </c>
      <c r="AF22" s="191">
        <v>2</v>
      </c>
      <c r="AG22" s="191">
        <v>0</v>
      </c>
      <c r="AH22" s="196">
        <v>41</v>
      </c>
      <c r="AI22" s="195">
        <v>41</v>
      </c>
      <c r="AJ22" s="190">
        <v>0</v>
      </c>
      <c r="AK22" s="191">
        <v>0</v>
      </c>
      <c r="AL22" s="196">
        <v>0</v>
      </c>
      <c r="AM22" s="193">
        <v>0</v>
      </c>
      <c r="AN22" s="191">
        <v>0</v>
      </c>
      <c r="AO22" s="191">
        <v>0</v>
      </c>
      <c r="AP22" s="191">
        <v>0</v>
      </c>
      <c r="AQ22" s="191">
        <v>0</v>
      </c>
      <c r="AR22" s="191">
        <v>0</v>
      </c>
      <c r="AS22" s="196">
        <v>0</v>
      </c>
      <c r="AT22" s="195">
        <v>0</v>
      </c>
      <c r="AU22" s="190">
        <v>0</v>
      </c>
      <c r="AV22" s="191">
        <v>0</v>
      </c>
      <c r="AW22" s="196">
        <v>0</v>
      </c>
      <c r="AX22" s="193">
        <v>0</v>
      </c>
      <c r="AY22" s="191">
        <v>0</v>
      </c>
      <c r="AZ22" s="191">
        <v>0</v>
      </c>
      <c r="BA22" s="191">
        <v>2</v>
      </c>
      <c r="BB22" s="191">
        <v>0</v>
      </c>
      <c r="BC22" s="191">
        <v>0</v>
      </c>
      <c r="BD22" s="196">
        <v>2</v>
      </c>
      <c r="BE22" s="195">
        <v>2</v>
      </c>
      <c r="BF22" s="190">
        <v>0</v>
      </c>
      <c r="BG22" s="191">
        <v>0</v>
      </c>
      <c r="BH22" s="196">
        <v>0</v>
      </c>
      <c r="BI22" s="193">
        <v>0</v>
      </c>
      <c r="BJ22" s="191">
        <v>0</v>
      </c>
      <c r="BK22" s="191">
        <v>1</v>
      </c>
      <c r="BL22" s="191">
        <v>4</v>
      </c>
      <c r="BM22" s="191">
        <v>1</v>
      </c>
      <c r="BN22" s="191">
        <v>0</v>
      </c>
      <c r="BO22" s="194">
        <v>6</v>
      </c>
      <c r="BP22" s="195">
        <v>6</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1</v>
      </c>
      <c r="H23" s="191">
        <v>0</v>
      </c>
      <c r="I23" s="191">
        <v>0</v>
      </c>
      <c r="J23" s="191">
        <v>0</v>
      </c>
      <c r="K23" s="191">
        <v>0</v>
      </c>
      <c r="L23" s="194">
        <v>1</v>
      </c>
      <c r="M23" s="195">
        <v>1</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10</v>
      </c>
      <c r="AD23" s="191">
        <v>8</v>
      </c>
      <c r="AE23" s="191">
        <v>3</v>
      </c>
      <c r="AF23" s="191">
        <v>2</v>
      </c>
      <c r="AG23" s="191">
        <v>0</v>
      </c>
      <c r="AH23" s="196">
        <v>23</v>
      </c>
      <c r="AI23" s="195">
        <v>23</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0</v>
      </c>
      <c r="AZ23" s="191">
        <v>0</v>
      </c>
      <c r="BA23" s="191">
        <v>1</v>
      </c>
      <c r="BB23" s="191">
        <v>0</v>
      </c>
      <c r="BC23" s="191">
        <v>0</v>
      </c>
      <c r="BD23" s="196">
        <v>1</v>
      </c>
      <c r="BE23" s="195">
        <v>1</v>
      </c>
      <c r="BF23" s="190">
        <v>0</v>
      </c>
      <c r="BG23" s="191">
        <v>0</v>
      </c>
      <c r="BH23" s="196">
        <v>0</v>
      </c>
      <c r="BI23" s="193">
        <v>0</v>
      </c>
      <c r="BJ23" s="191">
        <v>1</v>
      </c>
      <c r="BK23" s="191">
        <v>3</v>
      </c>
      <c r="BL23" s="191">
        <v>1</v>
      </c>
      <c r="BM23" s="191">
        <v>1</v>
      </c>
      <c r="BN23" s="191">
        <v>0</v>
      </c>
      <c r="BO23" s="194">
        <v>6</v>
      </c>
      <c r="BP23" s="195">
        <v>6</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0</v>
      </c>
      <c r="CV23" s="196">
        <v>0</v>
      </c>
      <c r="CW23" s="195">
        <v>0</v>
      </c>
    </row>
    <row r="24" spans="2:101" ht="21" customHeight="1" x14ac:dyDescent="0.2">
      <c r="B24" s="106" t="s">
        <v>22</v>
      </c>
      <c r="C24" s="190">
        <v>0</v>
      </c>
      <c r="D24" s="196">
        <v>0</v>
      </c>
      <c r="E24" s="207">
        <v>0</v>
      </c>
      <c r="F24" s="193">
        <v>0</v>
      </c>
      <c r="G24" s="191">
        <v>0</v>
      </c>
      <c r="H24" s="191">
        <v>1</v>
      </c>
      <c r="I24" s="191">
        <v>2</v>
      </c>
      <c r="J24" s="191">
        <v>0</v>
      </c>
      <c r="K24" s="191">
        <v>0</v>
      </c>
      <c r="L24" s="194">
        <v>3</v>
      </c>
      <c r="M24" s="195">
        <v>3</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9</v>
      </c>
      <c r="AD24" s="191">
        <v>3</v>
      </c>
      <c r="AE24" s="191">
        <v>1</v>
      </c>
      <c r="AF24" s="191">
        <v>2</v>
      </c>
      <c r="AG24" s="191">
        <v>2</v>
      </c>
      <c r="AH24" s="196">
        <v>17</v>
      </c>
      <c r="AI24" s="195">
        <v>17</v>
      </c>
      <c r="AJ24" s="190">
        <v>0</v>
      </c>
      <c r="AK24" s="191">
        <v>0</v>
      </c>
      <c r="AL24" s="196">
        <v>0</v>
      </c>
      <c r="AM24" s="193">
        <v>0</v>
      </c>
      <c r="AN24" s="191">
        <v>0</v>
      </c>
      <c r="AO24" s="191">
        <v>0</v>
      </c>
      <c r="AP24" s="191">
        <v>1</v>
      </c>
      <c r="AQ24" s="191">
        <v>0</v>
      </c>
      <c r="AR24" s="191">
        <v>0</v>
      </c>
      <c r="AS24" s="196">
        <v>1</v>
      </c>
      <c r="AT24" s="195">
        <v>1</v>
      </c>
      <c r="AU24" s="190">
        <v>0</v>
      </c>
      <c r="AV24" s="191">
        <v>0</v>
      </c>
      <c r="AW24" s="196">
        <v>0</v>
      </c>
      <c r="AX24" s="193">
        <v>0</v>
      </c>
      <c r="AY24" s="191">
        <v>1</v>
      </c>
      <c r="AZ24" s="191">
        <v>1</v>
      </c>
      <c r="BA24" s="191">
        <v>2</v>
      </c>
      <c r="BB24" s="191">
        <v>0</v>
      </c>
      <c r="BC24" s="191">
        <v>0</v>
      </c>
      <c r="BD24" s="196">
        <v>4</v>
      </c>
      <c r="BE24" s="195">
        <v>4</v>
      </c>
      <c r="BF24" s="190">
        <v>0</v>
      </c>
      <c r="BG24" s="191">
        <v>0</v>
      </c>
      <c r="BH24" s="196">
        <v>0</v>
      </c>
      <c r="BI24" s="193">
        <v>0</v>
      </c>
      <c r="BJ24" s="191">
        <v>1</v>
      </c>
      <c r="BK24" s="191">
        <v>2</v>
      </c>
      <c r="BL24" s="191">
        <v>1</v>
      </c>
      <c r="BM24" s="191">
        <v>1</v>
      </c>
      <c r="BN24" s="191">
        <v>0</v>
      </c>
      <c r="BO24" s="194">
        <v>5</v>
      </c>
      <c r="BP24" s="195">
        <v>5</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1</v>
      </c>
      <c r="CH24" s="191">
        <v>0</v>
      </c>
      <c r="CI24" s="191">
        <v>4</v>
      </c>
      <c r="CJ24" s="191">
        <v>0</v>
      </c>
      <c r="CK24" s="196">
        <v>5</v>
      </c>
      <c r="CL24" s="195">
        <v>5</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0</v>
      </c>
      <c r="J25" s="191">
        <v>0</v>
      </c>
      <c r="K25" s="191">
        <v>0</v>
      </c>
      <c r="L25" s="194">
        <v>0</v>
      </c>
      <c r="M25" s="195">
        <v>0</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4</v>
      </c>
      <c r="AD25" s="191">
        <v>2</v>
      </c>
      <c r="AE25" s="191">
        <v>0</v>
      </c>
      <c r="AF25" s="191">
        <v>0</v>
      </c>
      <c r="AG25" s="191">
        <v>0</v>
      </c>
      <c r="AH25" s="196">
        <v>6</v>
      </c>
      <c r="AI25" s="195">
        <v>6</v>
      </c>
      <c r="AJ25" s="190">
        <v>0</v>
      </c>
      <c r="AK25" s="191">
        <v>0</v>
      </c>
      <c r="AL25" s="196">
        <v>0</v>
      </c>
      <c r="AM25" s="193">
        <v>0</v>
      </c>
      <c r="AN25" s="191">
        <v>0</v>
      </c>
      <c r="AO25" s="191">
        <v>0</v>
      </c>
      <c r="AP25" s="191">
        <v>0</v>
      </c>
      <c r="AQ25" s="191">
        <v>0</v>
      </c>
      <c r="AR25" s="191">
        <v>0</v>
      </c>
      <c r="AS25" s="196">
        <v>0</v>
      </c>
      <c r="AT25" s="195">
        <v>0</v>
      </c>
      <c r="AU25" s="190">
        <v>0</v>
      </c>
      <c r="AV25" s="191">
        <v>0</v>
      </c>
      <c r="AW25" s="196">
        <v>0</v>
      </c>
      <c r="AX25" s="193">
        <v>0</v>
      </c>
      <c r="AY25" s="191">
        <v>0</v>
      </c>
      <c r="AZ25" s="191">
        <v>0</v>
      </c>
      <c r="BA25" s="191">
        <v>1</v>
      </c>
      <c r="BB25" s="191">
        <v>0</v>
      </c>
      <c r="BC25" s="191">
        <v>0</v>
      </c>
      <c r="BD25" s="196">
        <v>1</v>
      </c>
      <c r="BE25" s="195">
        <v>1</v>
      </c>
      <c r="BF25" s="190">
        <v>0</v>
      </c>
      <c r="BG25" s="191">
        <v>0</v>
      </c>
      <c r="BH25" s="196">
        <v>0</v>
      </c>
      <c r="BI25" s="193">
        <v>0</v>
      </c>
      <c r="BJ25" s="191">
        <v>2</v>
      </c>
      <c r="BK25" s="191">
        <v>3</v>
      </c>
      <c r="BL25" s="191">
        <v>3</v>
      </c>
      <c r="BM25" s="191">
        <v>1</v>
      </c>
      <c r="BN25" s="191">
        <v>0</v>
      </c>
      <c r="BO25" s="194">
        <v>9</v>
      </c>
      <c r="BP25" s="195">
        <v>9</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0</v>
      </c>
      <c r="CT25" s="191">
        <v>0</v>
      </c>
      <c r="CU25" s="191">
        <v>0</v>
      </c>
      <c r="CV25" s="196">
        <v>0</v>
      </c>
      <c r="CW25" s="195">
        <v>0</v>
      </c>
    </row>
    <row r="26" spans="2:101" ht="21" customHeight="1" x14ac:dyDescent="0.2">
      <c r="B26" s="106" t="s">
        <v>24</v>
      </c>
      <c r="C26" s="190">
        <v>0</v>
      </c>
      <c r="D26" s="196">
        <v>0</v>
      </c>
      <c r="E26" s="207">
        <v>0</v>
      </c>
      <c r="F26" s="193">
        <v>0</v>
      </c>
      <c r="G26" s="191">
        <v>0</v>
      </c>
      <c r="H26" s="191">
        <v>0</v>
      </c>
      <c r="I26" s="191">
        <v>0</v>
      </c>
      <c r="J26" s="191">
        <v>1</v>
      </c>
      <c r="K26" s="191">
        <v>0</v>
      </c>
      <c r="L26" s="194">
        <v>1</v>
      </c>
      <c r="M26" s="195">
        <v>1</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5</v>
      </c>
      <c r="AD26" s="191">
        <v>1</v>
      </c>
      <c r="AE26" s="191">
        <v>2</v>
      </c>
      <c r="AF26" s="191">
        <v>0</v>
      </c>
      <c r="AG26" s="191">
        <v>1</v>
      </c>
      <c r="AH26" s="196">
        <v>9</v>
      </c>
      <c r="AI26" s="195">
        <v>9</v>
      </c>
      <c r="AJ26" s="190">
        <v>0</v>
      </c>
      <c r="AK26" s="191">
        <v>0</v>
      </c>
      <c r="AL26" s="196">
        <v>0</v>
      </c>
      <c r="AM26" s="193">
        <v>0</v>
      </c>
      <c r="AN26" s="191">
        <v>0</v>
      </c>
      <c r="AO26" s="191">
        <v>0</v>
      </c>
      <c r="AP26" s="191">
        <v>1</v>
      </c>
      <c r="AQ26" s="191">
        <v>0</v>
      </c>
      <c r="AR26" s="191">
        <v>1</v>
      </c>
      <c r="AS26" s="196">
        <v>2</v>
      </c>
      <c r="AT26" s="195">
        <v>2</v>
      </c>
      <c r="AU26" s="190">
        <v>1</v>
      </c>
      <c r="AV26" s="191">
        <v>0</v>
      </c>
      <c r="AW26" s="196">
        <v>1</v>
      </c>
      <c r="AX26" s="193">
        <v>0</v>
      </c>
      <c r="AY26" s="191">
        <v>0</v>
      </c>
      <c r="AZ26" s="191">
        <v>1</v>
      </c>
      <c r="BA26" s="191">
        <v>0</v>
      </c>
      <c r="BB26" s="191">
        <v>0</v>
      </c>
      <c r="BC26" s="191">
        <v>0</v>
      </c>
      <c r="BD26" s="196">
        <v>1</v>
      </c>
      <c r="BE26" s="195">
        <v>2</v>
      </c>
      <c r="BF26" s="190">
        <v>0</v>
      </c>
      <c r="BG26" s="191">
        <v>0</v>
      </c>
      <c r="BH26" s="196">
        <v>0</v>
      </c>
      <c r="BI26" s="193">
        <v>0</v>
      </c>
      <c r="BJ26" s="191">
        <v>0</v>
      </c>
      <c r="BK26" s="191">
        <v>0</v>
      </c>
      <c r="BL26" s="191">
        <v>3</v>
      </c>
      <c r="BM26" s="191">
        <v>0</v>
      </c>
      <c r="BN26" s="191">
        <v>0</v>
      </c>
      <c r="BO26" s="194">
        <v>3</v>
      </c>
      <c r="BP26" s="195">
        <v>3</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3</v>
      </c>
      <c r="AD27" s="191">
        <v>2</v>
      </c>
      <c r="AE27" s="191">
        <v>1</v>
      </c>
      <c r="AF27" s="191">
        <v>1</v>
      </c>
      <c r="AG27" s="191">
        <v>0</v>
      </c>
      <c r="AH27" s="196">
        <v>7</v>
      </c>
      <c r="AI27" s="195">
        <v>7</v>
      </c>
      <c r="AJ27" s="190">
        <v>0</v>
      </c>
      <c r="AK27" s="191">
        <v>0</v>
      </c>
      <c r="AL27" s="196">
        <v>0</v>
      </c>
      <c r="AM27" s="193">
        <v>0</v>
      </c>
      <c r="AN27" s="191">
        <v>0</v>
      </c>
      <c r="AO27" s="191">
        <v>0</v>
      </c>
      <c r="AP27" s="191">
        <v>0</v>
      </c>
      <c r="AQ27" s="191">
        <v>0</v>
      </c>
      <c r="AR27" s="191">
        <v>0</v>
      </c>
      <c r="AS27" s="196">
        <v>0</v>
      </c>
      <c r="AT27" s="195">
        <v>0</v>
      </c>
      <c r="AU27" s="190">
        <v>0</v>
      </c>
      <c r="AV27" s="191">
        <v>1</v>
      </c>
      <c r="AW27" s="196">
        <v>1</v>
      </c>
      <c r="AX27" s="193">
        <v>0</v>
      </c>
      <c r="AY27" s="191">
        <v>0</v>
      </c>
      <c r="AZ27" s="191">
        <v>0</v>
      </c>
      <c r="BA27" s="191">
        <v>0</v>
      </c>
      <c r="BB27" s="191">
        <v>0</v>
      </c>
      <c r="BC27" s="191">
        <v>0</v>
      </c>
      <c r="BD27" s="196">
        <v>0</v>
      </c>
      <c r="BE27" s="195">
        <v>1</v>
      </c>
      <c r="BF27" s="190">
        <v>0</v>
      </c>
      <c r="BG27" s="191">
        <v>0</v>
      </c>
      <c r="BH27" s="196">
        <v>0</v>
      </c>
      <c r="BI27" s="193">
        <v>0</v>
      </c>
      <c r="BJ27" s="191">
        <v>0</v>
      </c>
      <c r="BK27" s="191">
        <v>0</v>
      </c>
      <c r="BL27" s="191">
        <v>1</v>
      </c>
      <c r="BM27" s="191">
        <v>0</v>
      </c>
      <c r="BN27" s="191">
        <v>0</v>
      </c>
      <c r="BO27" s="194">
        <v>1</v>
      </c>
      <c r="BP27" s="195">
        <v>1</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5</v>
      </c>
      <c r="AD28" s="191">
        <v>1</v>
      </c>
      <c r="AE28" s="191">
        <v>4</v>
      </c>
      <c r="AF28" s="191">
        <v>0</v>
      </c>
      <c r="AG28" s="191">
        <v>0</v>
      </c>
      <c r="AH28" s="196">
        <v>10</v>
      </c>
      <c r="AI28" s="195">
        <v>10</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0</v>
      </c>
      <c r="AZ28" s="191">
        <v>0</v>
      </c>
      <c r="BA28" s="191">
        <v>1</v>
      </c>
      <c r="BB28" s="191">
        <v>0</v>
      </c>
      <c r="BC28" s="191">
        <v>0</v>
      </c>
      <c r="BD28" s="196">
        <v>1</v>
      </c>
      <c r="BE28" s="195">
        <v>1</v>
      </c>
      <c r="BF28" s="190">
        <v>0</v>
      </c>
      <c r="BG28" s="191">
        <v>0</v>
      </c>
      <c r="BH28" s="196">
        <v>0</v>
      </c>
      <c r="BI28" s="193">
        <v>0</v>
      </c>
      <c r="BJ28" s="191">
        <v>0</v>
      </c>
      <c r="BK28" s="191">
        <v>0</v>
      </c>
      <c r="BL28" s="191">
        <v>1</v>
      </c>
      <c r="BM28" s="191">
        <v>1</v>
      </c>
      <c r="BN28" s="191">
        <v>1</v>
      </c>
      <c r="BO28" s="194">
        <v>3</v>
      </c>
      <c r="BP28" s="195">
        <v>3</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1</v>
      </c>
      <c r="J29" s="191">
        <v>0</v>
      </c>
      <c r="K29" s="191">
        <v>0</v>
      </c>
      <c r="L29" s="194">
        <v>1</v>
      </c>
      <c r="M29" s="195">
        <v>1</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0</v>
      </c>
      <c r="AD29" s="191">
        <v>1</v>
      </c>
      <c r="AE29" s="191">
        <v>1</v>
      </c>
      <c r="AF29" s="191">
        <v>0</v>
      </c>
      <c r="AG29" s="191">
        <v>0</v>
      </c>
      <c r="AH29" s="196">
        <v>2</v>
      </c>
      <c r="AI29" s="195">
        <v>2</v>
      </c>
      <c r="AJ29" s="190">
        <v>0</v>
      </c>
      <c r="AK29" s="191">
        <v>0</v>
      </c>
      <c r="AL29" s="196">
        <v>0</v>
      </c>
      <c r="AM29" s="193">
        <v>0</v>
      </c>
      <c r="AN29" s="191">
        <v>0</v>
      </c>
      <c r="AO29" s="191">
        <v>0</v>
      </c>
      <c r="AP29" s="191">
        <v>1</v>
      </c>
      <c r="AQ29" s="191">
        <v>1</v>
      </c>
      <c r="AR29" s="191">
        <v>0</v>
      </c>
      <c r="AS29" s="196">
        <v>2</v>
      </c>
      <c r="AT29" s="195">
        <v>2</v>
      </c>
      <c r="AU29" s="190">
        <v>0</v>
      </c>
      <c r="AV29" s="191">
        <v>0</v>
      </c>
      <c r="AW29" s="196">
        <v>0</v>
      </c>
      <c r="AX29" s="193">
        <v>0</v>
      </c>
      <c r="AY29" s="191">
        <v>2</v>
      </c>
      <c r="AZ29" s="191">
        <v>1</v>
      </c>
      <c r="BA29" s="191">
        <v>0</v>
      </c>
      <c r="BB29" s="191">
        <v>0</v>
      </c>
      <c r="BC29" s="191">
        <v>0</v>
      </c>
      <c r="BD29" s="196">
        <v>3</v>
      </c>
      <c r="BE29" s="195">
        <v>3</v>
      </c>
      <c r="BF29" s="190">
        <v>0</v>
      </c>
      <c r="BG29" s="191">
        <v>0</v>
      </c>
      <c r="BH29" s="196">
        <v>0</v>
      </c>
      <c r="BI29" s="193">
        <v>0</v>
      </c>
      <c r="BJ29" s="191">
        <v>1</v>
      </c>
      <c r="BK29" s="191">
        <v>0</v>
      </c>
      <c r="BL29" s="191">
        <v>1</v>
      </c>
      <c r="BM29" s="191">
        <v>1</v>
      </c>
      <c r="BN29" s="191">
        <v>0</v>
      </c>
      <c r="BO29" s="194">
        <v>3</v>
      </c>
      <c r="BP29" s="195">
        <v>3</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1</v>
      </c>
      <c r="CI29" s="191">
        <v>0</v>
      </c>
      <c r="CJ29" s="191">
        <v>1</v>
      </c>
      <c r="CK29" s="196">
        <v>2</v>
      </c>
      <c r="CL29" s="195">
        <v>2</v>
      </c>
      <c r="CM29" s="190">
        <v>0</v>
      </c>
      <c r="CN29" s="191">
        <v>0</v>
      </c>
      <c r="CO29" s="196">
        <v>0</v>
      </c>
      <c r="CP29" s="193">
        <v>0</v>
      </c>
      <c r="CQ29" s="191">
        <v>0</v>
      </c>
      <c r="CR29" s="191">
        <v>0</v>
      </c>
      <c r="CS29" s="191">
        <v>0</v>
      </c>
      <c r="CT29" s="191">
        <v>0</v>
      </c>
      <c r="CU29" s="191">
        <v>0</v>
      </c>
      <c r="CV29" s="196">
        <v>0</v>
      </c>
      <c r="CW29" s="195">
        <v>0</v>
      </c>
    </row>
    <row r="30" spans="2:101" ht="21" customHeight="1" x14ac:dyDescent="0.2">
      <c r="B30" s="106" t="s">
        <v>28</v>
      </c>
      <c r="C30" s="190">
        <v>0</v>
      </c>
      <c r="D30" s="196">
        <v>0</v>
      </c>
      <c r="E30" s="207">
        <v>0</v>
      </c>
      <c r="F30" s="193">
        <v>0</v>
      </c>
      <c r="G30" s="191">
        <v>0</v>
      </c>
      <c r="H30" s="191">
        <v>0</v>
      </c>
      <c r="I30" s="191">
        <v>0</v>
      </c>
      <c r="J30" s="191">
        <v>0</v>
      </c>
      <c r="K30" s="191">
        <v>0</v>
      </c>
      <c r="L30" s="194">
        <v>0</v>
      </c>
      <c r="M30" s="195">
        <v>0</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5</v>
      </c>
      <c r="AD30" s="191">
        <v>0</v>
      </c>
      <c r="AE30" s="191">
        <v>0</v>
      </c>
      <c r="AF30" s="191">
        <v>0</v>
      </c>
      <c r="AG30" s="191">
        <v>0</v>
      </c>
      <c r="AH30" s="196">
        <v>5</v>
      </c>
      <c r="AI30" s="195">
        <v>5</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0</v>
      </c>
      <c r="BK30" s="191">
        <v>1</v>
      </c>
      <c r="BL30" s="191">
        <v>0</v>
      </c>
      <c r="BM30" s="191">
        <v>0</v>
      </c>
      <c r="BN30" s="191">
        <v>1</v>
      </c>
      <c r="BO30" s="194">
        <v>2</v>
      </c>
      <c r="BP30" s="195">
        <v>2</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0</v>
      </c>
      <c r="H31" s="191">
        <v>0</v>
      </c>
      <c r="I31" s="191">
        <v>1</v>
      </c>
      <c r="J31" s="191">
        <v>0</v>
      </c>
      <c r="K31" s="191">
        <v>0</v>
      </c>
      <c r="L31" s="194">
        <v>1</v>
      </c>
      <c r="M31" s="195">
        <v>1</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0</v>
      </c>
      <c r="AD31" s="191">
        <v>2</v>
      </c>
      <c r="AE31" s="191">
        <v>0</v>
      </c>
      <c r="AF31" s="191">
        <v>0</v>
      </c>
      <c r="AG31" s="191">
        <v>0</v>
      </c>
      <c r="AH31" s="196">
        <v>2</v>
      </c>
      <c r="AI31" s="195">
        <v>2</v>
      </c>
      <c r="AJ31" s="190">
        <v>0</v>
      </c>
      <c r="AK31" s="191">
        <v>0</v>
      </c>
      <c r="AL31" s="196">
        <v>0</v>
      </c>
      <c r="AM31" s="193">
        <v>0</v>
      </c>
      <c r="AN31" s="191">
        <v>0</v>
      </c>
      <c r="AO31" s="191">
        <v>0</v>
      </c>
      <c r="AP31" s="191">
        <v>0</v>
      </c>
      <c r="AQ31" s="191">
        <v>0</v>
      </c>
      <c r="AR31" s="191">
        <v>0</v>
      </c>
      <c r="AS31" s="196">
        <v>0</v>
      </c>
      <c r="AT31" s="195">
        <v>0</v>
      </c>
      <c r="AU31" s="190">
        <v>0</v>
      </c>
      <c r="AV31" s="191">
        <v>0</v>
      </c>
      <c r="AW31" s="196">
        <v>0</v>
      </c>
      <c r="AX31" s="193">
        <v>0</v>
      </c>
      <c r="AY31" s="191">
        <v>0</v>
      </c>
      <c r="AZ31" s="191">
        <v>0</v>
      </c>
      <c r="BA31" s="191">
        <v>0</v>
      </c>
      <c r="BB31" s="191">
        <v>0</v>
      </c>
      <c r="BC31" s="191">
        <v>0</v>
      </c>
      <c r="BD31" s="196">
        <v>0</v>
      </c>
      <c r="BE31" s="195">
        <v>0</v>
      </c>
      <c r="BF31" s="190">
        <v>0</v>
      </c>
      <c r="BG31" s="191">
        <v>0</v>
      </c>
      <c r="BH31" s="196">
        <v>0</v>
      </c>
      <c r="BI31" s="193">
        <v>0</v>
      </c>
      <c r="BJ31" s="191">
        <v>0</v>
      </c>
      <c r="BK31" s="191">
        <v>0</v>
      </c>
      <c r="BL31" s="191">
        <v>0</v>
      </c>
      <c r="BM31" s="191">
        <v>0</v>
      </c>
      <c r="BN31" s="191">
        <v>0</v>
      </c>
      <c r="BO31" s="194">
        <v>0</v>
      </c>
      <c r="BP31" s="195">
        <v>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1</v>
      </c>
      <c r="CI31" s="191">
        <v>1</v>
      </c>
      <c r="CJ31" s="191">
        <v>0</v>
      </c>
      <c r="CK31" s="196">
        <v>2</v>
      </c>
      <c r="CL31" s="195">
        <v>2</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0</v>
      </c>
      <c r="I32" s="191">
        <v>0</v>
      </c>
      <c r="J32" s="191">
        <v>0</v>
      </c>
      <c r="K32" s="191">
        <v>0</v>
      </c>
      <c r="L32" s="194">
        <v>0</v>
      </c>
      <c r="M32" s="195">
        <v>0</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1</v>
      </c>
      <c r="AD32" s="191">
        <v>0</v>
      </c>
      <c r="AE32" s="191">
        <v>0</v>
      </c>
      <c r="AF32" s="191">
        <v>0</v>
      </c>
      <c r="AG32" s="191">
        <v>0</v>
      </c>
      <c r="AH32" s="196">
        <v>1</v>
      </c>
      <c r="AI32" s="195">
        <v>1</v>
      </c>
      <c r="AJ32" s="190">
        <v>0</v>
      </c>
      <c r="AK32" s="191">
        <v>0</v>
      </c>
      <c r="AL32" s="196">
        <v>0</v>
      </c>
      <c r="AM32" s="193">
        <v>0</v>
      </c>
      <c r="AN32" s="191">
        <v>0</v>
      </c>
      <c r="AO32" s="191">
        <v>0</v>
      </c>
      <c r="AP32" s="191">
        <v>0</v>
      </c>
      <c r="AQ32" s="191">
        <v>0</v>
      </c>
      <c r="AR32" s="191">
        <v>0</v>
      </c>
      <c r="AS32" s="196">
        <v>0</v>
      </c>
      <c r="AT32" s="195">
        <v>0</v>
      </c>
      <c r="AU32" s="190">
        <v>0</v>
      </c>
      <c r="AV32" s="191">
        <v>0</v>
      </c>
      <c r="AW32" s="196">
        <v>0</v>
      </c>
      <c r="AX32" s="193">
        <v>0</v>
      </c>
      <c r="AY32" s="191">
        <v>0</v>
      </c>
      <c r="AZ32" s="191">
        <v>0</v>
      </c>
      <c r="BA32" s="191">
        <v>0</v>
      </c>
      <c r="BB32" s="191">
        <v>0</v>
      </c>
      <c r="BC32" s="191">
        <v>0</v>
      </c>
      <c r="BD32" s="196">
        <v>0</v>
      </c>
      <c r="BE32" s="195">
        <v>0</v>
      </c>
      <c r="BF32" s="190">
        <v>0</v>
      </c>
      <c r="BG32" s="191">
        <v>0</v>
      </c>
      <c r="BH32" s="196">
        <v>0</v>
      </c>
      <c r="BI32" s="193">
        <v>0</v>
      </c>
      <c r="BJ32" s="191">
        <v>0</v>
      </c>
      <c r="BK32" s="191">
        <v>0</v>
      </c>
      <c r="BL32" s="191">
        <v>0</v>
      </c>
      <c r="BM32" s="191">
        <v>0</v>
      </c>
      <c r="BN32" s="191">
        <v>0</v>
      </c>
      <c r="BO32" s="194">
        <v>0</v>
      </c>
      <c r="BP32" s="195">
        <v>0</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0</v>
      </c>
      <c r="I33" s="191">
        <v>0</v>
      </c>
      <c r="J33" s="191">
        <v>0</v>
      </c>
      <c r="K33" s="191">
        <v>0</v>
      </c>
      <c r="L33" s="194">
        <v>0</v>
      </c>
      <c r="M33" s="195">
        <v>0</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0</v>
      </c>
      <c r="AD33" s="191">
        <v>2</v>
      </c>
      <c r="AE33" s="191">
        <v>0</v>
      </c>
      <c r="AF33" s="191">
        <v>0</v>
      </c>
      <c r="AG33" s="191">
        <v>0</v>
      </c>
      <c r="AH33" s="196">
        <v>2</v>
      </c>
      <c r="AI33" s="195">
        <v>2</v>
      </c>
      <c r="AJ33" s="190">
        <v>0</v>
      </c>
      <c r="AK33" s="191">
        <v>0</v>
      </c>
      <c r="AL33" s="196">
        <v>0</v>
      </c>
      <c r="AM33" s="193">
        <v>0</v>
      </c>
      <c r="AN33" s="191">
        <v>0</v>
      </c>
      <c r="AO33" s="191">
        <v>0</v>
      </c>
      <c r="AP33" s="191">
        <v>0</v>
      </c>
      <c r="AQ33" s="191">
        <v>1</v>
      </c>
      <c r="AR33" s="191">
        <v>0</v>
      </c>
      <c r="AS33" s="196">
        <v>1</v>
      </c>
      <c r="AT33" s="195">
        <v>1</v>
      </c>
      <c r="AU33" s="190">
        <v>0</v>
      </c>
      <c r="AV33" s="191">
        <v>0</v>
      </c>
      <c r="AW33" s="196">
        <v>0</v>
      </c>
      <c r="AX33" s="193">
        <v>0</v>
      </c>
      <c r="AY33" s="191">
        <v>1</v>
      </c>
      <c r="AZ33" s="191">
        <v>0</v>
      </c>
      <c r="BA33" s="191">
        <v>0</v>
      </c>
      <c r="BB33" s="191">
        <v>0</v>
      </c>
      <c r="BC33" s="191">
        <v>0</v>
      </c>
      <c r="BD33" s="196">
        <v>1</v>
      </c>
      <c r="BE33" s="195">
        <v>1</v>
      </c>
      <c r="BF33" s="190">
        <v>0</v>
      </c>
      <c r="BG33" s="191">
        <v>0</v>
      </c>
      <c r="BH33" s="196">
        <v>0</v>
      </c>
      <c r="BI33" s="193">
        <v>0</v>
      </c>
      <c r="BJ33" s="191">
        <v>0</v>
      </c>
      <c r="BK33" s="191">
        <v>2</v>
      </c>
      <c r="BL33" s="191">
        <v>0</v>
      </c>
      <c r="BM33" s="191">
        <v>1</v>
      </c>
      <c r="BN33" s="191">
        <v>1</v>
      </c>
      <c r="BO33" s="194">
        <v>4</v>
      </c>
      <c r="BP33" s="195">
        <v>4</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1</v>
      </c>
      <c r="CJ33" s="191">
        <v>0</v>
      </c>
      <c r="CK33" s="196">
        <v>1</v>
      </c>
      <c r="CL33" s="195">
        <v>1</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0</v>
      </c>
      <c r="H34" s="191">
        <v>0</v>
      </c>
      <c r="I34" s="191">
        <v>0</v>
      </c>
      <c r="J34" s="191">
        <v>1</v>
      </c>
      <c r="K34" s="191">
        <v>0</v>
      </c>
      <c r="L34" s="194">
        <v>1</v>
      </c>
      <c r="M34" s="195">
        <v>1</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4</v>
      </c>
      <c r="AD34" s="191">
        <v>4</v>
      </c>
      <c r="AE34" s="191">
        <v>0</v>
      </c>
      <c r="AF34" s="191">
        <v>0</v>
      </c>
      <c r="AG34" s="191">
        <v>1</v>
      </c>
      <c r="AH34" s="196">
        <v>9</v>
      </c>
      <c r="AI34" s="195">
        <v>9</v>
      </c>
      <c r="AJ34" s="190">
        <v>0</v>
      </c>
      <c r="AK34" s="191">
        <v>0</v>
      </c>
      <c r="AL34" s="196">
        <v>0</v>
      </c>
      <c r="AM34" s="193">
        <v>0</v>
      </c>
      <c r="AN34" s="191">
        <v>0</v>
      </c>
      <c r="AO34" s="191">
        <v>0</v>
      </c>
      <c r="AP34" s="191">
        <v>0</v>
      </c>
      <c r="AQ34" s="191">
        <v>0</v>
      </c>
      <c r="AR34" s="191">
        <v>0</v>
      </c>
      <c r="AS34" s="196">
        <v>0</v>
      </c>
      <c r="AT34" s="195">
        <v>0</v>
      </c>
      <c r="AU34" s="190">
        <v>0</v>
      </c>
      <c r="AV34" s="191">
        <v>0</v>
      </c>
      <c r="AW34" s="196">
        <v>0</v>
      </c>
      <c r="AX34" s="193">
        <v>0</v>
      </c>
      <c r="AY34" s="191">
        <v>0</v>
      </c>
      <c r="AZ34" s="191">
        <v>0</v>
      </c>
      <c r="BA34" s="191">
        <v>0</v>
      </c>
      <c r="BB34" s="191">
        <v>0</v>
      </c>
      <c r="BC34" s="191">
        <v>0</v>
      </c>
      <c r="BD34" s="196">
        <v>0</v>
      </c>
      <c r="BE34" s="195">
        <v>0</v>
      </c>
      <c r="BF34" s="190">
        <v>0</v>
      </c>
      <c r="BG34" s="191">
        <v>0</v>
      </c>
      <c r="BH34" s="196">
        <v>0</v>
      </c>
      <c r="BI34" s="193">
        <v>0</v>
      </c>
      <c r="BJ34" s="191">
        <v>0</v>
      </c>
      <c r="BK34" s="191">
        <v>0</v>
      </c>
      <c r="BL34" s="191">
        <v>1</v>
      </c>
      <c r="BM34" s="191">
        <v>1</v>
      </c>
      <c r="BN34" s="191">
        <v>0</v>
      </c>
      <c r="BO34" s="194">
        <v>2</v>
      </c>
      <c r="BP34" s="195">
        <v>2</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0</v>
      </c>
      <c r="CG34" s="191">
        <v>0</v>
      </c>
      <c r="CH34" s="191">
        <v>2</v>
      </c>
      <c r="CI34" s="191">
        <v>0</v>
      </c>
      <c r="CJ34" s="191">
        <v>0</v>
      </c>
      <c r="CK34" s="196">
        <v>2</v>
      </c>
      <c r="CL34" s="195">
        <v>2</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2</v>
      </c>
      <c r="AD35" s="191">
        <v>0</v>
      </c>
      <c r="AE35" s="191">
        <v>0</v>
      </c>
      <c r="AF35" s="191">
        <v>0</v>
      </c>
      <c r="AG35" s="191">
        <v>0</v>
      </c>
      <c r="AH35" s="196">
        <v>2</v>
      </c>
      <c r="AI35" s="195">
        <v>2</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0</v>
      </c>
      <c r="BH35" s="196">
        <v>0</v>
      </c>
      <c r="BI35" s="193">
        <v>0</v>
      </c>
      <c r="BJ35" s="191">
        <v>0</v>
      </c>
      <c r="BK35" s="191">
        <v>0</v>
      </c>
      <c r="BL35" s="191">
        <v>0</v>
      </c>
      <c r="BM35" s="191">
        <v>0</v>
      </c>
      <c r="BN35" s="191">
        <v>0</v>
      </c>
      <c r="BO35" s="194">
        <v>0</v>
      </c>
      <c r="BP35" s="195">
        <v>0</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2</v>
      </c>
      <c r="AD36" s="191">
        <v>2</v>
      </c>
      <c r="AE36" s="191">
        <v>0</v>
      </c>
      <c r="AF36" s="191">
        <v>0</v>
      </c>
      <c r="AG36" s="191">
        <v>0</v>
      </c>
      <c r="AH36" s="196">
        <v>4</v>
      </c>
      <c r="AI36" s="195">
        <v>4</v>
      </c>
      <c r="AJ36" s="190">
        <v>0</v>
      </c>
      <c r="AK36" s="191">
        <v>0</v>
      </c>
      <c r="AL36" s="196">
        <v>0</v>
      </c>
      <c r="AM36" s="193">
        <v>0</v>
      </c>
      <c r="AN36" s="191">
        <v>0</v>
      </c>
      <c r="AO36" s="191">
        <v>0</v>
      </c>
      <c r="AP36" s="191">
        <v>0</v>
      </c>
      <c r="AQ36" s="191">
        <v>0</v>
      </c>
      <c r="AR36" s="191">
        <v>0</v>
      </c>
      <c r="AS36" s="196">
        <v>0</v>
      </c>
      <c r="AT36" s="195">
        <v>0</v>
      </c>
      <c r="AU36" s="190">
        <v>0</v>
      </c>
      <c r="AV36" s="191">
        <v>0</v>
      </c>
      <c r="AW36" s="196">
        <v>0</v>
      </c>
      <c r="AX36" s="193">
        <v>0</v>
      </c>
      <c r="AY36" s="191">
        <v>0</v>
      </c>
      <c r="AZ36" s="191">
        <v>0</v>
      </c>
      <c r="BA36" s="191">
        <v>0</v>
      </c>
      <c r="BB36" s="191">
        <v>0</v>
      </c>
      <c r="BC36" s="191">
        <v>0</v>
      </c>
      <c r="BD36" s="196">
        <v>0</v>
      </c>
      <c r="BE36" s="195">
        <v>0</v>
      </c>
      <c r="BF36" s="190">
        <v>0</v>
      </c>
      <c r="BG36" s="191">
        <v>0</v>
      </c>
      <c r="BH36" s="196">
        <v>0</v>
      </c>
      <c r="BI36" s="193">
        <v>0</v>
      </c>
      <c r="BJ36" s="191">
        <v>0</v>
      </c>
      <c r="BK36" s="191">
        <v>0</v>
      </c>
      <c r="BL36" s="191">
        <v>0</v>
      </c>
      <c r="BM36" s="191">
        <v>0</v>
      </c>
      <c r="BN36" s="191">
        <v>0</v>
      </c>
      <c r="BO36" s="194">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row>
    <row r="37" spans="2:101" ht="21" customHeight="1" x14ac:dyDescent="0.2">
      <c r="B37" s="106" t="s">
        <v>35</v>
      </c>
      <c r="C37" s="190">
        <v>0</v>
      </c>
      <c r="D37" s="196">
        <v>0</v>
      </c>
      <c r="E37" s="207">
        <v>0</v>
      </c>
      <c r="F37" s="193">
        <v>0</v>
      </c>
      <c r="G37" s="191">
        <v>0</v>
      </c>
      <c r="H37" s="191">
        <v>0</v>
      </c>
      <c r="I37" s="191">
        <v>1</v>
      </c>
      <c r="J37" s="191">
        <v>0</v>
      </c>
      <c r="K37" s="191">
        <v>0</v>
      </c>
      <c r="L37" s="194">
        <v>1</v>
      </c>
      <c r="M37" s="195">
        <v>1</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0</v>
      </c>
      <c r="AD37" s="191">
        <v>0</v>
      </c>
      <c r="AE37" s="191">
        <v>0</v>
      </c>
      <c r="AF37" s="191">
        <v>0</v>
      </c>
      <c r="AG37" s="191">
        <v>0</v>
      </c>
      <c r="AH37" s="196">
        <v>0</v>
      </c>
      <c r="AI37" s="195">
        <v>0</v>
      </c>
      <c r="AJ37" s="190">
        <v>0</v>
      </c>
      <c r="AK37" s="191">
        <v>0</v>
      </c>
      <c r="AL37" s="196">
        <v>0</v>
      </c>
      <c r="AM37" s="193">
        <v>0</v>
      </c>
      <c r="AN37" s="191">
        <v>0</v>
      </c>
      <c r="AO37" s="191">
        <v>0</v>
      </c>
      <c r="AP37" s="191">
        <v>0</v>
      </c>
      <c r="AQ37" s="191">
        <v>0</v>
      </c>
      <c r="AR37" s="191">
        <v>0</v>
      </c>
      <c r="AS37" s="196">
        <v>0</v>
      </c>
      <c r="AT37" s="195">
        <v>0</v>
      </c>
      <c r="AU37" s="190">
        <v>0</v>
      </c>
      <c r="AV37" s="191">
        <v>0</v>
      </c>
      <c r="AW37" s="196">
        <v>0</v>
      </c>
      <c r="AX37" s="193">
        <v>0</v>
      </c>
      <c r="AY37" s="191">
        <v>0</v>
      </c>
      <c r="AZ37" s="191">
        <v>0</v>
      </c>
      <c r="BA37" s="191">
        <v>0</v>
      </c>
      <c r="BB37" s="191">
        <v>0</v>
      </c>
      <c r="BC37" s="191">
        <v>0</v>
      </c>
      <c r="BD37" s="196">
        <v>0</v>
      </c>
      <c r="BE37" s="195">
        <v>0</v>
      </c>
      <c r="BF37" s="190">
        <v>0</v>
      </c>
      <c r="BG37" s="191">
        <v>0</v>
      </c>
      <c r="BH37" s="196">
        <v>0</v>
      </c>
      <c r="BI37" s="193">
        <v>0</v>
      </c>
      <c r="BJ37" s="191">
        <v>0</v>
      </c>
      <c r="BK37" s="191">
        <v>2</v>
      </c>
      <c r="BL37" s="191">
        <v>0</v>
      </c>
      <c r="BM37" s="191">
        <v>0</v>
      </c>
      <c r="BN37" s="191">
        <v>0</v>
      </c>
      <c r="BO37" s="194">
        <v>2</v>
      </c>
      <c r="BP37" s="195">
        <v>2</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0</v>
      </c>
      <c r="I38" s="191">
        <v>0</v>
      </c>
      <c r="J38" s="191">
        <v>0</v>
      </c>
      <c r="K38" s="191">
        <v>0</v>
      </c>
      <c r="L38" s="194">
        <v>0</v>
      </c>
      <c r="M38" s="195">
        <v>0</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4</v>
      </c>
      <c r="AD38" s="191">
        <v>1</v>
      </c>
      <c r="AE38" s="191">
        <v>0</v>
      </c>
      <c r="AF38" s="191">
        <v>0</v>
      </c>
      <c r="AG38" s="191">
        <v>0</v>
      </c>
      <c r="AH38" s="196">
        <v>5</v>
      </c>
      <c r="AI38" s="195">
        <v>5</v>
      </c>
      <c r="AJ38" s="190">
        <v>0</v>
      </c>
      <c r="AK38" s="191">
        <v>0</v>
      </c>
      <c r="AL38" s="196">
        <v>0</v>
      </c>
      <c r="AM38" s="193">
        <v>0</v>
      </c>
      <c r="AN38" s="191">
        <v>0</v>
      </c>
      <c r="AO38" s="191">
        <v>0</v>
      </c>
      <c r="AP38" s="191">
        <v>0</v>
      </c>
      <c r="AQ38" s="191">
        <v>0</v>
      </c>
      <c r="AR38" s="191">
        <v>0</v>
      </c>
      <c r="AS38" s="196">
        <v>0</v>
      </c>
      <c r="AT38" s="195">
        <v>0</v>
      </c>
      <c r="AU38" s="190">
        <v>0</v>
      </c>
      <c r="AV38" s="191">
        <v>0</v>
      </c>
      <c r="AW38" s="196">
        <v>0</v>
      </c>
      <c r="AX38" s="193">
        <v>0</v>
      </c>
      <c r="AY38" s="191">
        <v>0</v>
      </c>
      <c r="AZ38" s="191">
        <v>0</v>
      </c>
      <c r="BA38" s="191">
        <v>0</v>
      </c>
      <c r="BB38" s="191">
        <v>0</v>
      </c>
      <c r="BC38" s="191">
        <v>0</v>
      </c>
      <c r="BD38" s="196">
        <v>0</v>
      </c>
      <c r="BE38" s="195">
        <v>0</v>
      </c>
      <c r="BF38" s="190">
        <v>0</v>
      </c>
      <c r="BG38" s="191">
        <v>0</v>
      </c>
      <c r="BH38" s="196">
        <v>0</v>
      </c>
      <c r="BI38" s="193">
        <v>0</v>
      </c>
      <c r="BJ38" s="191">
        <v>0</v>
      </c>
      <c r="BK38" s="191">
        <v>0</v>
      </c>
      <c r="BL38" s="191">
        <v>0</v>
      </c>
      <c r="BM38" s="191">
        <v>1</v>
      </c>
      <c r="BN38" s="191">
        <v>0</v>
      </c>
      <c r="BO38" s="194">
        <v>1</v>
      </c>
      <c r="BP38" s="195">
        <v>1</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row>
    <row r="39" spans="2:101" ht="21" customHeight="1" thickBot="1" x14ac:dyDescent="0.25">
      <c r="B39" s="108" t="s">
        <v>37</v>
      </c>
      <c r="C39" s="197">
        <v>0</v>
      </c>
      <c r="D39" s="203">
        <v>0</v>
      </c>
      <c r="E39" s="208">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0</v>
      </c>
      <c r="AH39" s="203">
        <v>0</v>
      </c>
      <c r="AI39" s="202">
        <v>0</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0</v>
      </c>
      <c r="BK39" s="198">
        <v>0</v>
      </c>
      <c r="BL39" s="198">
        <v>0</v>
      </c>
      <c r="BM39" s="198">
        <v>0</v>
      </c>
      <c r="BN39" s="198">
        <v>0</v>
      </c>
      <c r="BO39" s="201">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CM3:CW3"/>
    <mergeCell ref="CM4:CO4"/>
    <mergeCell ref="CP4:CV4"/>
    <mergeCell ref="CE4:CK4"/>
    <mergeCell ref="BF4:BH4"/>
    <mergeCell ref="BI4:BO4"/>
    <mergeCell ref="BQ4:BS4"/>
    <mergeCell ref="BT4:BZ4"/>
    <mergeCell ref="CB3:CL3"/>
    <mergeCell ref="CL4:CL5"/>
    <mergeCell ref="CW4:CW5"/>
    <mergeCell ref="AU4:AW4"/>
    <mergeCell ref="AJ4:AL4"/>
    <mergeCell ref="AX4:BD4"/>
    <mergeCell ref="CB4:CD4"/>
    <mergeCell ref="AU3:BE3"/>
    <mergeCell ref="BE4:BE5"/>
    <mergeCell ref="BF3:BP3"/>
    <mergeCell ref="BP4:BP5"/>
    <mergeCell ref="BQ3:CA3"/>
    <mergeCell ref="CA4:CA5"/>
    <mergeCell ref="I1:J1"/>
    <mergeCell ref="L1:M1"/>
    <mergeCell ref="B3:B5"/>
    <mergeCell ref="C3:M3"/>
    <mergeCell ref="N3:X3"/>
    <mergeCell ref="X4:X5"/>
    <mergeCell ref="C4:E4"/>
    <mergeCell ref="F4:L4"/>
    <mergeCell ref="M4:M5"/>
    <mergeCell ref="N4:P4"/>
    <mergeCell ref="Q4:W4"/>
    <mergeCell ref="Y3:AI3"/>
    <mergeCell ref="Y4:AA4"/>
    <mergeCell ref="AB4:AH4"/>
    <mergeCell ref="AI4:AI5"/>
    <mergeCell ref="AJ3:AT3"/>
    <mergeCell ref="AM4:AS4"/>
    <mergeCell ref="AT4:AT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2">
        <f>第１表!F2</f>
        <v>6</v>
      </c>
      <c r="J1" s="442"/>
      <c r="K1" s="18">
        <f>第１表!G2</f>
        <v>10</v>
      </c>
      <c r="L1" s="446">
        <f>IF(K1&lt;3,K1+12-2,K1-2)</f>
        <v>8</v>
      </c>
      <c r="M1" s="446"/>
    </row>
    <row r="2" spans="2:101" s="71" customFormat="1" ht="24" customHeight="1" thickBot="1" x14ac:dyDescent="0.25">
      <c r="B2" s="142" t="s">
        <v>152</v>
      </c>
    </row>
    <row r="3" spans="2:101" ht="21" customHeight="1" thickBot="1" x14ac:dyDescent="0.25">
      <c r="B3" s="467"/>
      <c r="C3" s="464" t="s">
        <v>94</v>
      </c>
      <c r="D3" s="465"/>
      <c r="E3" s="465"/>
      <c r="F3" s="465"/>
      <c r="G3" s="465"/>
      <c r="H3" s="465"/>
      <c r="I3" s="465"/>
      <c r="J3" s="465"/>
      <c r="K3" s="465"/>
      <c r="L3" s="465"/>
      <c r="M3" s="466"/>
      <c r="N3" s="464" t="s">
        <v>88</v>
      </c>
      <c r="O3" s="465"/>
      <c r="P3" s="465"/>
      <c r="Q3" s="465"/>
      <c r="R3" s="465"/>
      <c r="S3" s="465"/>
      <c r="T3" s="465"/>
      <c r="U3" s="465"/>
      <c r="V3" s="465"/>
      <c r="W3" s="465"/>
      <c r="X3" s="466"/>
      <c r="Y3" s="464" t="s">
        <v>139</v>
      </c>
      <c r="Z3" s="465"/>
      <c r="AA3" s="465"/>
      <c r="AB3" s="465"/>
      <c r="AC3" s="465"/>
      <c r="AD3" s="465"/>
      <c r="AE3" s="465"/>
      <c r="AF3" s="465"/>
      <c r="AG3" s="465"/>
      <c r="AH3" s="465"/>
      <c r="AI3" s="466"/>
      <c r="AJ3" s="464" t="s">
        <v>90</v>
      </c>
      <c r="AK3" s="465"/>
      <c r="AL3" s="465"/>
      <c r="AM3" s="465"/>
      <c r="AN3" s="465"/>
      <c r="AO3" s="465"/>
      <c r="AP3" s="465"/>
      <c r="AQ3" s="465"/>
      <c r="AR3" s="465"/>
      <c r="AS3" s="465"/>
      <c r="AT3" s="466"/>
      <c r="AU3" s="480" t="s">
        <v>89</v>
      </c>
      <c r="AV3" s="481"/>
      <c r="AW3" s="481"/>
      <c r="AX3" s="481"/>
      <c r="AY3" s="481"/>
      <c r="AZ3" s="481"/>
      <c r="BA3" s="481"/>
      <c r="BB3" s="481"/>
      <c r="BC3" s="481"/>
      <c r="BD3" s="481"/>
      <c r="BE3" s="482"/>
      <c r="BF3" s="480" t="s">
        <v>91</v>
      </c>
      <c r="BG3" s="481"/>
      <c r="BH3" s="481"/>
      <c r="BI3" s="481"/>
      <c r="BJ3" s="481"/>
      <c r="BK3" s="481"/>
      <c r="BL3" s="481"/>
      <c r="BM3" s="481"/>
      <c r="BN3" s="481"/>
      <c r="BO3" s="481"/>
      <c r="BP3" s="482"/>
      <c r="BQ3" s="480" t="s">
        <v>92</v>
      </c>
      <c r="BR3" s="481"/>
      <c r="BS3" s="481"/>
      <c r="BT3" s="481"/>
      <c r="BU3" s="481"/>
      <c r="BV3" s="481"/>
      <c r="BW3" s="481"/>
      <c r="BX3" s="481"/>
      <c r="BY3" s="481"/>
      <c r="BZ3" s="481"/>
      <c r="CA3" s="482"/>
      <c r="CB3" s="480" t="s">
        <v>93</v>
      </c>
      <c r="CC3" s="481"/>
      <c r="CD3" s="481"/>
      <c r="CE3" s="481"/>
      <c r="CF3" s="481"/>
      <c r="CG3" s="481"/>
      <c r="CH3" s="481"/>
      <c r="CI3" s="481"/>
      <c r="CJ3" s="481"/>
      <c r="CK3" s="481"/>
      <c r="CL3" s="482"/>
      <c r="CM3" s="481" t="s">
        <v>138</v>
      </c>
      <c r="CN3" s="481"/>
      <c r="CO3" s="481"/>
      <c r="CP3" s="481"/>
      <c r="CQ3" s="481"/>
      <c r="CR3" s="481"/>
      <c r="CS3" s="481"/>
      <c r="CT3" s="481"/>
      <c r="CU3" s="481"/>
      <c r="CV3" s="481"/>
      <c r="CW3" s="482"/>
    </row>
    <row r="4" spans="2:101" ht="21" customHeight="1" x14ac:dyDescent="0.2">
      <c r="B4" s="468"/>
      <c r="C4" s="472" t="s">
        <v>61</v>
      </c>
      <c r="D4" s="473"/>
      <c r="E4" s="474"/>
      <c r="F4" s="475" t="s">
        <v>62</v>
      </c>
      <c r="G4" s="473"/>
      <c r="H4" s="473"/>
      <c r="I4" s="473"/>
      <c r="J4" s="473"/>
      <c r="K4" s="473"/>
      <c r="L4" s="476"/>
      <c r="M4" s="470" t="s">
        <v>52</v>
      </c>
      <c r="N4" s="472" t="s">
        <v>61</v>
      </c>
      <c r="O4" s="473"/>
      <c r="P4" s="474"/>
      <c r="Q4" s="475" t="s">
        <v>62</v>
      </c>
      <c r="R4" s="473"/>
      <c r="S4" s="473"/>
      <c r="T4" s="473"/>
      <c r="U4" s="473"/>
      <c r="V4" s="473"/>
      <c r="W4" s="474"/>
      <c r="X4" s="470" t="s">
        <v>52</v>
      </c>
      <c r="Y4" s="472" t="s">
        <v>61</v>
      </c>
      <c r="Z4" s="473"/>
      <c r="AA4" s="474"/>
      <c r="AB4" s="475" t="s">
        <v>62</v>
      </c>
      <c r="AC4" s="473"/>
      <c r="AD4" s="473"/>
      <c r="AE4" s="473"/>
      <c r="AF4" s="473"/>
      <c r="AG4" s="473"/>
      <c r="AH4" s="474"/>
      <c r="AI4" s="470" t="s">
        <v>52</v>
      </c>
      <c r="AJ4" s="472" t="s">
        <v>61</v>
      </c>
      <c r="AK4" s="473"/>
      <c r="AL4" s="474"/>
      <c r="AM4" s="475" t="s">
        <v>62</v>
      </c>
      <c r="AN4" s="473"/>
      <c r="AO4" s="473"/>
      <c r="AP4" s="473"/>
      <c r="AQ4" s="473"/>
      <c r="AR4" s="473"/>
      <c r="AS4" s="474"/>
      <c r="AT4" s="470" t="s">
        <v>52</v>
      </c>
      <c r="AU4" s="494" t="s">
        <v>61</v>
      </c>
      <c r="AV4" s="492"/>
      <c r="AW4" s="493"/>
      <c r="AX4" s="491" t="s">
        <v>62</v>
      </c>
      <c r="AY4" s="492"/>
      <c r="AZ4" s="492"/>
      <c r="BA4" s="492"/>
      <c r="BB4" s="492"/>
      <c r="BC4" s="492"/>
      <c r="BD4" s="493"/>
      <c r="BE4" s="489" t="s">
        <v>52</v>
      </c>
      <c r="BF4" s="494" t="s">
        <v>61</v>
      </c>
      <c r="BG4" s="492"/>
      <c r="BH4" s="493"/>
      <c r="BI4" s="491" t="s">
        <v>62</v>
      </c>
      <c r="BJ4" s="492"/>
      <c r="BK4" s="492"/>
      <c r="BL4" s="492"/>
      <c r="BM4" s="492"/>
      <c r="BN4" s="492"/>
      <c r="BO4" s="493"/>
      <c r="BP4" s="489" t="s">
        <v>52</v>
      </c>
      <c r="BQ4" s="494" t="s">
        <v>61</v>
      </c>
      <c r="BR4" s="492"/>
      <c r="BS4" s="493"/>
      <c r="BT4" s="491" t="s">
        <v>62</v>
      </c>
      <c r="BU4" s="492"/>
      <c r="BV4" s="492"/>
      <c r="BW4" s="492"/>
      <c r="BX4" s="492"/>
      <c r="BY4" s="492"/>
      <c r="BZ4" s="493"/>
      <c r="CA4" s="489" t="s">
        <v>52</v>
      </c>
      <c r="CB4" s="494" t="s">
        <v>61</v>
      </c>
      <c r="CC4" s="492"/>
      <c r="CD4" s="493"/>
      <c r="CE4" s="491" t="s">
        <v>62</v>
      </c>
      <c r="CF4" s="492"/>
      <c r="CG4" s="492"/>
      <c r="CH4" s="492"/>
      <c r="CI4" s="492"/>
      <c r="CJ4" s="492"/>
      <c r="CK4" s="493"/>
      <c r="CL4" s="489" t="s">
        <v>52</v>
      </c>
      <c r="CM4" s="494" t="s">
        <v>61</v>
      </c>
      <c r="CN4" s="492"/>
      <c r="CO4" s="493"/>
      <c r="CP4" s="491" t="s">
        <v>62</v>
      </c>
      <c r="CQ4" s="492"/>
      <c r="CR4" s="492"/>
      <c r="CS4" s="492"/>
      <c r="CT4" s="492"/>
      <c r="CU4" s="492"/>
      <c r="CV4" s="493"/>
      <c r="CW4" s="489" t="s">
        <v>52</v>
      </c>
    </row>
    <row r="5" spans="2:101" ht="30" customHeight="1" thickBot="1" x14ac:dyDescent="0.25">
      <c r="B5" s="469"/>
      <c r="C5" s="177" t="s">
        <v>43</v>
      </c>
      <c r="D5" s="182" t="s">
        <v>44</v>
      </c>
      <c r="E5" s="205" t="s">
        <v>45</v>
      </c>
      <c r="F5" s="180" t="s">
        <v>83</v>
      </c>
      <c r="G5" s="178" t="s">
        <v>47</v>
      </c>
      <c r="H5" s="178" t="s">
        <v>48</v>
      </c>
      <c r="I5" s="178" t="s">
        <v>49</v>
      </c>
      <c r="J5" s="178" t="s">
        <v>50</v>
      </c>
      <c r="K5" s="178" t="s">
        <v>51</v>
      </c>
      <c r="L5" s="181" t="s">
        <v>45</v>
      </c>
      <c r="M5" s="471"/>
      <c r="N5" s="177" t="s">
        <v>43</v>
      </c>
      <c r="O5" s="178" t="s">
        <v>44</v>
      </c>
      <c r="P5" s="182" t="s">
        <v>45</v>
      </c>
      <c r="Q5" s="180" t="s">
        <v>83</v>
      </c>
      <c r="R5" s="178" t="s">
        <v>47</v>
      </c>
      <c r="S5" s="178" t="s">
        <v>48</v>
      </c>
      <c r="T5" s="178" t="s">
        <v>49</v>
      </c>
      <c r="U5" s="178" t="s">
        <v>50</v>
      </c>
      <c r="V5" s="178" t="s">
        <v>51</v>
      </c>
      <c r="W5" s="182" t="s">
        <v>45</v>
      </c>
      <c r="X5" s="471"/>
      <c r="Y5" s="177" t="s">
        <v>43</v>
      </c>
      <c r="Z5" s="178" t="s">
        <v>44</v>
      </c>
      <c r="AA5" s="182" t="s">
        <v>45</v>
      </c>
      <c r="AB5" s="180" t="s">
        <v>83</v>
      </c>
      <c r="AC5" s="178" t="s">
        <v>47</v>
      </c>
      <c r="AD5" s="178" t="s">
        <v>48</v>
      </c>
      <c r="AE5" s="178" t="s">
        <v>49</v>
      </c>
      <c r="AF5" s="178" t="s">
        <v>50</v>
      </c>
      <c r="AG5" s="178" t="s">
        <v>51</v>
      </c>
      <c r="AH5" s="182" t="s">
        <v>45</v>
      </c>
      <c r="AI5" s="471"/>
      <c r="AJ5" s="177" t="s">
        <v>43</v>
      </c>
      <c r="AK5" s="178" t="s">
        <v>44</v>
      </c>
      <c r="AL5" s="182" t="s">
        <v>45</v>
      </c>
      <c r="AM5" s="180" t="s">
        <v>83</v>
      </c>
      <c r="AN5" s="178" t="s">
        <v>47</v>
      </c>
      <c r="AO5" s="178" t="s">
        <v>48</v>
      </c>
      <c r="AP5" s="178" t="s">
        <v>49</v>
      </c>
      <c r="AQ5" s="178" t="s">
        <v>50</v>
      </c>
      <c r="AR5" s="178" t="s">
        <v>51</v>
      </c>
      <c r="AS5" s="182" t="s">
        <v>45</v>
      </c>
      <c r="AT5" s="471"/>
      <c r="AU5" s="177" t="s">
        <v>43</v>
      </c>
      <c r="AV5" s="178" t="s">
        <v>44</v>
      </c>
      <c r="AW5" s="182" t="s">
        <v>45</v>
      </c>
      <c r="AX5" s="180" t="s">
        <v>83</v>
      </c>
      <c r="AY5" s="178" t="s">
        <v>47</v>
      </c>
      <c r="AZ5" s="178" t="s">
        <v>48</v>
      </c>
      <c r="BA5" s="178" t="s">
        <v>49</v>
      </c>
      <c r="BB5" s="178" t="s">
        <v>50</v>
      </c>
      <c r="BC5" s="178" t="s">
        <v>51</v>
      </c>
      <c r="BD5" s="182" t="s">
        <v>45</v>
      </c>
      <c r="BE5" s="490"/>
      <c r="BF5" s="177" t="s">
        <v>43</v>
      </c>
      <c r="BG5" s="178" t="s">
        <v>44</v>
      </c>
      <c r="BH5" s="182" t="s">
        <v>45</v>
      </c>
      <c r="BI5" s="180" t="s">
        <v>83</v>
      </c>
      <c r="BJ5" s="178" t="s">
        <v>47</v>
      </c>
      <c r="BK5" s="178" t="s">
        <v>48</v>
      </c>
      <c r="BL5" s="178" t="s">
        <v>49</v>
      </c>
      <c r="BM5" s="178" t="s">
        <v>50</v>
      </c>
      <c r="BN5" s="178" t="s">
        <v>51</v>
      </c>
      <c r="BO5" s="182" t="s">
        <v>45</v>
      </c>
      <c r="BP5" s="490"/>
      <c r="BQ5" s="177" t="s">
        <v>43</v>
      </c>
      <c r="BR5" s="178" t="s">
        <v>44</v>
      </c>
      <c r="BS5" s="182" t="s">
        <v>45</v>
      </c>
      <c r="BT5" s="180" t="s">
        <v>83</v>
      </c>
      <c r="BU5" s="178" t="s">
        <v>47</v>
      </c>
      <c r="BV5" s="178" t="s">
        <v>48</v>
      </c>
      <c r="BW5" s="178" t="s">
        <v>49</v>
      </c>
      <c r="BX5" s="178" t="s">
        <v>50</v>
      </c>
      <c r="BY5" s="178" t="s">
        <v>51</v>
      </c>
      <c r="BZ5" s="182" t="s">
        <v>45</v>
      </c>
      <c r="CA5" s="490"/>
      <c r="CB5" s="177" t="s">
        <v>43</v>
      </c>
      <c r="CC5" s="178" t="s">
        <v>44</v>
      </c>
      <c r="CD5" s="182" t="s">
        <v>45</v>
      </c>
      <c r="CE5" s="180" t="s">
        <v>83</v>
      </c>
      <c r="CF5" s="178" t="s">
        <v>47</v>
      </c>
      <c r="CG5" s="178" t="s">
        <v>48</v>
      </c>
      <c r="CH5" s="178" t="s">
        <v>49</v>
      </c>
      <c r="CI5" s="178" t="s">
        <v>50</v>
      </c>
      <c r="CJ5" s="178" t="s">
        <v>51</v>
      </c>
      <c r="CK5" s="182" t="s">
        <v>45</v>
      </c>
      <c r="CL5" s="490"/>
      <c r="CM5" s="177" t="s">
        <v>43</v>
      </c>
      <c r="CN5" s="178" t="s">
        <v>44</v>
      </c>
      <c r="CO5" s="182" t="s">
        <v>45</v>
      </c>
      <c r="CP5" s="180" t="s">
        <v>83</v>
      </c>
      <c r="CQ5" s="178" t="s">
        <v>47</v>
      </c>
      <c r="CR5" s="178" t="s">
        <v>48</v>
      </c>
      <c r="CS5" s="178" t="s">
        <v>49</v>
      </c>
      <c r="CT5" s="178" t="s">
        <v>50</v>
      </c>
      <c r="CU5" s="178" t="s">
        <v>51</v>
      </c>
      <c r="CV5" s="182" t="s">
        <v>45</v>
      </c>
      <c r="CW5" s="490"/>
    </row>
    <row r="6" spans="2:101" ht="21" customHeight="1" x14ac:dyDescent="0.2">
      <c r="B6" s="84" t="s">
        <v>4</v>
      </c>
      <c r="C6" s="183">
        <v>0</v>
      </c>
      <c r="D6" s="189">
        <v>0</v>
      </c>
      <c r="E6" s="206">
        <v>0</v>
      </c>
      <c r="F6" s="186">
        <v>0</v>
      </c>
      <c r="G6" s="184">
        <v>18</v>
      </c>
      <c r="H6" s="184">
        <v>35</v>
      </c>
      <c r="I6" s="184">
        <v>23</v>
      </c>
      <c r="J6" s="184">
        <v>24</v>
      </c>
      <c r="K6" s="184">
        <v>30</v>
      </c>
      <c r="L6" s="187">
        <v>130</v>
      </c>
      <c r="M6" s="188">
        <v>130</v>
      </c>
      <c r="N6" s="183">
        <v>0</v>
      </c>
      <c r="O6" s="184">
        <v>0</v>
      </c>
      <c r="P6" s="189">
        <v>0</v>
      </c>
      <c r="Q6" s="186">
        <v>0</v>
      </c>
      <c r="R6" s="184">
        <v>12</v>
      </c>
      <c r="S6" s="184">
        <v>34</v>
      </c>
      <c r="T6" s="184">
        <v>22</v>
      </c>
      <c r="U6" s="184">
        <v>25</v>
      </c>
      <c r="V6" s="184">
        <v>30</v>
      </c>
      <c r="W6" s="189">
        <v>123</v>
      </c>
      <c r="X6" s="188">
        <v>123</v>
      </c>
      <c r="Y6" s="183">
        <v>0</v>
      </c>
      <c r="Z6" s="184">
        <v>0</v>
      </c>
      <c r="AA6" s="189">
        <v>0</v>
      </c>
      <c r="AB6" s="186">
        <v>0</v>
      </c>
      <c r="AC6" s="184">
        <v>850</v>
      </c>
      <c r="AD6" s="184">
        <v>733</v>
      </c>
      <c r="AE6" s="184">
        <v>331</v>
      </c>
      <c r="AF6" s="184">
        <v>124</v>
      </c>
      <c r="AG6" s="184">
        <v>46</v>
      </c>
      <c r="AH6" s="189">
        <v>2084</v>
      </c>
      <c r="AI6" s="188">
        <v>2084</v>
      </c>
      <c r="AJ6" s="183">
        <v>3</v>
      </c>
      <c r="AK6" s="184">
        <v>0</v>
      </c>
      <c r="AL6" s="189">
        <v>3</v>
      </c>
      <c r="AM6" s="186">
        <v>0</v>
      </c>
      <c r="AN6" s="184">
        <v>43</v>
      </c>
      <c r="AO6" s="184">
        <v>57</v>
      </c>
      <c r="AP6" s="184">
        <v>61</v>
      </c>
      <c r="AQ6" s="184">
        <v>21</v>
      </c>
      <c r="AR6" s="184">
        <v>27</v>
      </c>
      <c r="AS6" s="189">
        <v>209</v>
      </c>
      <c r="AT6" s="188">
        <v>212</v>
      </c>
      <c r="AU6" s="183">
        <v>11</v>
      </c>
      <c r="AV6" s="184">
        <v>22</v>
      </c>
      <c r="AW6" s="189">
        <v>33</v>
      </c>
      <c r="AX6" s="186">
        <v>0</v>
      </c>
      <c r="AY6" s="184">
        <v>73</v>
      </c>
      <c r="AZ6" s="184">
        <v>53</v>
      </c>
      <c r="BA6" s="184">
        <v>56</v>
      </c>
      <c r="BB6" s="184">
        <v>36</v>
      </c>
      <c r="BC6" s="184">
        <v>16</v>
      </c>
      <c r="BD6" s="189">
        <v>234</v>
      </c>
      <c r="BE6" s="188">
        <v>267</v>
      </c>
      <c r="BF6" s="183">
        <v>0</v>
      </c>
      <c r="BG6" s="184">
        <v>0</v>
      </c>
      <c r="BH6" s="189">
        <v>0</v>
      </c>
      <c r="BI6" s="186">
        <v>0</v>
      </c>
      <c r="BJ6" s="184">
        <v>75</v>
      </c>
      <c r="BK6" s="184">
        <v>109</v>
      </c>
      <c r="BL6" s="184">
        <v>133</v>
      </c>
      <c r="BM6" s="184">
        <v>80</v>
      </c>
      <c r="BN6" s="184">
        <v>75</v>
      </c>
      <c r="BO6" s="187">
        <v>472</v>
      </c>
      <c r="BP6" s="188">
        <v>472</v>
      </c>
      <c r="BQ6" s="183">
        <v>0</v>
      </c>
      <c r="BR6" s="184">
        <v>0</v>
      </c>
      <c r="BS6" s="189">
        <v>0</v>
      </c>
      <c r="BT6" s="186">
        <v>0</v>
      </c>
      <c r="BU6" s="184">
        <v>1</v>
      </c>
      <c r="BV6" s="184">
        <v>3</v>
      </c>
      <c r="BW6" s="184">
        <v>8</v>
      </c>
      <c r="BX6" s="184">
        <v>6</v>
      </c>
      <c r="BY6" s="184">
        <v>6</v>
      </c>
      <c r="BZ6" s="189">
        <v>24</v>
      </c>
      <c r="CA6" s="188">
        <v>24</v>
      </c>
      <c r="CB6" s="183">
        <v>0</v>
      </c>
      <c r="CC6" s="184">
        <v>0</v>
      </c>
      <c r="CD6" s="189">
        <v>0</v>
      </c>
      <c r="CE6" s="186">
        <v>0</v>
      </c>
      <c r="CF6" s="184">
        <v>0</v>
      </c>
      <c r="CG6" s="184">
        <v>1</v>
      </c>
      <c r="CH6" s="184">
        <v>8</v>
      </c>
      <c r="CI6" s="184">
        <v>23</v>
      </c>
      <c r="CJ6" s="184">
        <v>4</v>
      </c>
      <c r="CK6" s="189">
        <v>36</v>
      </c>
      <c r="CL6" s="188">
        <v>36</v>
      </c>
      <c r="CM6" s="183">
        <v>0</v>
      </c>
      <c r="CN6" s="184">
        <v>0</v>
      </c>
      <c r="CO6" s="189">
        <v>0</v>
      </c>
      <c r="CP6" s="186">
        <v>0</v>
      </c>
      <c r="CQ6" s="184">
        <v>12</v>
      </c>
      <c r="CR6" s="184">
        <v>17</v>
      </c>
      <c r="CS6" s="184">
        <v>16</v>
      </c>
      <c r="CT6" s="184">
        <v>17</v>
      </c>
      <c r="CU6" s="184">
        <v>33</v>
      </c>
      <c r="CV6" s="189">
        <v>95</v>
      </c>
      <c r="CW6" s="188">
        <v>95</v>
      </c>
    </row>
    <row r="7" spans="2:101" ht="21" customHeight="1" x14ac:dyDescent="0.2">
      <c r="B7" s="95" t="s">
        <v>5</v>
      </c>
      <c r="C7" s="190">
        <v>0</v>
      </c>
      <c r="D7" s="196">
        <v>0</v>
      </c>
      <c r="E7" s="207">
        <v>0</v>
      </c>
      <c r="F7" s="193">
        <v>0</v>
      </c>
      <c r="G7" s="191">
        <v>8</v>
      </c>
      <c r="H7" s="191">
        <v>14</v>
      </c>
      <c r="I7" s="191">
        <v>16</v>
      </c>
      <c r="J7" s="191">
        <v>12</v>
      </c>
      <c r="K7" s="191">
        <v>9</v>
      </c>
      <c r="L7" s="194">
        <v>59</v>
      </c>
      <c r="M7" s="195">
        <v>59</v>
      </c>
      <c r="N7" s="190">
        <v>0</v>
      </c>
      <c r="O7" s="191">
        <v>0</v>
      </c>
      <c r="P7" s="196">
        <v>0</v>
      </c>
      <c r="Q7" s="193">
        <v>0</v>
      </c>
      <c r="R7" s="191">
        <v>7</v>
      </c>
      <c r="S7" s="191">
        <v>24</v>
      </c>
      <c r="T7" s="191">
        <v>17</v>
      </c>
      <c r="U7" s="191">
        <v>19</v>
      </c>
      <c r="V7" s="191">
        <v>22</v>
      </c>
      <c r="W7" s="196">
        <v>89</v>
      </c>
      <c r="X7" s="195">
        <v>89</v>
      </c>
      <c r="Y7" s="190">
        <v>0</v>
      </c>
      <c r="Z7" s="191">
        <v>0</v>
      </c>
      <c r="AA7" s="196">
        <v>0</v>
      </c>
      <c r="AB7" s="193">
        <v>0</v>
      </c>
      <c r="AC7" s="191">
        <v>363</v>
      </c>
      <c r="AD7" s="191">
        <v>399</v>
      </c>
      <c r="AE7" s="191">
        <v>179</v>
      </c>
      <c r="AF7" s="191">
        <v>57</v>
      </c>
      <c r="AG7" s="191">
        <v>14</v>
      </c>
      <c r="AH7" s="196">
        <v>1012</v>
      </c>
      <c r="AI7" s="195">
        <v>1012</v>
      </c>
      <c r="AJ7" s="190">
        <v>1</v>
      </c>
      <c r="AK7" s="191">
        <v>0</v>
      </c>
      <c r="AL7" s="196">
        <v>1</v>
      </c>
      <c r="AM7" s="193">
        <v>0</v>
      </c>
      <c r="AN7" s="191">
        <v>22</v>
      </c>
      <c r="AO7" s="191">
        <v>28</v>
      </c>
      <c r="AP7" s="191">
        <v>32</v>
      </c>
      <c r="AQ7" s="191">
        <v>10</v>
      </c>
      <c r="AR7" s="191">
        <v>21</v>
      </c>
      <c r="AS7" s="196">
        <v>113</v>
      </c>
      <c r="AT7" s="195">
        <v>114</v>
      </c>
      <c r="AU7" s="190">
        <v>6</v>
      </c>
      <c r="AV7" s="191">
        <v>12</v>
      </c>
      <c r="AW7" s="196">
        <v>18</v>
      </c>
      <c r="AX7" s="193">
        <v>0</v>
      </c>
      <c r="AY7" s="191">
        <v>34</v>
      </c>
      <c r="AZ7" s="191">
        <v>25</v>
      </c>
      <c r="BA7" s="191">
        <v>27</v>
      </c>
      <c r="BB7" s="191">
        <v>22</v>
      </c>
      <c r="BC7" s="191">
        <v>9</v>
      </c>
      <c r="BD7" s="196">
        <v>117</v>
      </c>
      <c r="BE7" s="195">
        <v>135</v>
      </c>
      <c r="BF7" s="190">
        <v>0</v>
      </c>
      <c r="BG7" s="191">
        <v>0</v>
      </c>
      <c r="BH7" s="196">
        <v>0</v>
      </c>
      <c r="BI7" s="193">
        <v>0</v>
      </c>
      <c r="BJ7" s="191">
        <v>33</v>
      </c>
      <c r="BK7" s="191">
        <v>40</v>
      </c>
      <c r="BL7" s="191">
        <v>50</v>
      </c>
      <c r="BM7" s="191">
        <v>34</v>
      </c>
      <c r="BN7" s="191">
        <v>33</v>
      </c>
      <c r="BO7" s="194">
        <v>190</v>
      </c>
      <c r="BP7" s="195">
        <v>190</v>
      </c>
      <c r="BQ7" s="190">
        <v>0</v>
      </c>
      <c r="BR7" s="191">
        <v>0</v>
      </c>
      <c r="BS7" s="196">
        <v>0</v>
      </c>
      <c r="BT7" s="193">
        <v>0</v>
      </c>
      <c r="BU7" s="191">
        <v>0</v>
      </c>
      <c r="BV7" s="191">
        <v>0</v>
      </c>
      <c r="BW7" s="191">
        <v>0</v>
      </c>
      <c r="BX7" s="191">
        <v>0</v>
      </c>
      <c r="BY7" s="191">
        <v>0</v>
      </c>
      <c r="BZ7" s="196">
        <v>0</v>
      </c>
      <c r="CA7" s="195">
        <v>0</v>
      </c>
      <c r="CB7" s="190">
        <v>0</v>
      </c>
      <c r="CC7" s="191">
        <v>0</v>
      </c>
      <c r="CD7" s="196">
        <v>0</v>
      </c>
      <c r="CE7" s="193">
        <v>0</v>
      </c>
      <c r="CF7" s="191">
        <v>0</v>
      </c>
      <c r="CG7" s="191">
        <v>0</v>
      </c>
      <c r="CH7" s="191">
        <v>0</v>
      </c>
      <c r="CI7" s="191">
        <v>1</v>
      </c>
      <c r="CJ7" s="191">
        <v>0</v>
      </c>
      <c r="CK7" s="196">
        <v>1</v>
      </c>
      <c r="CL7" s="195">
        <v>1</v>
      </c>
      <c r="CM7" s="190">
        <v>0</v>
      </c>
      <c r="CN7" s="191">
        <v>0</v>
      </c>
      <c r="CO7" s="196">
        <v>0</v>
      </c>
      <c r="CP7" s="193">
        <v>0</v>
      </c>
      <c r="CQ7" s="191">
        <v>1</v>
      </c>
      <c r="CR7" s="191">
        <v>5</v>
      </c>
      <c r="CS7" s="191">
        <v>3</v>
      </c>
      <c r="CT7" s="191">
        <v>7</v>
      </c>
      <c r="CU7" s="191">
        <v>12</v>
      </c>
      <c r="CV7" s="196">
        <v>28</v>
      </c>
      <c r="CW7" s="195">
        <v>28</v>
      </c>
    </row>
    <row r="8" spans="2:101" ht="21" customHeight="1" x14ac:dyDescent="0.2">
      <c r="B8" s="106" t="s">
        <v>6</v>
      </c>
      <c r="C8" s="190">
        <v>0</v>
      </c>
      <c r="D8" s="196">
        <v>0</v>
      </c>
      <c r="E8" s="207">
        <v>0</v>
      </c>
      <c r="F8" s="193">
        <v>0</v>
      </c>
      <c r="G8" s="191">
        <v>4</v>
      </c>
      <c r="H8" s="191">
        <v>8</v>
      </c>
      <c r="I8" s="191">
        <v>4</v>
      </c>
      <c r="J8" s="191">
        <v>6</v>
      </c>
      <c r="K8" s="191">
        <v>10</v>
      </c>
      <c r="L8" s="194">
        <v>32</v>
      </c>
      <c r="M8" s="195">
        <v>32</v>
      </c>
      <c r="N8" s="190">
        <v>0</v>
      </c>
      <c r="O8" s="191">
        <v>0</v>
      </c>
      <c r="P8" s="196">
        <v>0</v>
      </c>
      <c r="Q8" s="193">
        <v>0</v>
      </c>
      <c r="R8" s="191">
        <v>5</v>
      </c>
      <c r="S8" s="191">
        <v>8</v>
      </c>
      <c r="T8" s="191">
        <v>5</v>
      </c>
      <c r="U8" s="191">
        <v>4</v>
      </c>
      <c r="V8" s="191">
        <v>8</v>
      </c>
      <c r="W8" s="196">
        <v>30</v>
      </c>
      <c r="X8" s="195">
        <v>30</v>
      </c>
      <c r="Y8" s="190">
        <v>0</v>
      </c>
      <c r="Z8" s="191">
        <v>0</v>
      </c>
      <c r="AA8" s="196">
        <v>0</v>
      </c>
      <c r="AB8" s="193">
        <v>0</v>
      </c>
      <c r="AC8" s="191">
        <v>128</v>
      </c>
      <c r="AD8" s="191">
        <v>93</v>
      </c>
      <c r="AE8" s="191">
        <v>43</v>
      </c>
      <c r="AF8" s="191">
        <v>21</v>
      </c>
      <c r="AG8" s="191">
        <v>10</v>
      </c>
      <c r="AH8" s="196">
        <v>295</v>
      </c>
      <c r="AI8" s="195">
        <v>295</v>
      </c>
      <c r="AJ8" s="190">
        <v>0</v>
      </c>
      <c r="AK8" s="191">
        <v>0</v>
      </c>
      <c r="AL8" s="196">
        <v>0</v>
      </c>
      <c r="AM8" s="193">
        <v>0</v>
      </c>
      <c r="AN8" s="191">
        <v>9</v>
      </c>
      <c r="AO8" s="191">
        <v>15</v>
      </c>
      <c r="AP8" s="191">
        <v>17</v>
      </c>
      <c r="AQ8" s="191">
        <v>7</v>
      </c>
      <c r="AR8" s="191">
        <v>5</v>
      </c>
      <c r="AS8" s="196">
        <v>53</v>
      </c>
      <c r="AT8" s="195">
        <v>53</v>
      </c>
      <c r="AU8" s="190">
        <v>1</v>
      </c>
      <c r="AV8" s="191">
        <v>5</v>
      </c>
      <c r="AW8" s="196">
        <v>6</v>
      </c>
      <c r="AX8" s="193">
        <v>0</v>
      </c>
      <c r="AY8" s="191">
        <v>10</v>
      </c>
      <c r="AZ8" s="191">
        <v>8</v>
      </c>
      <c r="BA8" s="191">
        <v>9</v>
      </c>
      <c r="BB8" s="191">
        <v>4</v>
      </c>
      <c r="BC8" s="191">
        <v>1</v>
      </c>
      <c r="BD8" s="196">
        <v>32</v>
      </c>
      <c r="BE8" s="195">
        <v>38</v>
      </c>
      <c r="BF8" s="190">
        <v>0</v>
      </c>
      <c r="BG8" s="191">
        <v>0</v>
      </c>
      <c r="BH8" s="196">
        <v>0</v>
      </c>
      <c r="BI8" s="193">
        <v>0</v>
      </c>
      <c r="BJ8" s="191">
        <v>16</v>
      </c>
      <c r="BK8" s="191">
        <v>26</v>
      </c>
      <c r="BL8" s="191">
        <v>24</v>
      </c>
      <c r="BM8" s="191">
        <v>15</v>
      </c>
      <c r="BN8" s="191">
        <v>16</v>
      </c>
      <c r="BO8" s="194">
        <v>97</v>
      </c>
      <c r="BP8" s="195">
        <v>97</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0</v>
      </c>
      <c r="CG8" s="191">
        <v>1</v>
      </c>
      <c r="CH8" s="191">
        <v>5</v>
      </c>
      <c r="CI8" s="191">
        <v>9</v>
      </c>
      <c r="CJ8" s="191">
        <v>3</v>
      </c>
      <c r="CK8" s="196">
        <v>18</v>
      </c>
      <c r="CL8" s="195">
        <v>18</v>
      </c>
      <c r="CM8" s="190">
        <v>0</v>
      </c>
      <c r="CN8" s="191">
        <v>0</v>
      </c>
      <c r="CO8" s="196">
        <v>0</v>
      </c>
      <c r="CP8" s="193">
        <v>0</v>
      </c>
      <c r="CQ8" s="191">
        <v>4</v>
      </c>
      <c r="CR8" s="191">
        <v>6</v>
      </c>
      <c r="CS8" s="191">
        <v>8</v>
      </c>
      <c r="CT8" s="191">
        <v>5</v>
      </c>
      <c r="CU8" s="191">
        <v>13</v>
      </c>
      <c r="CV8" s="196">
        <v>36</v>
      </c>
      <c r="CW8" s="195">
        <v>36</v>
      </c>
    </row>
    <row r="9" spans="2:101" ht="21" customHeight="1" x14ac:dyDescent="0.2">
      <c r="B9" s="106" t="s">
        <v>14</v>
      </c>
      <c r="C9" s="190">
        <v>0</v>
      </c>
      <c r="D9" s="196">
        <v>0</v>
      </c>
      <c r="E9" s="207">
        <v>0</v>
      </c>
      <c r="F9" s="193">
        <v>0</v>
      </c>
      <c r="G9" s="191">
        <v>1</v>
      </c>
      <c r="H9" s="191">
        <v>3</v>
      </c>
      <c r="I9" s="191">
        <v>0</v>
      </c>
      <c r="J9" s="191">
        <v>0</v>
      </c>
      <c r="K9" s="191">
        <v>4</v>
      </c>
      <c r="L9" s="194">
        <v>8</v>
      </c>
      <c r="M9" s="195">
        <v>8</v>
      </c>
      <c r="N9" s="190">
        <v>0</v>
      </c>
      <c r="O9" s="191">
        <v>0</v>
      </c>
      <c r="P9" s="196">
        <v>0</v>
      </c>
      <c r="Q9" s="193">
        <v>0</v>
      </c>
      <c r="R9" s="191">
        <v>0</v>
      </c>
      <c r="S9" s="191">
        <v>0</v>
      </c>
      <c r="T9" s="191">
        <v>0</v>
      </c>
      <c r="U9" s="191">
        <v>0</v>
      </c>
      <c r="V9" s="191">
        <v>0</v>
      </c>
      <c r="W9" s="196">
        <v>0</v>
      </c>
      <c r="X9" s="195">
        <v>0</v>
      </c>
      <c r="Y9" s="190">
        <v>0</v>
      </c>
      <c r="Z9" s="191">
        <v>0</v>
      </c>
      <c r="AA9" s="196">
        <v>0</v>
      </c>
      <c r="AB9" s="193">
        <v>0</v>
      </c>
      <c r="AC9" s="191">
        <v>50</v>
      </c>
      <c r="AD9" s="191">
        <v>53</v>
      </c>
      <c r="AE9" s="191">
        <v>18</v>
      </c>
      <c r="AF9" s="191">
        <v>9</v>
      </c>
      <c r="AG9" s="191">
        <v>3</v>
      </c>
      <c r="AH9" s="196">
        <v>133</v>
      </c>
      <c r="AI9" s="195">
        <v>133</v>
      </c>
      <c r="AJ9" s="190">
        <v>0</v>
      </c>
      <c r="AK9" s="191">
        <v>0</v>
      </c>
      <c r="AL9" s="196">
        <v>0</v>
      </c>
      <c r="AM9" s="193">
        <v>0</v>
      </c>
      <c r="AN9" s="191">
        <v>0</v>
      </c>
      <c r="AO9" s="191">
        <v>1</v>
      </c>
      <c r="AP9" s="191">
        <v>0</v>
      </c>
      <c r="AQ9" s="191">
        <v>1</v>
      </c>
      <c r="AR9" s="191">
        <v>0</v>
      </c>
      <c r="AS9" s="196">
        <v>2</v>
      </c>
      <c r="AT9" s="195">
        <v>2</v>
      </c>
      <c r="AU9" s="190">
        <v>2</v>
      </c>
      <c r="AV9" s="191">
        <v>0</v>
      </c>
      <c r="AW9" s="196">
        <v>2</v>
      </c>
      <c r="AX9" s="193">
        <v>0</v>
      </c>
      <c r="AY9" s="191">
        <v>4</v>
      </c>
      <c r="AZ9" s="191">
        <v>6</v>
      </c>
      <c r="BA9" s="191">
        <v>4</v>
      </c>
      <c r="BB9" s="191">
        <v>2</v>
      </c>
      <c r="BC9" s="191">
        <v>2</v>
      </c>
      <c r="BD9" s="196">
        <v>18</v>
      </c>
      <c r="BE9" s="195">
        <v>20</v>
      </c>
      <c r="BF9" s="190">
        <v>0</v>
      </c>
      <c r="BG9" s="191">
        <v>0</v>
      </c>
      <c r="BH9" s="196">
        <v>0</v>
      </c>
      <c r="BI9" s="193">
        <v>0</v>
      </c>
      <c r="BJ9" s="191">
        <v>5</v>
      </c>
      <c r="BK9" s="191">
        <v>8</v>
      </c>
      <c r="BL9" s="191">
        <v>15</v>
      </c>
      <c r="BM9" s="191">
        <v>6</v>
      </c>
      <c r="BN9" s="191">
        <v>5</v>
      </c>
      <c r="BO9" s="194">
        <v>39</v>
      </c>
      <c r="BP9" s="195">
        <v>39</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0</v>
      </c>
      <c r="CI9" s="191">
        <v>3</v>
      </c>
      <c r="CJ9" s="191">
        <v>0</v>
      </c>
      <c r="CK9" s="196">
        <v>3</v>
      </c>
      <c r="CL9" s="195">
        <v>3</v>
      </c>
      <c r="CM9" s="190">
        <v>0</v>
      </c>
      <c r="CN9" s="191">
        <v>0</v>
      </c>
      <c r="CO9" s="196">
        <v>0</v>
      </c>
      <c r="CP9" s="193">
        <v>0</v>
      </c>
      <c r="CQ9" s="191">
        <v>1</v>
      </c>
      <c r="CR9" s="191">
        <v>1</v>
      </c>
      <c r="CS9" s="191">
        <v>0</v>
      </c>
      <c r="CT9" s="191">
        <v>2</v>
      </c>
      <c r="CU9" s="191">
        <v>1</v>
      </c>
      <c r="CV9" s="196">
        <v>5</v>
      </c>
      <c r="CW9" s="195">
        <v>5</v>
      </c>
    </row>
    <row r="10" spans="2:101" ht="21" customHeight="1" x14ac:dyDescent="0.2">
      <c r="B10" s="106" t="s">
        <v>7</v>
      </c>
      <c r="C10" s="190">
        <v>0</v>
      </c>
      <c r="D10" s="196">
        <v>0</v>
      </c>
      <c r="E10" s="207">
        <v>0</v>
      </c>
      <c r="F10" s="193">
        <v>0</v>
      </c>
      <c r="G10" s="191">
        <v>0</v>
      </c>
      <c r="H10" s="191">
        <v>1</v>
      </c>
      <c r="I10" s="191">
        <v>0</v>
      </c>
      <c r="J10" s="191">
        <v>0</v>
      </c>
      <c r="K10" s="191">
        <v>1</v>
      </c>
      <c r="L10" s="194">
        <v>2</v>
      </c>
      <c r="M10" s="195">
        <v>2</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39</v>
      </c>
      <c r="AD10" s="191">
        <v>18</v>
      </c>
      <c r="AE10" s="191">
        <v>6</v>
      </c>
      <c r="AF10" s="191">
        <v>5</v>
      </c>
      <c r="AG10" s="191">
        <v>1</v>
      </c>
      <c r="AH10" s="196">
        <v>69</v>
      </c>
      <c r="AI10" s="195">
        <v>69</v>
      </c>
      <c r="AJ10" s="190">
        <v>0</v>
      </c>
      <c r="AK10" s="191">
        <v>0</v>
      </c>
      <c r="AL10" s="196">
        <v>0</v>
      </c>
      <c r="AM10" s="193">
        <v>0</v>
      </c>
      <c r="AN10" s="191">
        <v>3</v>
      </c>
      <c r="AO10" s="191">
        <v>3</v>
      </c>
      <c r="AP10" s="191">
        <v>4</v>
      </c>
      <c r="AQ10" s="191">
        <v>1</v>
      </c>
      <c r="AR10" s="191">
        <v>0</v>
      </c>
      <c r="AS10" s="196">
        <v>11</v>
      </c>
      <c r="AT10" s="195">
        <v>11</v>
      </c>
      <c r="AU10" s="190">
        <v>0</v>
      </c>
      <c r="AV10" s="191">
        <v>0</v>
      </c>
      <c r="AW10" s="196">
        <v>0</v>
      </c>
      <c r="AX10" s="193">
        <v>0</v>
      </c>
      <c r="AY10" s="191">
        <v>3</v>
      </c>
      <c r="AZ10" s="191">
        <v>1</v>
      </c>
      <c r="BA10" s="191">
        <v>1</v>
      </c>
      <c r="BB10" s="191">
        <v>0</v>
      </c>
      <c r="BC10" s="191">
        <v>0</v>
      </c>
      <c r="BD10" s="196">
        <v>5</v>
      </c>
      <c r="BE10" s="195">
        <v>5</v>
      </c>
      <c r="BF10" s="190">
        <v>0</v>
      </c>
      <c r="BG10" s="191">
        <v>0</v>
      </c>
      <c r="BH10" s="196">
        <v>0</v>
      </c>
      <c r="BI10" s="193">
        <v>0</v>
      </c>
      <c r="BJ10" s="191">
        <v>2</v>
      </c>
      <c r="BK10" s="191">
        <v>5</v>
      </c>
      <c r="BL10" s="191">
        <v>4</v>
      </c>
      <c r="BM10" s="191">
        <v>5</v>
      </c>
      <c r="BN10" s="191">
        <v>3</v>
      </c>
      <c r="BO10" s="194">
        <v>19</v>
      </c>
      <c r="BP10" s="195">
        <v>19</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1</v>
      </c>
      <c r="CR10" s="191">
        <v>0</v>
      </c>
      <c r="CS10" s="191">
        <v>0</v>
      </c>
      <c r="CT10" s="191">
        <v>0</v>
      </c>
      <c r="CU10" s="191">
        <v>1</v>
      </c>
      <c r="CV10" s="196">
        <v>2</v>
      </c>
      <c r="CW10" s="195">
        <v>2</v>
      </c>
    </row>
    <row r="11" spans="2:101" ht="21" customHeight="1" x14ac:dyDescent="0.2">
      <c r="B11" s="106" t="s">
        <v>8</v>
      </c>
      <c r="C11" s="190">
        <v>0</v>
      </c>
      <c r="D11" s="196">
        <v>0</v>
      </c>
      <c r="E11" s="207">
        <v>0</v>
      </c>
      <c r="F11" s="193">
        <v>0</v>
      </c>
      <c r="G11" s="191">
        <v>0</v>
      </c>
      <c r="H11" s="191">
        <v>0</v>
      </c>
      <c r="I11" s="191">
        <v>0</v>
      </c>
      <c r="J11" s="191">
        <v>0</v>
      </c>
      <c r="K11" s="191">
        <v>0</v>
      </c>
      <c r="L11" s="194">
        <v>0</v>
      </c>
      <c r="M11" s="195">
        <v>0</v>
      </c>
      <c r="N11" s="190">
        <v>0</v>
      </c>
      <c r="O11" s="191">
        <v>0</v>
      </c>
      <c r="P11" s="196">
        <v>0</v>
      </c>
      <c r="Q11" s="193">
        <v>0</v>
      </c>
      <c r="R11" s="191">
        <v>0</v>
      </c>
      <c r="S11" s="191">
        <v>0</v>
      </c>
      <c r="T11" s="191">
        <v>0</v>
      </c>
      <c r="U11" s="191">
        <v>0</v>
      </c>
      <c r="V11" s="191">
        <v>0</v>
      </c>
      <c r="W11" s="196">
        <v>0</v>
      </c>
      <c r="X11" s="195">
        <v>0</v>
      </c>
      <c r="Y11" s="190">
        <v>0</v>
      </c>
      <c r="Z11" s="191">
        <v>0</v>
      </c>
      <c r="AA11" s="196">
        <v>0</v>
      </c>
      <c r="AB11" s="193">
        <v>0</v>
      </c>
      <c r="AC11" s="191">
        <v>32</v>
      </c>
      <c r="AD11" s="191">
        <v>17</v>
      </c>
      <c r="AE11" s="191">
        <v>7</v>
      </c>
      <c r="AF11" s="191">
        <v>2</v>
      </c>
      <c r="AG11" s="191">
        <v>2</v>
      </c>
      <c r="AH11" s="196">
        <v>60</v>
      </c>
      <c r="AI11" s="195">
        <v>60</v>
      </c>
      <c r="AJ11" s="190">
        <v>0</v>
      </c>
      <c r="AK11" s="191">
        <v>0</v>
      </c>
      <c r="AL11" s="196">
        <v>0</v>
      </c>
      <c r="AM11" s="193">
        <v>0</v>
      </c>
      <c r="AN11" s="191">
        <v>0</v>
      </c>
      <c r="AO11" s="191">
        <v>0</v>
      </c>
      <c r="AP11" s="191">
        <v>0</v>
      </c>
      <c r="AQ11" s="191">
        <v>0</v>
      </c>
      <c r="AR11" s="191">
        <v>1</v>
      </c>
      <c r="AS11" s="196">
        <v>1</v>
      </c>
      <c r="AT11" s="195">
        <v>1</v>
      </c>
      <c r="AU11" s="190">
        <v>0</v>
      </c>
      <c r="AV11" s="191">
        <v>1</v>
      </c>
      <c r="AW11" s="196">
        <v>1</v>
      </c>
      <c r="AX11" s="193">
        <v>0</v>
      </c>
      <c r="AY11" s="191">
        <v>2</v>
      </c>
      <c r="AZ11" s="191">
        <v>1</v>
      </c>
      <c r="BA11" s="191">
        <v>1</v>
      </c>
      <c r="BB11" s="191">
        <v>1</v>
      </c>
      <c r="BC11" s="191">
        <v>0</v>
      </c>
      <c r="BD11" s="196">
        <v>5</v>
      </c>
      <c r="BE11" s="195">
        <v>6</v>
      </c>
      <c r="BF11" s="190">
        <v>0</v>
      </c>
      <c r="BG11" s="191">
        <v>0</v>
      </c>
      <c r="BH11" s="196">
        <v>0</v>
      </c>
      <c r="BI11" s="193">
        <v>0</v>
      </c>
      <c r="BJ11" s="191">
        <v>3</v>
      </c>
      <c r="BK11" s="191">
        <v>3</v>
      </c>
      <c r="BL11" s="191">
        <v>4</v>
      </c>
      <c r="BM11" s="191">
        <v>2</v>
      </c>
      <c r="BN11" s="191">
        <v>0</v>
      </c>
      <c r="BO11" s="194">
        <v>12</v>
      </c>
      <c r="BP11" s="195">
        <v>12</v>
      </c>
      <c r="BQ11" s="190">
        <v>0</v>
      </c>
      <c r="BR11" s="191">
        <v>0</v>
      </c>
      <c r="BS11" s="196">
        <v>0</v>
      </c>
      <c r="BT11" s="193">
        <v>0</v>
      </c>
      <c r="BU11" s="191">
        <v>0</v>
      </c>
      <c r="BV11" s="191">
        <v>0</v>
      </c>
      <c r="BW11" s="191">
        <v>1</v>
      </c>
      <c r="BX11" s="191">
        <v>2</v>
      </c>
      <c r="BY11" s="191">
        <v>1</v>
      </c>
      <c r="BZ11" s="196">
        <v>4</v>
      </c>
      <c r="CA11" s="195">
        <v>4</v>
      </c>
      <c r="CB11" s="190">
        <v>0</v>
      </c>
      <c r="CC11" s="191">
        <v>0</v>
      </c>
      <c r="CD11" s="196">
        <v>0</v>
      </c>
      <c r="CE11" s="193">
        <v>0</v>
      </c>
      <c r="CF11" s="191">
        <v>0</v>
      </c>
      <c r="CG11" s="191">
        <v>0</v>
      </c>
      <c r="CH11" s="191">
        <v>0</v>
      </c>
      <c r="CI11" s="191">
        <v>2</v>
      </c>
      <c r="CJ11" s="191">
        <v>0</v>
      </c>
      <c r="CK11" s="196">
        <v>2</v>
      </c>
      <c r="CL11" s="195">
        <v>2</v>
      </c>
      <c r="CM11" s="190">
        <v>0</v>
      </c>
      <c r="CN11" s="191">
        <v>0</v>
      </c>
      <c r="CO11" s="196">
        <v>0</v>
      </c>
      <c r="CP11" s="193">
        <v>0</v>
      </c>
      <c r="CQ11" s="191">
        <v>0</v>
      </c>
      <c r="CR11" s="191">
        <v>1</v>
      </c>
      <c r="CS11" s="191">
        <v>0</v>
      </c>
      <c r="CT11" s="191">
        <v>1</v>
      </c>
      <c r="CU11" s="191">
        <v>0</v>
      </c>
      <c r="CV11" s="196">
        <v>2</v>
      </c>
      <c r="CW11" s="195">
        <v>2</v>
      </c>
    </row>
    <row r="12" spans="2:101" ht="21" customHeight="1" x14ac:dyDescent="0.2">
      <c r="B12" s="106" t="s">
        <v>9</v>
      </c>
      <c r="C12" s="190">
        <v>0</v>
      </c>
      <c r="D12" s="196">
        <v>0</v>
      </c>
      <c r="E12" s="207">
        <v>0</v>
      </c>
      <c r="F12" s="193">
        <v>0</v>
      </c>
      <c r="G12" s="191">
        <v>0</v>
      </c>
      <c r="H12" s="191">
        <v>1</v>
      </c>
      <c r="I12" s="191">
        <v>0</v>
      </c>
      <c r="J12" s="191">
        <v>1</v>
      </c>
      <c r="K12" s="191">
        <v>0</v>
      </c>
      <c r="L12" s="194">
        <v>2</v>
      </c>
      <c r="M12" s="195">
        <v>2</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37</v>
      </c>
      <c r="AD12" s="191">
        <v>29</v>
      </c>
      <c r="AE12" s="191">
        <v>20</v>
      </c>
      <c r="AF12" s="191">
        <v>5</v>
      </c>
      <c r="AG12" s="191">
        <v>3</v>
      </c>
      <c r="AH12" s="196">
        <v>94</v>
      </c>
      <c r="AI12" s="195">
        <v>94</v>
      </c>
      <c r="AJ12" s="190">
        <v>0</v>
      </c>
      <c r="AK12" s="191">
        <v>0</v>
      </c>
      <c r="AL12" s="196">
        <v>0</v>
      </c>
      <c r="AM12" s="193">
        <v>0</v>
      </c>
      <c r="AN12" s="191">
        <v>0</v>
      </c>
      <c r="AO12" s="191">
        <v>0</v>
      </c>
      <c r="AP12" s="191">
        <v>1</v>
      </c>
      <c r="AQ12" s="191">
        <v>0</v>
      </c>
      <c r="AR12" s="191">
        <v>0</v>
      </c>
      <c r="AS12" s="196">
        <v>1</v>
      </c>
      <c r="AT12" s="195">
        <v>1</v>
      </c>
      <c r="AU12" s="190">
        <v>0</v>
      </c>
      <c r="AV12" s="191">
        <v>1</v>
      </c>
      <c r="AW12" s="196">
        <v>1</v>
      </c>
      <c r="AX12" s="193">
        <v>0</v>
      </c>
      <c r="AY12" s="191">
        <v>4</v>
      </c>
      <c r="AZ12" s="191">
        <v>0</v>
      </c>
      <c r="BA12" s="191">
        <v>1</v>
      </c>
      <c r="BB12" s="191">
        <v>0</v>
      </c>
      <c r="BC12" s="191">
        <v>1</v>
      </c>
      <c r="BD12" s="196">
        <v>6</v>
      </c>
      <c r="BE12" s="195">
        <v>7</v>
      </c>
      <c r="BF12" s="190">
        <v>0</v>
      </c>
      <c r="BG12" s="191">
        <v>0</v>
      </c>
      <c r="BH12" s="196">
        <v>0</v>
      </c>
      <c r="BI12" s="193">
        <v>0</v>
      </c>
      <c r="BJ12" s="191">
        <v>0</v>
      </c>
      <c r="BK12" s="191">
        <v>1</v>
      </c>
      <c r="BL12" s="191">
        <v>5</v>
      </c>
      <c r="BM12" s="191">
        <v>5</v>
      </c>
      <c r="BN12" s="191">
        <v>1</v>
      </c>
      <c r="BO12" s="194">
        <v>12</v>
      </c>
      <c r="BP12" s="195">
        <v>12</v>
      </c>
      <c r="BQ12" s="190">
        <v>0</v>
      </c>
      <c r="BR12" s="191">
        <v>0</v>
      </c>
      <c r="BS12" s="196">
        <v>0</v>
      </c>
      <c r="BT12" s="193">
        <v>0</v>
      </c>
      <c r="BU12" s="191">
        <v>0</v>
      </c>
      <c r="BV12" s="191">
        <v>1</v>
      </c>
      <c r="BW12" s="191">
        <v>1</v>
      </c>
      <c r="BX12" s="191">
        <v>0</v>
      </c>
      <c r="BY12" s="191">
        <v>1</v>
      </c>
      <c r="BZ12" s="196">
        <v>3</v>
      </c>
      <c r="CA12" s="195">
        <v>3</v>
      </c>
      <c r="CB12" s="190">
        <v>0</v>
      </c>
      <c r="CC12" s="191">
        <v>0</v>
      </c>
      <c r="CD12" s="196">
        <v>0</v>
      </c>
      <c r="CE12" s="193">
        <v>0</v>
      </c>
      <c r="CF12" s="191">
        <v>0</v>
      </c>
      <c r="CG12" s="191">
        <v>0</v>
      </c>
      <c r="CH12" s="191">
        <v>0</v>
      </c>
      <c r="CI12" s="191">
        <v>0</v>
      </c>
      <c r="CJ12" s="191">
        <v>0</v>
      </c>
      <c r="CK12" s="196">
        <v>0</v>
      </c>
      <c r="CL12" s="195">
        <v>0</v>
      </c>
      <c r="CM12" s="190">
        <v>0</v>
      </c>
      <c r="CN12" s="191">
        <v>0</v>
      </c>
      <c r="CO12" s="196">
        <v>0</v>
      </c>
      <c r="CP12" s="193">
        <v>0</v>
      </c>
      <c r="CQ12" s="191">
        <v>1</v>
      </c>
      <c r="CR12" s="191">
        <v>1</v>
      </c>
      <c r="CS12" s="191">
        <v>0</v>
      </c>
      <c r="CT12" s="191">
        <v>0</v>
      </c>
      <c r="CU12" s="191">
        <v>2</v>
      </c>
      <c r="CV12" s="196">
        <v>4</v>
      </c>
      <c r="CW12" s="195">
        <v>4</v>
      </c>
    </row>
    <row r="13" spans="2:101" ht="21" customHeight="1" x14ac:dyDescent="0.2">
      <c r="B13" s="106" t="s">
        <v>10</v>
      </c>
      <c r="C13" s="190">
        <v>0</v>
      </c>
      <c r="D13" s="196">
        <v>0</v>
      </c>
      <c r="E13" s="207">
        <v>0</v>
      </c>
      <c r="F13" s="193">
        <v>0</v>
      </c>
      <c r="G13" s="191">
        <v>1</v>
      </c>
      <c r="H13" s="191">
        <v>0</v>
      </c>
      <c r="I13" s="191">
        <v>2</v>
      </c>
      <c r="J13" s="191">
        <v>0</v>
      </c>
      <c r="K13" s="191">
        <v>2</v>
      </c>
      <c r="L13" s="194">
        <v>5</v>
      </c>
      <c r="M13" s="195">
        <v>5</v>
      </c>
      <c r="N13" s="190">
        <v>0</v>
      </c>
      <c r="O13" s="191">
        <v>0</v>
      </c>
      <c r="P13" s="196">
        <v>0</v>
      </c>
      <c r="Q13" s="193">
        <v>0</v>
      </c>
      <c r="R13" s="191">
        <v>0</v>
      </c>
      <c r="S13" s="191">
        <v>1</v>
      </c>
      <c r="T13" s="191">
        <v>0</v>
      </c>
      <c r="U13" s="191">
        <v>0</v>
      </c>
      <c r="V13" s="191">
        <v>0</v>
      </c>
      <c r="W13" s="196">
        <v>1</v>
      </c>
      <c r="X13" s="195">
        <v>1</v>
      </c>
      <c r="Y13" s="190">
        <v>0</v>
      </c>
      <c r="Z13" s="191">
        <v>0</v>
      </c>
      <c r="AA13" s="196">
        <v>0</v>
      </c>
      <c r="AB13" s="193">
        <v>0</v>
      </c>
      <c r="AC13" s="191">
        <v>32</v>
      </c>
      <c r="AD13" s="191">
        <v>15</v>
      </c>
      <c r="AE13" s="191">
        <v>8</v>
      </c>
      <c r="AF13" s="191">
        <v>3</v>
      </c>
      <c r="AG13" s="191">
        <v>0</v>
      </c>
      <c r="AH13" s="196">
        <v>58</v>
      </c>
      <c r="AI13" s="195">
        <v>58</v>
      </c>
      <c r="AJ13" s="190">
        <v>0</v>
      </c>
      <c r="AK13" s="191">
        <v>0</v>
      </c>
      <c r="AL13" s="196">
        <v>0</v>
      </c>
      <c r="AM13" s="193">
        <v>0</v>
      </c>
      <c r="AN13" s="191">
        <v>1</v>
      </c>
      <c r="AO13" s="191">
        <v>0</v>
      </c>
      <c r="AP13" s="191">
        <v>1</v>
      </c>
      <c r="AQ13" s="191">
        <v>2</v>
      </c>
      <c r="AR13" s="191">
        <v>0</v>
      </c>
      <c r="AS13" s="196">
        <v>4</v>
      </c>
      <c r="AT13" s="195">
        <v>4</v>
      </c>
      <c r="AU13" s="190">
        <v>1</v>
      </c>
      <c r="AV13" s="191">
        <v>1</v>
      </c>
      <c r="AW13" s="196">
        <v>2</v>
      </c>
      <c r="AX13" s="193">
        <v>0</v>
      </c>
      <c r="AY13" s="191">
        <v>3</v>
      </c>
      <c r="AZ13" s="191">
        <v>2</v>
      </c>
      <c r="BA13" s="191">
        <v>4</v>
      </c>
      <c r="BB13" s="191">
        <v>1</v>
      </c>
      <c r="BC13" s="191">
        <v>0</v>
      </c>
      <c r="BD13" s="196">
        <v>10</v>
      </c>
      <c r="BE13" s="195">
        <v>12</v>
      </c>
      <c r="BF13" s="190">
        <v>0</v>
      </c>
      <c r="BG13" s="191">
        <v>0</v>
      </c>
      <c r="BH13" s="196">
        <v>0</v>
      </c>
      <c r="BI13" s="193">
        <v>0</v>
      </c>
      <c r="BJ13" s="191">
        <v>4</v>
      </c>
      <c r="BK13" s="191">
        <v>4</v>
      </c>
      <c r="BL13" s="191">
        <v>6</v>
      </c>
      <c r="BM13" s="191">
        <v>5</v>
      </c>
      <c r="BN13" s="191">
        <v>8</v>
      </c>
      <c r="BO13" s="194">
        <v>27</v>
      </c>
      <c r="BP13" s="195">
        <v>27</v>
      </c>
      <c r="BQ13" s="190">
        <v>0</v>
      </c>
      <c r="BR13" s="191">
        <v>0</v>
      </c>
      <c r="BS13" s="196">
        <v>0</v>
      </c>
      <c r="BT13" s="193">
        <v>0</v>
      </c>
      <c r="BU13" s="191">
        <v>1</v>
      </c>
      <c r="BV13" s="191">
        <v>1</v>
      </c>
      <c r="BW13" s="191">
        <v>5</v>
      </c>
      <c r="BX13" s="191">
        <v>2</v>
      </c>
      <c r="BY13" s="191">
        <v>4</v>
      </c>
      <c r="BZ13" s="196">
        <v>13</v>
      </c>
      <c r="CA13" s="195">
        <v>13</v>
      </c>
      <c r="CB13" s="190">
        <v>0</v>
      </c>
      <c r="CC13" s="191">
        <v>0</v>
      </c>
      <c r="CD13" s="196">
        <v>0</v>
      </c>
      <c r="CE13" s="193">
        <v>0</v>
      </c>
      <c r="CF13" s="191">
        <v>0</v>
      </c>
      <c r="CG13" s="191">
        <v>0</v>
      </c>
      <c r="CH13" s="191">
        <v>1</v>
      </c>
      <c r="CI13" s="191">
        <v>2</v>
      </c>
      <c r="CJ13" s="191">
        <v>0</v>
      </c>
      <c r="CK13" s="196">
        <v>3</v>
      </c>
      <c r="CL13" s="195">
        <v>3</v>
      </c>
      <c r="CM13" s="190">
        <v>0</v>
      </c>
      <c r="CN13" s="191">
        <v>0</v>
      </c>
      <c r="CO13" s="196">
        <v>0</v>
      </c>
      <c r="CP13" s="193">
        <v>0</v>
      </c>
      <c r="CQ13" s="191">
        <v>3</v>
      </c>
      <c r="CR13" s="191">
        <v>0</v>
      </c>
      <c r="CS13" s="191">
        <v>1</v>
      </c>
      <c r="CT13" s="191">
        <v>1</v>
      </c>
      <c r="CU13" s="191">
        <v>1</v>
      </c>
      <c r="CV13" s="196">
        <v>6</v>
      </c>
      <c r="CW13" s="195">
        <v>6</v>
      </c>
    </row>
    <row r="14" spans="2:101" ht="21" customHeight="1" x14ac:dyDescent="0.2">
      <c r="B14" s="106" t="s">
        <v>11</v>
      </c>
      <c r="C14" s="190">
        <v>0</v>
      </c>
      <c r="D14" s="196">
        <v>0</v>
      </c>
      <c r="E14" s="207">
        <v>0</v>
      </c>
      <c r="F14" s="193">
        <v>0</v>
      </c>
      <c r="G14" s="191">
        <v>0</v>
      </c>
      <c r="H14" s="191">
        <v>2</v>
      </c>
      <c r="I14" s="191">
        <v>0</v>
      </c>
      <c r="J14" s="191">
        <v>0</v>
      </c>
      <c r="K14" s="191">
        <v>1</v>
      </c>
      <c r="L14" s="194">
        <v>3</v>
      </c>
      <c r="M14" s="195">
        <v>3</v>
      </c>
      <c r="N14" s="190">
        <v>0</v>
      </c>
      <c r="O14" s="191">
        <v>0</v>
      </c>
      <c r="P14" s="196">
        <v>0</v>
      </c>
      <c r="Q14" s="193">
        <v>0</v>
      </c>
      <c r="R14" s="191">
        <v>0</v>
      </c>
      <c r="S14" s="191">
        <v>0</v>
      </c>
      <c r="T14" s="191">
        <v>0</v>
      </c>
      <c r="U14" s="191">
        <v>1</v>
      </c>
      <c r="V14" s="191">
        <v>0</v>
      </c>
      <c r="W14" s="196">
        <v>1</v>
      </c>
      <c r="X14" s="195">
        <v>1</v>
      </c>
      <c r="Y14" s="190">
        <v>0</v>
      </c>
      <c r="Z14" s="191">
        <v>0</v>
      </c>
      <c r="AA14" s="196">
        <v>0</v>
      </c>
      <c r="AB14" s="193">
        <v>0</v>
      </c>
      <c r="AC14" s="191">
        <v>21</v>
      </c>
      <c r="AD14" s="191">
        <v>10</v>
      </c>
      <c r="AE14" s="191">
        <v>2</v>
      </c>
      <c r="AF14" s="191">
        <v>4</v>
      </c>
      <c r="AG14" s="191">
        <v>2</v>
      </c>
      <c r="AH14" s="196">
        <v>39</v>
      </c>
      <c r="AI14" s="195">
        <v>39</v>
      </c>
      <c r="AJ14" s="190">
        <v>0</v>
      </c>
      <c r="AK14" s="191">
        <v>0</v>
      </c>
      <c r="AL14" s="196">
        <v>0</v>
      </c>
      <c r="AM14" s="193">
        <v>0</v>
      </c>
      <c r="AN14" s="191">
        <v>3</v>
      </c>
      <c r="AO14" s="191">
        <v>1</v>
      </c>
      <c r="AP14" s="191">
        <v>0</v>
      </c>
      <c r="AQ14" s="191">
        <v>0</v>
      </c>
      <c r="AR14" s="191">
        <v>0</v>
      </c>
      <c r="AS14" s="196">
        <v>4</v>
      </c>
      <c r="AT14" s="195">
        <v>4</v>
      </c>
      <c r="AU14" s="190">
        <v>0</v>
      </c>
      <c r="AV14" s="191">
        <v>2</v>
      </c>
      <c r="AW14" s="196">
        <v>2</v>
      </c>
      <c r="AX14" s="193">
        <v>0</v>
      </c>
      <c r="AY14" s="191">
        <v>0</v>
      </c>
      <c r="AZ14" s="191">
        <v>5</v>
      </c>
      <c r="BA14" s="191">
        <v>2</v>
      </c>
      <c r="BB14" s="191">
        <v>2</v>
      </c>
      <c r="BC14" s="191">
        <v>0</v>
      </c>
      <c r="BD14" s="196">
        <v>9</v>
      </c>
      <c r="BE14" s="195">
        <v>11</v>
      </c>
      <c r="BF14" s="190">
        <v>0</v>
      </c>
      <c r="BG14" s="191">
        <v>0</v>
      </c>
      <c r="BH14" s="196">
        <v>0</v>
      </c>
      <c r="BI14" s="193">
        <v>0</v>
      </c>
      <c r="BJ14" s="191">
        <v>0</v>
      </c>
      <c r="BK14" s="191">
        <v>2</v>
      </c>
      <c r="BL14" s="191">
        <v>2</v>
      </c>
      <c r="BM14" s="191">
        <v>2</v>
      </c>
      <c r="BN14" s="191">
        <v>0</v>
      </c>
      <c r="BO14" s="194">
        <v>6</v>
      </c>
      <c r="BP14" s="195">
        <v>6</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0</v>
      </c>
      <c r="CH14" s="191">
        <v>0</v>
      </c>
      <c r="CI14" s="191">
        <v>0</v>
      </c>
      <c r="CJ14" s="191">
        <v>0</v>
      </c>
      <c r="CK14" s="196">
        <v>0</v>
      </c>
      <c r="CL14" s="195">
        <v>0</v>
      </c>
      <c r="CM14" s="190">
        <v>0</v>
      </c>
      <c r="CN14" s="191">
        <v>0</v>
      </c>
      <c r="CO14" s="196">
        <v>0</v>
      </c>
      <c r="CP14" s="193">
        <v>0</v>
      </c>
      <c r="CQ14" s="191">
        <v>0</v>
      </c>
      <c r="CR14" s="191">
        <v>1</v>
      </c>
      <c r="CS14" s="191">
        <v>0</v>
      </c>
      <c r="CT14" s="191">
        <v>0</v>
      </c>
      <c r="CU14" s="191">
        <v>0</v>
      </c>
      <c r="CV14" s="196">
        <v>1</v>
      </c>
      <c r="CW14" s="195">
        <v>1</v>
      </c>
    </row>
    <row r="15" spans="2:101" ht="21" customHeight="1" x14ac:dyDescent="0.2">
      <c r="B15" s="106" t="s">
        <v>12</v>
      </c>
      <c r="C15" s="190">
        <v>0</v>
      </c>
      <c r="D15" s="196">
        <v>0</v>
      </c>
      <c r="E15" s="207">
        <v>0</v>
      </c>
      <c r="F15" s="193">
        <v>0</v>
      </c>
      <c r="G15" s="191">
        <v>1</v>
      </c>
      <c r="H15" s="191">
        <v>0</v>
      </c>
      <c r="I15" s="191">
        <v>0</v>
      </c>
      <c r="J15" s="191">
        <v>0</v>
      </c>
      <c r="K15" s="191">
        <v>0</v>
      </c>
      <c r="L15" s="194">
        <v>1</v>
      </c>
      <c r="M15" s="195">
        <v>1</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11</v>
      </c>
      <c r="AD15" s="191">
        <v>9</v>
      </c>
      <c r="AE15" s="191">
        <v>6</v>
      </c>
      <c r="AF15" s="191">
        <v>3</v>
      </c>
      <c r="AG15" s="191">
        <v>3</v>
      </c>
      <c r="AH15" s="196">
        <v>32</v>
      </c>
      <c r="AI15" s="195">
        <v>32</v>
      </c>
      <c r="AJ15" s="190">
        <v>0</v>
      </c>
      <c r="AK15" s="191">
        <v>0</v>
      </c>
      <c r="AL15" s="196">
        <v>0</v>
      </c>
      <c r="AM15" s="193">
        <v>0</v>
      </c>
      <c r="AN15" s="191">
        <v>0</v>
      </c>
      <c r="AO15" s="191">
        <v>0</v>
      </c>
      <c r="AP15" s="191">
        <v>0</v>
      </c>
      <c r="AQ15" s="191">
        <v>0</v>
      </c>
      <c r="AR15" s="191">
        <v>0</v>
      </c>
      <c r="AS15" s="196">
        <v>0</v>
      </c>
      <c r="AT15" s="195">
        <v>0</v>
      </c>
      <c r="AU15" s="190">
        <v>0</v>
      </c>
      <c r="AV15" s="191">
        <v>0</v>
      </c>
      <c r="AW15" s="196">
        <v>0</v>
      </c>
      <c r="AX15" s="193">
        <v>0</v>
      </c>
      <c r="AY15" s="191">
        <v>0</v>
      </c>
      <c r="AZ15" s="191">
        <v>0</v>
      </c>
      <c r="BA15" s="191">
        <v>1</v>
      </c>
      <c r="BB15" s="191">
        <v>2</v>
      </c>
      <c r="BC15" s="191">
        <v>0</v>
      </c>
      <c r="BD15" s="196">
        <v>3</v>
      </c>
      <c r="BE15" s="195">
        <v>3</v>
      </c>
      <c r="BF15" s="190">
        <v>0</v>
      </c>
      <c r="BG15" s="191">
        <v>0</v>
      </c>
      <c r="BH15" s="196">
        <v>0</v>
      </c>
      <c r="BI15" s="193">
        <v>0</v>
      </c>
      <c r="BJ15" s="191">
        <v>1</v>
      </c>
      <c r="BK15" s="191">
        <v>3</v>
      </c>
      <c r="BL15" s="191">
        <v>0</v>
      </c>
      <c r="BM15" s="191">
        <v>1</v>
      </c>
      <c r="BN15" s="191">
        <v>2</v>
      </c>
      <c r="BO15" s="194">
        <v>7</v>
      </c>
      <c r="BP15" s="195">
        <v>7</v>
      </c>
      <c r="BQ15" s="190">
        <v>0</v>
      </c>
      <c r="BR15" s="191">
        <v>0</v>
      </c>
      <c r="BS15" s="196">
        <v>0</v>
      </c>
      <c r="BT15" s="193">
        <v>0</v>
      </c>
      <c r="BU15" s="191">
        <v>0</v>
      </c>
      <c r="BV15" s="191">
        <v>1</v>
      </c>
      <c r="BW15" s="191">
        <v>1</v>
      </c>
      <c r="BX15" s="191">
        <v>2</v>
      </c>
      <c r="BY15" s="191">
        <v>0</v>
      </c>
      <c r="BZ15" s="196">
        <v>4</v>
      </c>
      <c r="CA15" s="195">
        <v>4</v>
      </c>
      <c r="CB15" s="190">
        <v>0</v>
      </c>
      <c r="CC15" s="191">
        <v>0</v>
      </c>
      <c r="CD15" s="196">
        <v>0</v>
      </c>
      <c r="CE15" s="193">
        <v>0</v>
      </c>
      <c r="CF15" s="191">
        <v>0</v>
      </c>
      <c r="CG15" s="191">
        <v>0</v>
      </c>
      <c r="CH15" s="191">
        <v>1</v>
      </c>
      <c r="CI15" s="191">
        <v>1</v>
      </c>
      <c r="CJ15" s="191">
        <v>1</v>
      </c>
      <c r="CK15" s="196">
        <v>3</v>
      </c>
      <c r="CL15" s="195">
        <v>3</v>
      </c>
      <c r="CM15" s="190">
        <v>0</v>
      </c>
      <c r="CN15" s="191">
        <v>0</v>
      </c>
      <c r="CO15" s="196">
        <v>0</v>
      </c>
      <c r="CP15" s="193">
        <v>0</v>
      </c>
      <c r="CQ15" s="191">
        <v>0</v>
      </c>
      <c r="CR15" s="191">
        <v>2</v>
      </c>
      <c r="CS15" s="191">
        <v>1</v>
      </c>
      <c r="CT15" s="191">
        <v>0</v>
      </c>
      <c r="CU15" s="191">
        <v>1</v>
      </c>
      <c r="CV15" s="196">
        <v>4</v>
      </c>
      <c r="CW15" s="195">
        <v>4</v>
      </c>
    </row>
    <row r="16" spans="2:101" ht="21" customHeight="1" x14ac:dyDescent="0.2">
      <c r="B16" s="106" t="s">
        <v>13</v>
      </c>
      <c r="C16" s="190">
        <v>0</v>
      </c>
      <c r="D16" s="196">
        <v>0</v>
      </c>
      <c r="E16" s="207">
        <v>0</v>
      </c>
      <c r="F16" s="193">
        <v>0</v>
      </c>
      <c r="G16" s="191">
        <v>0</v>
      </c>
      <c r="H16" s="191">
        <v>0</v>
      </c>
      <c r="I16" s="191">
        <v>0</v>
      </c>
      <c r="J16" s="191">
        <v>0</v>
      </c>
      <c r="K16" s="191">
        <v>0</v>
      </c>
      <c r="L16" s="194">
        <v>0</v>
      </c>
      <c r="M16" s="195">
        <v>0</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16</v>
      </c>
      <c r="AD16" s="191">
        <v>10</v>
      </c>
      <c r="AE16" s="191">
        <v>8</v>
      </c>
      <c r="AF16" s="191">
        <v>1</v>
      </c>
      <c r="AG16" s="191">
        <v>3</v>
      </c>
      <c r="AH16" s="196">
        <v>38</v>
      </c>
      <c r="AI16" s="195">
        <v>38</v>
      </c>
      <c r="AJ16" s="190">
        <v>0</v>
      </c>
      <c r="AK16" s="191">
        <v>0</v>
      </c>
      <c r="AL16" s="196">
        <v>0</v>
      </c>
      <c r="AM16" s="193">
        <v>0</v>
      </c>
      <c r="AN16" s="191">
        <v>0</v>
      </c>
      <c r="AO16" s="191">
        <v>2</v>
      </c>
      <c r="AP16" s="191">
        <v>1</v>
      </c>
      <c r="AQ16" s="191">
        <v>0</v>
      </c>
      <c r="AR16" s="191">
        <v>0</v>
      </c>
      <c r="AS16" s="196">
        <v>3</v>
      </c>
      <c r="AT16" s="195">
        <v>3</v>
      </c>
      <c r="AU16" s="190">
        <v>0</v>
      </c>
      <c r="AV16" s="191">
        <v>0</v>
      </c>
      <c r="AW16" s="196">
        <v>0</v>
      </c>
      <c r="AX16" s="193">
        <v>0</v>
      </c>
      <c r="AY16" s="191">
        <v>1</v>
      </c>
      <c r="AZ16" s="191">
        <v>0</v>
      </c>
      <c r="BA16" s="191">
        <v>1</v>
      </c>
      <c r="BB16" s="191">
        <v>0</v>
      </c>
      <c r="BC16" s="191">
        <v>0</v>
      </c>
      <c r="BD16" s="196">
        <v>2</v>
      </c>
      <c r="BE16" s="195">
        <v>2</v>
      </c>
      <c r="BF16" s="190">
        <v>0</v>
      </c>
      <c r="BG16" s="191">
        <v>0</v>
      </c>
      <c r="BH16" s="196">
        <v>0</v>
      </c>
      <c r="BI16" s="193">
        <v>0</v>
      </c>
      <c r="BJ16" s="191">
        <v>1</v>
      </c>
      <c r="BK16" s="191">
        <v>0</v>
      </c>
      <c r="BL16" s="191">
        <v>1</v>
      </c>
      <c r="BM16" s="191">
        <v>0</v>
      </c>
      <c r="BN16" s="191">
        <v>1</v>
      </c>
      <c r="BO16" s="194">
        <v>3</v>
      </c>
      <c r="BP16" s="195">
        <v>3</v>
      </c>
      <c r="BQ16" s="190">
        <v>0</v>
      </c>
      <c r="BR16" s="191">
        <v>0</v>
      </c>
      <c r="BS16" s="196">
        <v>0</v>
      </c>
      <c r="BT16" s="193">
        <v>0</v>
      </c>
      <c r="BU16" s="191">
        <v>0</v>
      </c>
      <c r="BV16" s="191">
        <v>0</v>
      </c>
      <c r="BW16" s="191">
        <v>0</v>
      </c>
      <c r="BX16" s="191">
        <v>0</v>
      </c>
      <c r="BY16" s="191">
        <v>0</v>
      </c>
      <c r="BZ16" s="196">
        <v>0</v>
      </c>
      <c r="CA16" s="195">
        <v>0</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0</v>
      </c>
      <c r="H17" s="191">
        <v>0</v>
      </c>
      <c r="I17" s="191">
        <v>0</v>
      </c>
      <c r="J17" s="191">
        <v>0</v>
      </c>
      <c r="K17" s="191">
        <v>0</v>
      </c>
      <c r="L17" s="194">
        <v>0</v>
      </c>
      <c r="M17" s="195">
        <v>0</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4</v>
      </c>
      <c r="AD17" s="191">
        <v>5</v>
      </c>
      <c r="AE17" s="191">
        <v>1</v>
      </c>
      <c r="AF17" s="191">
        <v>0</v>
      </c>
      <c r="AG17" s="191">
        <v>1</v>
      </c>
      <c r="AH17" s="196">
        <v>11</v>
      </c>
      <c r="AI17" s="195">
        <v>11</v>
      </c>
      <c r="AJ17" s="190">
        <v>0</v>
      </c>
      <c r="AK17" s="191">
        <v>0</v>
      </c>
      <c r="AL17" s="196">
        <v>0</v>
      </c>
      <c r="AM17" s="193">
        <v>0</v>
      </c>
      <c r="AN17" s="191">
        <v>0</v>
      </c>
      <c r="AO17" s="191">
        <v>0</v>
      </c>
      <c r="AP17" s="191">
        <v>0</v>
      </c>
      <c r="AQ17" s="191">
        <v>0</v>
      </c>
      <c r="AR17" s="191">
        <v>0</v>
      </c>
      <c r="AS17" s="196">
        <v>0</v>
      </c>
      <c r="AT17" s="195">
        <v>0</v>
      </c>
      <c r="AU17" s="190">
        <v>0</v>
      </c>
      <c r="AV17" s="191">
        <v>0</v>
      </c>
      <c r="AW17" s="196">
        <v>0</v>
      </c>
      <c r="AX17" s="193">
        <v>0</v>
      </c>
      <c r="AY17" s="191">
        <v>0</v>
      </c>
      <c r="AZ17" s="191">
        <v>0</v>
      </c>
      <c r="BA17" s="191">
        <v>0</v>
      </c>
      <c r="BB17" s="191">
        <v>0</v>
      </c>
      <c r="BC17" s="191">
        <v>0</v>
      </c>
      <c r="BD17" s="196">
        <v>0</v>
      </c>
      <c r="BE17" s="195">
        <v>0</v>
      </c>
      <c r="BF17" s="190">
        <v>0</v>
      </c>
      <c r="BG17" s="191">
        <v>0</v>
      </c>
      <c r="BH17" s="196">
        <v>0</v>
      </c>
      <c r="BI17" s="193">
        <v>0</v>
      </c>
      <c r="BJ17" s="191">
        <v>0</v>
      </c>
      <c r="BK17" s="191">
        <v>2</v>
      </c>
      <c r="BL17" s="191">
        <v>0</v>
      </c>
      <c r="BM17" s="191">
        <v>0</v>
      </c>
      <c r="BN17" s="191">
        <v>0</v>
      </c>
      <c r="BO17" s="194">
        <v>2</v>
      </c>
      <c r="BP17" s="195">
        <v>2</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0</v>
      </c>
      <c r="CI17" s="191">
        <v>1</v>
      </c>
      <c r="CJ17" s="191">
        <v>0</v>
      </c>
      <c r="CK17" s="196">
        <v>1</v>
      </c>
      <c r="CL17" s="195">
        <v>1</v>
      </c>
      <c r="CM17" s="190">
        <v>0</v>
      </c>
      <c r="CN17" s="191">
        <v>0</v>
      </c>
      <c r="CO17" s="196">
        <v>0</v>
      </c>
      <c r="CP17" s="193">
        <v>0</v>
      </c>
      <c r="CQ17" s="191">
        <v>0</v>
      </c>
      <c r="CR17" s="191">
        <v>0</v>
      </c>
      <c r="CS17" s="191">
        <v>0</v>
      </c>
      <c r="CT17" s="191">
        <v>0</v>
      </c>
      <c r="CU17" s="191">
        <v>0</v>
      </c>
      <c r="CV17" s="196">
        <v>0</v>
      </c>
      <c r="CW17" s="195">
        <v>0</v>
      </c>
    </row>
    <row r="18" spans="2:101" ht="21" customHeight="1" x14ac:dyDescent="0.2">
      <c r="B18" s="106" t="s">
        <v>16</v>
      </c>
      <c r="C18" s="190">
        <v>0</v>
      </c>
      <c r="D18" s="196">
        <v>0</v>
      </c>
      <c r="E18" s="207">
        <v>0</v>
      </c>
      <c r="F18" s="193">
        <v>0</v>
      </c>
      <c r="G18" s="191">
        <v>0</v>
      </c>
      <c r="H18" s="191">
        <v>0</v>
      </c>
      <c r="I18" s="191">
        <v>1</v>
      </c>
      <c r="J18" s="191">
        <v>1</v>
      </c>
      <c r="K18" s="191">
        <v>1</v>
      </c>
      <c r="L18" s="194">
        <v>3</v>
      </c>
      <c r="M18" s="195">
        <v>3</v>
      </c>
      <c r="N18" s="190">
        <v>0</v>
      </c>
      <c r="O18" s="191">
        <v>0</v>
      </c>
      <c r="P18" s="196">
        <v>0</v>
      </c>
      <c r="Q18" s="193">
        <v>0</v>
      </c>
      <c r="R18" s="191">
        <v>0</v>
      </c>
      <c r="S18" s="191">
        <v>0</v>
      </c>
      <c r="T18" s="191">
        <v>0</v>
      </c>
      <c r="U18" s="191">
        <v>0</v>
      </c>
      <c r="V18" s="191">
        <v>0</v>
      </c>
      <c r="W18" s="196">
        <v>0</v>
      </c>
      <c r="X18" s="195">
        <v>0</v>
      </c>
      <c r="Y18" s="190">
        <v>0</v>
      </c>
      <c r="Z18" s="191">
        <v>0</v>
      </c>
      <c r="AA18" s="196">
        <v>0</v>
      </c>
      <c r="AB18" s="193">
        <v>0</v>
      </c>
      <c r="AC18" s="191">
        <v>6</v>
      </c>
      <c r="AD18" s="191">
        <v>9</v>
      </c>
      <c r="AE18" s="191">
        <v>5</v>
      </c>
      <c r="AF18" s="191">
        <v>2</v>
      </c>
      <c r="AG18" s="191">
        <v>0</v>
      </c>
      <c r="AH18" s="196">
        <v>22</v>
      </c>
      <c r="AI18" s="195">
        <v>22</v>
      </c>
      <c r="AJ18" s="190">
        <v>0</v>
      </c>
      <c r="AK18" s="191">
        <v>0</v>
      </c>
      <c r="AL18" s="196">
        <v>0</v>
      </c>
      <c r="AM18" s="193">
        <v>0</v>
      </c>
      <c r="AN18" s="191">
        <v>1</v>
      </c>
      <c r="AO18" s="191">
        <v>0</v>
      </c>
      <c r="AP18" s="191">
        <v>1</v>
      </c>
      <c r="AQ18" s="191">
        <v>0</v>
      </c>
      <c r="AR18" s="191">
        <v>0</v>
      </c>
      <c r="AS18" s="196">
        <v>2</v>
      </c>
      <c r="AT18" s="195">
        <v>2</v>
      </c>
      <c r="AU18" s="190">
        <v>0</v>
      </c>
      <c r="AV18" s="191">
        <v>0</v>
      </c>
      <c r="AW18" s="196">
        <v>0</v>
      </c>
      <c r="AX18" s="193">
        <v>0</v>
      </c>
      <c r="AY18" s="191">
        <v>3</v>
      </c>
      <c r="AZ18" s="191">
        <v>1</v>
      </c>
      <c r="BA18" s="191">
        <v>0</v>
      </c>
      <c r="BB18" s="191">
        <v>0</v>
      </c>
      <c r="BC18" s="191">
        <v>1</v>
      </c>
      <c r="BD18" s="196">
        <v>5</v>
      </c>
      <c r="BE18" s="195">
        <v>5</v>
      </c>
      <c r="BF18" s="190">
        <v>0</v>
      </c>
      <c r="BG18" s="191">
        <v>0</v>
      </c>
      <c r="BH18" s="196">
        <v>0</v>
      </c>
      <c r="BI18" s="193">
        <v>0</v>
      </c>
      <c r="BJ18" s="191">
        <v>0</v>
      </c>
      <c r="BK18" s="191">
        <v>2</v>
      </c>
      <c r="BL18" s="191">
        <v>0</v>
      </c>
      <c r="BM18" s="191">
        <v>1</v>
      </c>
      <c r="BN18" s="191">
        <v>0</v>
      </c>
      <c r="BO18" s="194">
        <v>3</v>
      </c>
      <c r="BP18" s="195">
        <v>3</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0</v>
      </c>
      <c r="CH18" s="191">
        <v>0</v>
      </c>
      <c r="CI18" s="191">
        <v>0</v>
      </c>
      <c r="CJ18" s="191">
        <v>0</v>
      </c>
      <c r="CK18" s="196">
        <v>0</v>
      </c>
      <c r="CL18" s="195">
        <v>0</v>
      </c>
      <c r="CM18" s="190">
        <v>0</v>
      </c>
      <c r="CN18" s="191">
        <v>0</v>
      </c>
      <c r="CO18" s="196">
        <v>0</v>
      </c>
      <c r="CP18" s="193">
        <v>0</v>
      </c>
      <c r="CQ18" s="191">
        <v>0</v>
      </c>
      <c r="CR18" s="191">
        <v>0</v>
      </c>
      <c r="CS18" s="191">
        <v>0</v>
      </c>
      <c r="CT18" s="191">
        <v>0</v>
      </c>
      <c r="CU18" s="191">
        <v>0</v>
      </c>
      <c r="CV18" s="196">
        <v>0</v>
      </c>
      <c r="CW18" s="195">
        <v>0</v>
      </c>
    </row>
    <row r="19" spans="2:101" ht="21" customHeight="1" x14ac:dyDescent="0.2">
      <c r="B19" s="106" t="s">
        <v>17</v>
      </c>
      <c r="C19" s="190">
        <v>0</v>
      </c>
      <c r="D19" s="196">
        <v>0</v>
      </c>
      <c r="E19" s="207">
        <v>0</v>
      </c>
      <c r="F19" s="193">
        <v>0</v>
      </c>
      <c r="G19" s="191">
        <v>0</v>
      </c>
      <c r="H19" s="191">
        <v>0</v>
      </c>
      <c r="I19" s="191">
        <v>0</v>
      </c>
      <c r="J19" s="191">
        <v>0</v>
      </c>
      <c r="K19" s="191">
        <v>0</v>
      </c>
      <c r="L19" s="194">
        <v>0</v>
      </c>
      <c r="M19" s="195">
        <v>0</v>
      </c>
      <c r="N19" s="190">
        <v>0</v>
      </c>
      <c r="O19" s="191">
        <v>0</v>
      </c>
      <c r="P19" s="196">
        <v>0</v>
      </c>
      <c r="Q19" s="193">
        <v>0</v>
      </c>
      <c r="R19" s="191">
        <v>0</v>
      </c>
      <c r="S19" s="191">
        <v>0</v>
      </c>
      <c r="T19" s="191">
        <v>0</v>
      </c>
      <c r="U19" s="191">
        <v>0</v>
      </c>
      <c r="V19" s="191">
        <v>0</v>
      </c>
      <c r="W19" s="196">
        <v>0</v>
      </c>
      <c r="X19" s="195">
        <v>0</v>
      </c>
      <c r="Y19" s="190">
        <v>0</v>
      </c>
      <c r="Z19" s="191">
        <v>0</v>
      </c>
      <c r="AA19" s="196">
        <v>0</v>
      </c>
      <c r="AB19" s="193">
        <v>0</v>
      </c>
      <c r="AC19" s="191">
        <v>23</v>
      </c>
      <c r="AD19" s="191">
        <v>17</v>
      </c>
      <c r="AE19" s="191">
        <v>10</v>
      </c>
      <c r="AF19" s="191">
        <v>1</v>
      </c>
      <c r="AG19" s="191">
        <v>2</v>
      </c>
      <c r="AH19" s="196">
        <v>53</v>
      </c>
      <c r="AI19" s="195">
        <v>53</v>
      </c>
      <c r="AJ19" s="190">
        <v>1</v>
      </c>
      <c r="AK19" s="191">
        <v>0</v>
      </c>
      <c r="AL19" s="196">
        <v>1</v>
      </c>
      <c r="AM19" s="193">
        <v>0</v>
      </c>
      <c r="AN19" s="191">
        <v>1</v>
      </c>
      <c r="AO19" s="191">
        <v>2</v>
      </c>
      <c r="AP19" s="191">
        <v>0</v>
      </c>
      <c r="AQ19" s="191">
        <v>0</v>
      </c>
      <c r="AR19" s="191">
        <v>0</v>
      </c>
      <c r="AS19" s="196">
        <v>3</v>
      </c>
      <c r="AT19" s="195">
        <v>4</v>
      </c>
      <c r="AU19" s="190">
        <v>0</v>
      </c>
      <c r="AV19" s="191">
        <v>0</v>
      </c>
      <c r="AW19" s="196">
        <v>0</v>
      </c>
      <c r="AX19" s="193">
        <v>0</v>
      </c>
      <c r="AY19" s="191">
        <v>1</v>
      </c>
      <c r="AZ19" s="191">
        <v>0</v>
      </c>
      <c r="BA19" s="191">
        <v>2</v>
      </c>
      <c r="BB19" s="191">
        <v>1</v>
      </c>
      <c r="BC19" s="191">
        <v>1</v>
      </c>
      <c r="BD19" s="196">
        <v>5</v>
      </c>
      <c r="BE19" s="195">
        <v>5</v>
      </c>
      <c r="BF19" s="190">
        <v>0</v>
      </c>
      <c r="BG19" s="191">
        <v>0</v>
      </c>
      <c r="BH19" s="196">
        <v>0</v>
      </c>
      <c r="BI19" s="193">
        <v>0</v>
      </c>
      <c r="BJ19" s="191">
        <v>1</v>
      </c>
      <c r="BK19" s="191">
        <v>3</v>
      </c>
      <c r="BL19" s="191">
        <v>4</v>
      </c>
      <c r="BM19" s="191">
        <v>1</v>
      </c>
      <c r="BN19" s="191">
        <v>2</v>
      </c>
      <c r="BO19" s="194">
        <v>11</v>
      </c>
      <c r="BP19" s="195">
        <v>11</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0</v>
      </c>
      <c r="CH19" s="191">
        <v>1</v>
      </c>
      <c r="CI19" s="191">
        <v>2</v>
      </c>
      <c r="CJ19" s="191">
        <v>0</v>
      </c>
      <c r="CK19" s="196">
        <v>3</v>
      </c>
      <c r="CL19" s="195">
        <v>3</v>
      </c>
      <c r="CM19" s="190">
        <v>0</v>
      </c>
      <c r="CN19" s="191">
        <v>0</v>
      </c>
      <c r="CO19" s="196">
        <v>0</v>
      </c>
      <c r="CP19" s="193">
        <v>0</v>
      </c>
      <c r="CQ19" s="191">
        <v>0</v>
      </c>
      <c r="CR19" s="191">
        <v>0</v>
      </c>
      <c r="CS19" s="191">
        <v>0</v>
      </c>
      <c r="CT19" s="191">
        <v>1</v>
      </c>
      <c r="CU19" s="191">
        <v>0</v>
      </c>
      <c r="CV19" s="196">
        <v>1</v>
      </c>
      <c r="CW19" s="195">
        <v>1</v>
      </c>
    </row>
    <row r="20" spans="2:101" ht="21" customHeight="1" x14ac:dyDescent="0.2">
      <c r="B20" s="106" t="s">
        <v>18</v>
      </c>
      <c r="C20" s="190">
        <v>0</v>
      </c>
      <c r="D20" s="196">
        <v>0</v>
      </c>
      <c r="E20" s="207">
        <v>0</v>
      </c>
      <c r="F20" s="193">
        <v>0</v>
      </c>
      <c r="G20" s="191">
        <v>1</v>
      </c>
      <c r="H20" s="191">
        <v>2</v>
      </c>
      <c r="I20" s="191">
        <v>0</v>
      </c>
      <c r="J20" s="191">
        <v>0</v>
      </c>
      <c r="K20" s="191">
        <v>0</v>
      </c>
      <c r="L20" s="194">
        <v>3</v>
      </c>
      <c r="M20" s="195">
        <v>3</v>
      </c>
      <c r="N20" s="190">
        <v>0</v>
      </c>
      <c r="O20" s="191">
        <v>0</v>
      </c>
      <c r="P20" s="196">
        <v>0</v>
      </c>
      <c r="Q20" s="193">
        <v>0</v>
      </c>
      <c r="R20" s="191">
        <v>0</v>
      </c>
      <c r="S20" s="191">
        <v>0</v>
      </c>
      <c r="T20" s="191">
        <v>0</v>
      </c>
      <c r="U20" s="191">
        <v>0</v>
      </c>
      <c r="V20" s="191">
        <v>0</v>
      </c>
      <c r="W20" s="196">
        <v>0</v>
      </c>
      <c r="X20" s="195">
        <v>0</v>
      </c>
      <c r="Y20" s="190">
        <v>0</v>
      </c>
      <c r="Z20" s="191">
        <v>0</v>
      </c>
      <c r="AA20" s="196">
        <v>0</v>
      </c>
      <c r="AB20" s="193">
        <v>0</v>
      </c>
      <c r="AC20" s="191">
        <v>20</v>
      </c>
      <c r="AD20" s="191">
        <v>8</v>
      </c>
      <c r="AE20" s="191">
        <v>7</v>
      </c>
      <c r="AF20" s="191">
        <v>2</v>
      </c>
      <c r="AG20" s="191">
        <v>1</v>
      </c>
      <c r="AH20" s="196">
        <v>38</v>
      </c>
      <c r="AI20" s="195">
        <v>38</v>
      </c>
      <c r="AJ20" s="190">
        <v>0</v>
      </c>
      <c r="AK20" s="191">
        <v>0</v>
      </c>
      <c r="AL20" s="196">
        <v>0</v>
      </c>
      <c r="AM20" s="193">
        <v>0</v>
      </c>
      <c r="AN20" s="191">
        <v>0</v>
      </c>
      <c r="AO20" s="191">
        <v>1</v>
      </c>
      <c r="AP20" s="191">
        <v>1</v>
      </c>
      <c r="AQ20" s="191">
        <v>0</v>
      </c>
      <c r="AR20" s="191">
        <v>0</v>
      </c>
      <c r="AS20" s="196">
        <v>2</v>
      </c>
      <c r="AT20" s="195">
        <v>2</v>
      </c>
      <c r="AU20" s="190">
        <v>0</v>
      </c>
      <c r="AV20" s="191">
        <v>0</v>
      </c>
      <c r="AW20" s="196">
        <v>0</v>
      </c>
      <c r="AX20" s="193">
        <v>0</v>
      </c>
      <c r="AY20" s="191">
        <v>3</v>
      </c>
      <c r="AZ20" s="191">
        <v>0</v>
      </c>
      <c r="BA20" s="191">
        <v>0</v>
      </c>
      <c r="BB20" s="191">
        <v>0</v>
      </c>
      <c r="BC20" s="191">
        <v>0</v>
      </c>
      <c r="BD20" s="196">
        <v>3</v>
      </c>
      <c r="BE20" s="195">
        <v>3</v>
      </c>
      <c r="BF20" s="190">
        <v>0</v>
      </c>
      <c r="BG20" s="191">
        <v>0</v>
      </c>
      <c r="BH20" s="196">
        <v>0</v>
      </c>
      <c r="BI20" s="193">
        <v>0</v>
      </c>
      <c r="BJ20" s="191">
        <v>1</v>
      </c>
      <c r="BK20" s="191">
        <v>4</v>
      </c>
      <c r="BL20" s="191">
        <v>6</v>
      </c>
      <c r="BM20" s="191">
        <v>1</v>
      </c>
      <c r="BN20" s="191">
        <v>1</v>
      </c>
      <c r="BO20" s="194">
        <v>13</v>
      </c>
      <c r="BP20" s="195">
        <v>13</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0</v>
      </c>
      <c r="CH20" s="191">
        <v>0</v>
      </c>
      <c r="CI20" s="191">
        <v>1</v>
      </c>
      <c r="CJ20" s="191">
        <v>0</v>
      </c>
      <c r="CK20" s="196">
        <v>1</v>
      </c>
      <c r="CL20" s="195">
        <v>1</v>
      </c>
      <c r="CM20" s="190">
        <v>0</v>
      </c>
      <c r="CN20" s="191">
        <v>0</v>
      </c>
      <c r="CO20" s="196">
        <v>0</v>
      </c>
      <c r="CP20" s="193">
        <v>0</v>
      </c>
      <c r="CQ20" s="191">
        <v>0</v>
      </c>
      <c r="CR20" s="191">
        <v>0</v>
      </c>
      <c r="CS20" s="191">
        <v>2</v>
      </c>
      <c r="CT20" s="191">
        <v>0</v>
      </c>
      <c r="CU20" s="191">
        <v>2</v>
      </c>
      <c r="CV20" s="196">
        <v>4</v>
      </c>
      <c r="CW20" s="195">
        <v>4</v>
      </c>
    </row>
    <row r="21" spans="2:101" ht="21" customHeight="1" x14ac:dyDescent="0.2">
      <c r="B21" s="106" t="s">
        <v>19</v>
      </c>
      <c r="C21" s="190">
        <v>0</v>
      </c>
      <c r="D21" s="196">
        <v>0</v>
      </c>
      <c r="E21" s="207">
        <v>0</v>
      </c>
      <c r="F21" s="193">
        <v>0</v>
      </c>
      <c r="G21" s="191">
        <v>0</v>
      </c>
      <c r="H21" s="191">
        <v>2</v>
      </c>
      <c r="I21" s="191">
        <v>0</v>
      </c>
      <c r="J21" s="191">
        <v>1</v>
      </c>
      <c r="K21" s="191">
        <v>1</v>
      </c>
      <c r="L21" s="194">
        <v>4</v>
      </c>
      <c r="M21" s="195">
        <v>4</v>
      </c>
      <c r="N21" s="190">
        <v>0</v>
      </c>
      <c r="O21" s="191">
        <v>0</v>
      </c>
      <c r="P21" s="196">
        <v>0</v>
      </c>
      <c r="Q21" s="193">
        <v>0</v>
      </c>
      <c r="R21" s="191">
        <v>0</v>
      </c>
      <c r="S21" s="191">
        <v>1</v>
      </c>
      <c r="T21" s="191">
        <v>0</v>
      </c>
      <c r="U21" s="191">
        <v>1</v>
      </c>
      <c r="V21" s="191">
        <v>0</v>
      </c>
      <c r="W21" s="196">
        <v>2</v>
      </c>
      <c r="X21" s="195">
        <v>2</v>
      </c>
      <c r="Y21" s="190">
        <v>0</v>
      </c>
      <c r="Z21" s="191">
        <v>0</v>
      </c>
      <c r="AA21" s="196">
        <v>0</v>
      </c>
      <c r="AB21" s="193">
        <v>0</v>
      </c>
      <c r="AC21" s="191">
        <v>8</v>
      </c>
      <c r="AD21" s="191">
        <v>3</v>
      </c>
      <c r="AE21" s="191">
        <v>1</v>
      </c>
      <c r="AF21" s="191">
        <v>2</v>
      </c>
      <c r="AG21" s="191">
        <v>0</v>
      </c>
      <c r="AH21" s="196">
        <v>14</v>
      </c>
      <c r="AI21" s="195">
        <v>14</v>
      </c>
      <c r="AJ21" s="190">
        <v>1</v>
      </c>
      <c r="AK21" s="191">
        <v>0</v>
      </c>
      <c r="AL21" s="196">
        <v>1</v>
      </c>
      <c r="AM21" s="193">
        <v>0</v>
      </c>
      <c r="AN21" s="191">
        <v>1</v>
      </c>
      <c r="AO21" s="191">
        <v>2</v>
      </c>
      <c r="AP21" s="191">
        <v>1</v>
      </c>
      <c r="AQ21" s="191">
        <v>0</v>
      </c>
      <c r="AR21" s="191">
        <v>0</v>
      </c>
      <c r="AS21" s="196">
        <v>4</v>
      </c>
      <c r="AT21" s="195">
        <v>5</v>
      </c>
      <c r="AU21" s="190">
        <v>0</v>
      </c>
      <c r="AV21" s="191">
        <v>0</v>
      </c>
      <c r="AW21" s="196">
        <v>0</v>
      </c>
      <c r="AX21" s="193">
        <v>0</v>
      </c>
      <c r="AY21" s="191">
        <v>0</v>
      </c>
      <c r="AZ21" s="191">
        <v>1</v>
      </c>
      <c r="BA21" s="191">
        <v>1</v>
      </c>
      <c r="BB21" s="191">
        <v>1</v>
      </c>
      <c r="BC21" s="191">
        <v>0</v>
      </c>
      <c r="BD21" s="196">
        <v>3</v>
      </c>
      <c r="BE21" s="195">
        <v>3</v>
      </c>
      <c r="BF21" s="190">
        <v>0</v>
      </c>
      <c r="BG21" s="191">
        <v>0</v>
      </c>
      <c r="BH21" s="196">
        <v>0</v>
      </c>
      <c r="BI21" s="193">
        <v>0</v>
      </c>
      <c r="BJ21" s="191">
        <v>1</v>
      </c>
      <c r="BK21" s="191">
        <v>0</v>
      </c>
      <c r="BL21" s="191">
        <v>1</v>
      </c>
      <c r="BM21" s="191">
        <v>0</v>
      </c>
      <c r="BN21" s="191">
        <v>0</v>
      </c>
      <c r="BO21" s="194">
        <v>2</v>
      </c>
      <c r="BP21" s="195">
        <v>2</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0</v>
      </c>
      <c r="CR21" s="191">
        <v>0</v>
      </c>
      <c r="CS21" s="191">
        <v>0</v>
      </c>
      <c r="CT21" s="191">
        <v>0</v>
      </c>
      <c r="CU21" s="191">
        <v>0</v>
      </c>
      <c r="CV21" s="196">
        <v>0</v>
      </c>
      <c r="CW21" s="195">
        <v>0</v>
      </c>
    </row>
    <row r="22" spans="2:101" ht="21" customHeight="1" x14ac:dyDescent="0.2">
      <c r="B22" s="106" t="s">
        <v>20</v>
      </c>
      <c r="C22" s="190">
        <v>0</v>
      </c>
      <c r="D22" s="196">
        <v>0</v>
      </c>
      <c r="E22" s="207">
        <v>0</v>
      </c>
      <c r="F22" s="193">
        <v>0</v>
      </c>
      <c r="G22" s="191">
        <v>0</v>
      </c>
      <c r="H22" s="191">
        <v>0</v>
      </c>
      <c r="I22" s="191">
        <v>0</v>
      </c>
      <c r="J22" s="191">
        <v>0</v>
      </c>
      <c r="K22" s="191">
        <v>0</v>
      </c>
      <c r="L22" s="194">
        <v>0</v>
      </c>
      <c r="M22" s="195">
        <v>0</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13</v>
      </c>
      <c r="AD22" s="191">
        <v>11</v>
      </c>
      <c r="AE22" s="191">
        <v>2</v>
      </c>
      <c r="AF22" s="191">
        <v>1</v>
      </c>
      <c r="AG22" s="191">
        <v>0</v>
      </c>
      <c r="AH22" s="196">
        <v>27</v>
      </c>
      <c r="AI22" s="195">
        <v>27</v>
      </c>
      <c r="AJ22" s="190">
        <v>0</v>
      </c>
      <c r="AK22" s="191">
        <v>0</v>
      </c>
      <c r="AL22" s="196">
        <v>0</v>
      </c>
      <c r="AM22" s="193">
        <v>0</v>
      </c>
      <c r="AN22" s="191">
        <v>0</v>
      </c>
      <c r="AO22" s="191">
        <v>0</v>
      </c>
      <c r="AP22" s="191">
        <v>1</v>
      </c>
      <c r="AQ22" s="191">
        <v>0</v>
      </c>
      <c r="AR22" s="191">
        <v>0</v>
      </c>
      <c r="AS22" s="196">
        <v>1</v>
      </c>
      <c r="AT22" s="195">
        <v>1</v>
      </c>
      <c r="AU22" s="190">
        <v>0</v>
      </c>
      <c r="AV22" s="191">
        <v>0</v>
      </c>
      <c r="AW22" s="196">
        <v>0</v>
      </c>
      <c r="AX22" s="193">
        <v>0</v>
      </c>
      <c r="AY22" s="191">
        <v>0</v>
      </c>
      <c r="AZ22" s="191">
        <v>0</v>
      </c>
      <c r="BA22" s="191">
        <v>1</v>
      </c>
      <c r="BB22" s="191">
        <v>0</v>
      </c>
      <c r="BC22" s="191">
        <v>1</v>
      </c>
      <c r="BD22" s="196">
        <v>2</v>
      </c>
      <c r="BE22" s="195">
        <v>2</v>
      </c>
      <c r="BF22" s="190">
        <v>0</v>
      </c>
      <c r="BG22" s="191">
        <v>0</v>
      </c>
      <c r="BH22" s="196">
        <v>0</v>
      </c>
      <c r="BI22" s="193">
        <v>0</v>
      </c>
      <c r="BJ22" s="191">
        <v>1</v>
      </c>
      <c r="BK22" s="191">
        <v>2</v>
      </c>
      <c r="BL22" s="191">
        <v>3</v>
      </c>
      <c r="BM22" s="191">
        <v>0</v>
      </c>
      <c r="BN22" s="191">
        <v>0</v>
      </c>
      <c r="BO22" s="194">
        <v>6</v>
      </c>
      <c r="BP22" s="195">
        <v>6</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0</v>
      </c>
      <c r="H23" s="191">
        <v>0</v>
      </c>
      <c r="I23" s="191">
        <v>0</v>
      </c>
      <c r="J23" s="191">
        <v>0</v>
      </c>
      <c r="K23" s="191">
        <v>0</v>
      </c>
      <c r="L23" s="194">
        <v>0</v>
      </c>
      <c r="M23" s="195">
        <v>0</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11</v>
      </c>
      <c r="AD23" s="191">
        <v>8</v>
      </c>
      <c r="AE23" s="191">
        <v>3</v>
      </c>
      <c r="AF23" s="191">
        <v>2</v>
      </c>
      <c r="AG23" s="191">
        <v>0</v>
      </c>
      <c r="AH23" s="196">
        <v>24</v>
      </c>
      <c r="AI23" s="195">
        <v>24</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1</v>
      </c>
      <c r="AZ23" s="191">
        <v>0</v>
      </c>
      <c r="BA23" s="191">
        <v>1</v>
      </c>
      <c r="BB23" s="191">
        <v>0</v>
      </c>
      <c r="BC23" s="191">
        <v>0</v>
      </c>
      <c r="BD23" s="196">
        <v>2</v>
      </c>
      <c r="BE23" s="195">
        <v>2</v>
      </c>
      <c r="BF23" s="190">
        <v>0</v>
      </c>
      <c r="BG23" s="191">
        <v>0</v>
      </c>
      <c r="BH23" s="196">
        <v>0</v>
      </c>
      <c r="BI23" s="193">
        <v>0</v>
      </c>
      <c r="BJ23" s="191">
        <v>0</v>
      </c>
      <c r="BK23" s="191">
        <v>1</v>
      </c>
      <c r="BL23" s="191">
        <v>0</v>
      </c>
      <c r="BM23" s="191">
        <v>2</v>
      </c>
      <c r="BN23" s="191">
        <v>0</v>
      </c>
      <c r="BO23" s="194">
        <v>3</v>
      </c>
      <c r="BP23" s="195">
        <v>3</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0</v>
      </c>
      <c r="CV23" s="196">
        <v>0</v>
      </c>
      <c r="CW23" s="195">
        <v>0</v>
      </c>
    </row>
    <row r="24" spans="2:101" ht="21" customHeight="1" x14ac:dyDescent="0.2">
      <c r="B24" s="106" t="s">
        <v>22</v>
      </c>
      <c r="C24" s="190">
        <v>0</v>
      </c>
      <c r="D24" s="196">
        <v>0</v>
      </c>
      <c r="E24" s="207">
        <v>0</v>
      </c>
      <c r="F24" s="193">
        <v>0</v>
      </c>
      <c r="G24" s="191">
        <v>0</v>
      </c>
      <c r="H24" s="191">
        <v>0</v>
      </c>
      <c r="I24" s="191">
        <v>0</v>
      </c>
      <c r="J24" s="191">
        <v>1</v>
      </c>
      <c r="K24" s="191">
        <v>0</v>
      </c>
      <c r="L24" s="194">
        <v>1</v>
      </c>
      <c r="M24" s="195">
        <v>1</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7</v>
      </c>
      <c r="AD24" s="191">
        <v>7</v>
      </c>
      <c r="AE24" s="191">
        <v>0</v>
      </c>
      <c r="AF24" s="191">
        <v>0</v>
      </c>
      <c r="AG24" s="191">
        <v>0</v>
      </c>
      <c r="AH24" s="196">
        <v>14</v>
      </c>
      <c r="AI24" s="195">
        <v>14</v>
      </c>
      <c r="AJ24" s="190">
        <v>0</v>
      </c>
      <c r="AK24" s="191">
        <v>0</v>
      </c>
      <c r="AL24" s="196">
        <v>0</v>
      </c>
      <c r="AM24" s="193">
        <v>0</v>
      </c>
      <c r="AN24" s="191">
        <v>0</v>
      </c>
      <c r="AO24" s="191">
        <v>0</v>
      </c>
      <c r="AP24" s="191">
        <v>0</v>
      </c>
      <c r="AQ24" s="191">
        <v>0</v>
      </c>
      <c r="AR24" s="191">
        <v>0</v>
      </c>
      <c r="AS24" s="196">
        <v>0</v>
      </c>
      <c r="AT24" s="195">
        <v>0</v>
      </c>
      <c r="AU24" s="190">
        <v>0</v>
      </c>
      <c r="AV24" s="191">
        <v>0</v>
      </c>
      <c r="AW24" s="196">
        <v>0</v>
      </c>
      <c r="AX24" s="193">
        <v>0</v>
      </c>
      <c r="AY24" s="191">
        <v>0</v>
      </c>
      <c r="AZ24" s="191">
        <v>1</v>
      </c>
      <c r="BA24" s="191">
        <v>0</v>
      </c>
      <c r="BB24" s="191">
        <v>0</v>
      </c>
      <c r="BC24" s="191">
        <v>0</v>
      </c>
      <c r="BD24" s="196">
        <v>1</v>
      </c>
      <c r="BE24" s="195">
        <v>1</v>
      </c>
      <c r="BF24" s="190">
        <v>0</v>
      </c>
      <c r="BG24" s="191">
        <v>0</v>
      </c>
      <c r="BH24" s="196">
        <v>0</v>
      </c>
      <c r="BI24" s="193">
        <v>0</v>
      </c>
      <c r="BJ24" s="191">
        <v>0</v>
      </c>
      <c r="BK24" s="191">
        <v>0</v>
      </c>
      <c r="BL24" s="191">
        <v>0</v>
      </c>
      <c r="BM24" s="191">
        <v>0</v>
      </c>
      <c r="BN24" s="191">
        <v>0</v>
      </c>
      <c r="BO24" s="194">
        <v>0</v>
      </c>
      <c r="BP24" s="195">
        <v>0</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0</v>
      </c>
      <c r="CH24" s="191">
        <v>0</v>
      </c>
      <c r="CI24" s="191">
        <v>0</v>
      </c>
      <c r="CJ24" s="191">
        <v>0</v>
      </c>
      <c r="CK24" s="196">
        <v>0</v>
      </c>
      <c r="CL24" s="195">
        <v>0</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0</v>
      </c>
      <c r="J25" s="191">
        <v>0</v>
      </c>
      <c r="K25" s="191">
        <v>1</v>
      </c>
      <c r="L25" s="194">
        <v>1</v>
      </c>
      <c r="M25" s="195">
        <v>1</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2</v>
      </c>
      <c r="AD25" s="191">
        <v>1</v>
      </c>
      <c r="AE25" s="191">
        <v>2</v>
      </c>
      <c r="AF25" s="191">
        <v>0</v>
      </c>
      <c r="AG25" s="191">
        <v>0</v>
      </c>
      <c r="AH25" s="196">
        <v>5</v>
      </c>
      <c r="AI25" s="195">
        <v>5</v>
      </c>
      <c r="AJ25" s="190">
        <v>0</v>
      </c>
      <c r="AK25" s="191">
        <v>0</v>
      </c>
      <c r="AL25" s="196">
        <v>0</v>
      </c>
      <c r="AM25" s="193">
        <v>0</v>
      </c>
      <c r="AN25" s="191">
        <v>0</v>
      </c>
      <c r="AO25" s="191">
        <v>0</v>
      </c>
      <c r="AP25" s="191">
        <v>0</v>
      </c>
      <c r="AQ25" s="191">
        <v>0</v>
      </c>
      <c r="AR25" s="191">
        <v>0</v>
      </c>
      <c r="AS25" s="196">
        <v>0</v>
      </c>
      <c r="AT25" s="195">
        <v>0</v>
      </c>
      <c r="AU25" s="190">
        <v>0</v>
      </c>
      <c r="AV25" s="191">
        <v>0</v>
      </c>
      <c r="AW25" s="196">
        <v>0</v>
      </c>
      <c r="AX25" s="193">
        <v>0</v>
      </c>
      <c r="AY25" s="191">
        <v>0</v>
      </c>
      <c r="AZ25" s="191">
        <v>0</v>
      </c>
      <c r="BA25" s="191">
        <v>0</v>
      </c>
      <c r="BB25" s="191">
        <v>0</v>
      </c>
      <c r="BC25" s="191">
        <v>0</v>
      </c>
      <c r="BD25" s="196">
        <v>0</v>
      </c>
      <c r="BE25" s="195">
        <v>0</v>
      </c>
      <c r="BF25" s="190">
        <v>0</v>
      </c>
      <c r="BG25" s="191">
        <v>0</v>
      </c>
      <c r="BH25" s="196">
        <v>0</v>
      </c>
      <c r="BI25" s="193">
        <v>0</v>
      </c>
      <c r="BJ25" s="191">
        <v>1</v>
      </c>
      <c r="BK25" s="191">
        <v>0</v>
      </c>
      <c r="BL25" s="191">
        <v>3</v>
      </c>
      <c r="BM25" s="191">
        <v>0</v>
      </c>
      <c r="BN25" s="191">
        <v>2</v>
      </c>
      <c r="BO25" s="194">
        <v>6</v>
      </c>
      <c r="BP25" s="195">
        <v>6</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0</v>
      </c>
      <c r="CT25" s="191">
        <v>0</v>
      </c>
      <c r="CU25" s="191">
        <v>0</v>
      </c>
      <c r="CV25" s="196">
        <v>0</v>
      </c>
      <c r="CW25" s="195">
        <v>0</v>
      </c>
    </row>
    <row r="26" spans="2:101" ht="21" customHeight="1" x14ac:dyDescent="0.2">
      <c r="B26" s="106" t="s">
        <v>24</v>
      </c>
      <c r="C26" s="190">
        <v>0</v>
      </c>
      <c r="D26" s="196">
        <v>0</v>
      </c>
      <c r="E26" s="207">
        <v>0</v>
      </c>
      <c r="F26" s="193">
        <v>0</v>
      </c>
      <c r="G26" s="191">
        <v>0</v>
      </c>
      <c r="H26" s="191">
        <v>0</v>
      </c>
      <c r="I26" s="191">
        <v>0</v>
      </c>
      <c r="J26" s="191">
        <v>2</v>
      </c>
      <c r="K26" s="191">
        <v>0</v>
      </c>
      <c r="L26" s="194">
        <v>2</v>
      </c>
      <c r="M26" s="195">
        <v>2</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0</v>
      </c>
      <c r="AD26" s="191">
        <v>0</v>
      </c>
      <c r="AE26" s="191">
        <v>0</v>
      </c>
      <c r="AF26" s="191">
        <v>2</v>
      </c>
      <c r="AG26" s="191">
        <v>0</v>
      </c>
      <c r="AH26" s="196">
        <v>2</v>
      </c>
      <c r="AI26" s="195">
        <v>2</v>
      </c>
      <c r="AJ26" s="190">
        <v>0</v>
      </c>
      <c r="AK26" s="191">
        <v>0</v>
      </c>
      <c r="AL26" s="196">
        <v>0</v>
      </c>
      <c r="AM26" s="193">
        <v>0</v>
      </c>
      <c r="AN26" s="191">
        <v>0</v>
      </c>
      <c r="AO26" s="191">
        <v>0</v>
      </c>
      <c r="AP26" s="191">
        <v>0</v>
      </c>
      <c r="AQ26" s="191">
        <v>0</v>
      </c>
      <c r="AR26" s="191">
        <v>0</v>
      </c>
      <c r="AS26" s="196">
        <v>0</v>
      </c>
      <c r="AT26" s="195">
        <v>0</v>
      </c>
      <c r="AU26" s="190">
        <v>0</v>
      </c>
      <c r="AV26" s="191">
        <v>0</v>
      </c>
      <c r="AW26" s="196">
        <v>0</v>
      </c>
      <c r="AX26" s="193">
        <v>0</v>
      </c>
      <c r="AY26" s="191">
        <v>2</v>
      </c>
      <c r="AZ26" s="191">
        <v>1</v>
      </c>
      <c r="BA26" s="191">
        <v>0</v>
      </c>
      <c r="BB26" s="191">
        <v>0</v>
      </c>
      <c r="BC26" s="191">
        <v>0</v>
      </c>
      <c r="BD26" s="196">
        <v>3</v>
      </c>
      <c r="BE26" s="195">
        <v>3</v>
      </c>
      <c r="BF26" s="190">
        <v>0</v>
      </c>
      <c r="BG26" s="191">
        <v>0</v>
      </c>
      <c r="BH26" s="196">
        <v>0</v>
      </c>
      <c r="BI26" s="193">
        <v>0</v>
      </c>
      <c r="BJ26" s="191">
        <v>0</v>
      </c>
      <c r="BK26" s="191">
        <v>0</v>
      </c>
      <c r="BL26" s="191">
        <v>0</v>
      </c>
      <c r="BM26" s="191">
        <v>0</v>
      </c>
      <c r="BN26" s="191">
        <v>1</v>
      </c>
      <c r="BO26" s="194">
        <v>1</v>
      </c>
      <c r="BP26" s="195">
        <v>1</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4</v>
      </c>
      <c r="AD27" s="191">
        <v>2</v>
      </c>
      <c r="AE27" s="191">
        <v>0</v>
      </c>
      <c r="AF27" s="191">
        <v>0</v>
      </c>
      <c r="AG27" s="191">
        <v>0</v>
      </c>
      <c r="AH27" s="196">
        <v>6</v>
      </c>
      <c r="AI27" s="195">
        <v>6</v>
      </c>
      <c r="AJ27" s="190">
        <v>0</v>
      </c>
      <c r="AK27" s="191">
        <v>0</v>
      </c>
      <c r="AL27" s="196">
        <v>0</v>
      </c>
      <c r="AM27" s="193">
        <v>0</v>
      </c>
      <c r="AN27" s="191">
        <v>0</v>
      </c>
      <c r="AO27" s="191">
        <v>0</v>
      </c>
      <c r="AP27" s="191">
        <v>0</v>
      </c>
      <c r="AQ27" s="191">
        <v>0</v>
      </c>
      <c r="AR27" s="191">
        <v>0</v>
      </c>
      <c r="AS27" s="196">
        <v>0</v>
      </c>
      <c r="AT27" s="195">
        <v>0</v>
      </c>
      <c r="AU27" s="190">
        <v>0</v>
      </c>
      <c r="AV27" s="191">
        <v>0</v>
      </c>
      <c r="AW27" s="196">
        <v>0</v>
      </c>
      <c r="AX27" s="193">
        <v>0</v>
      </c>
      <c r="AY27" s="191">
        <v>0</v>
      </c>
      <c r="AZ27" s="191">
        <v>0</v>
      </c>
      <c r="BA27" s="191">
        <v>0</v>
      </c>
      <c r="BB27" s="191">
        <v>0</v>
      </c>
      <c r="BC27" s="191">
        <v>0</v>
      </c>
      <c r="BD27" s="196">
        <v>0</v>
      </c>
      <c r="BE27" s="195">
        <v>0</v>
      </c>
      <c r="BF27" s="190">
        <v>0</v>
      </c>
      <c r="BG27" s="191">
        <v>0</v>
      </c>
      <c r="BH27" s="196">
        <v>0</v>
      </c>
      <c r="BI27" s="193">
        <v>0</v>
      </c>
      <c r="BJ27" s="191">
        <v>1</v>
      </c>
      <c r="BK27" s="191">
        <v>0</v>
      </c>
      <c r="BL27" s="191">
        <v>0</v>
      </c>
      <c r="BM27" s="191">
        <v>0</v>
      </c>
      <c r="BN27" s="191">
        <v>0</v>
      </c>
      <c r="BO27" s="194">
        <v>1</v>
      </c>
      <c r="BP27" s="195">
        <v>1</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2</v>
      </c>
      <c r="AD28" s="191">
        <v>3</v>
      </c>
      <c r="AE28" s="191">
        <v>0</v>
      </c>
      <c r="AF28" s="191">
        <v>0</v>
      </c>
      <c r="AG28" s="191">
        <v>0</v>
      </c>
      <c r="AH28" s="196">
        <v>5</v>
      </c>
      <c r="AI28" s="195">
        <v>5</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0</v>
      </c>
      <c r="AZ28" s="191">
        <v>0</v>
      </c>
      <c r="BA28" s="191">
        <v>0</v>
      </c>
      <c r="BB28" s="191">
        <v>0</v>
      </c>
      <c r="BC28" s="191">
        <v>0</v>
      </c>
      <c r="BD28" s="196">
        <v>0</v>
      </c>
      <c r="BE28" s="195">
        <v>0</v>
      </c>
      <c r="BF28" s="190">
        <v>0</v>
      </c>
      <c r="BG28" s="191">
        <v>0</v>
      </c>
      <c r="BH28" s="196">
        <v>0</v>
      </c>
      <c r="BI28" s="193">
        <v>0</v>
      </c>
      <c r="BJ28" s="191">
        <v>2</v>
      </c>
      <c r="BK28" s="191">
        <v>1</v>
      </c>
      <c r="BL28" s="191">
        <v>2</v>
      </c>
      <c r="BM28" s="191">
        <v>0</v>
      </c>
      <c r="BN28" s="191">
        <v>0</v>
      </c>
      <c r="BO28" s="194">
        <v>5</v>
      </c>
      <c r="BP28" s="195">
        <v>5</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0</v>
      </c>
      <c r="J29" s="191">
        <v>0</v>
      </c>
      <c r="K29" s="191">
        <v>0</v>
      </c>
      <c r="L29" s="194">
        <v>0</v>
      </c>
      <c r="M29" s="195">
        <v>0</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3</v>
      </c>
      <c r="AD29" s="191">
        <v>2</v>
      </c>
      <c r="AE29" s="191">
        <v>1</v>
      </c>
      <c r="AF29" s="191">
        <v>0</v>
      </c>
      <c r="AG29" s="191">
        <v>0</v>
      </c>
      <c r="AH29" s="196">
        <v>6</v>
      </c>
      <c r="AI29" s="195">
        <v>6</v>
      </c>
      <c r="AJ29" s="190">
        <v>0</v>
      </c>
      <c r="AK29" s="191">
        <v>0</v>
      </c>
      <c r="AL29" s="196">
        <v>0</v>
      </c>
      <c r="AM29" s="193">
        <v>0</v>
      </c>
      <c r="AN29" s="191">
        <v>1</v>
      </c>
      <c r="AO29" s="191">
        <v>1</v>
      </c>
      <c r="AP29" s="191">
        <v>0</v>
      </c>
      <c r="AQ29" s="191">
        <v>0</v>
      </c>
      <c r="AR29" s="191">
        <v>0</v>
      </c>
      <c r="AS29" s="196">
        <v>2</v>
      </c>
      <c r="AT29" s="195">
        <v>2</v>
      </c>
      <c r="AU29" s="190">
        <v>0</v>
      </c>
      <c r="AV29" s="191">
        <v>0</v>
      </c>
      <c r="AW29" s="196">
        <v>0</v>
      </c>
      <c r="AX29" s="193">
        <v>0</v>
      </c>
      <c r="AY29" s="191">
        <v>0</v>
      </c>
      <c r="AZ29" s="191">
        <v>0</v>
      </c>
      <c r="BA29" s="191">
        <v>0</v>
      </c>
      <c r="BB29" s="191">
        <v>0</v>
      </c>
      <c r="BC29" s="191">
        <v>0</v>
      </c>
      <c r="BD29" s="196">
        <v>0</v>
      </c>
      <c r="BE29" s="195">
        <v>0</v>
      </c>
      <c r="BF29" s="190">
        <v>0</v>
      </c>
      <c r="BG29" s="191">
        <v>0</v>
      </c>
      <c r="BH29" s="196">
        <v>0</v>
      </c>
      <c r="BI29" s="193">
        <v>0</v>
      </c>
      <c r="BJ29" s="191">
        <v>0</v>
      </c>
      <c r="BK29" s="191">
        <v>0</v>
      </c>
      <c r="BL29" s="191">
        <v>0</v>
      </c>
      <c r="BM29" s="191">
        <v>0</v>
      </c>
      <c r="BN29" s="191">
        <v>0</v>
      </c>
      <c r="BO29" s="194">
        <v>0</v>
      </c>
      <c r="BP29" s="195">
        <v>0</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0</v>
      </c>
      <c r="CI29" s="191">
        <v>0</v>
      </c>
      <c r="CJ29" s="191">
        <v>0</v>
      </c>
      <c r="CK29" s="196">
        <v>0</v>
      </c>
      <c r="CL29" s="195">
        <v>0</v>
      </c>
      <c r="CM29" s="190">
        <v>0</v>
      </c>
      <c r="CN29" s="191">
        <v>0</v>
      </c>
      <c r="CO29" s="196">
        <v>0</v>
      </c>
      <c r="CP29" s="193">
        <v>0</v>
      </c>
      <c r="CQ29" s="191">
        <v>1</v>
      </c>
      <c r="CR29" s="191">
        <v>0</v>
      </c>
      <c r="CS29" s="191">
        <v>1</v>
      </c>
      <c r="CT29" s="191">
        <v>0</v>
      </c>
      <c r="CU29" s="191">
        <v>0</v>
      </c>
      <c r="CV29" s="196">
        <v>2</v>
      </c>
      <c r="CW29" s="195">
        <v>2</v>
      </c>
    </row>
    <row r="30" spans="2:101" ht="21" customHeight="1" x14ac:dyDescent="0.2">
      <c r="B30" s="106" t="s">
        <v>28</v>
      </c>
      <c r="C30" s="190">
        <v>0</v>
      </c>
      <c r="D30" s="196">
        <v>0</v>
      </c>
      <c r="E30" s="207">
        <v>0</v>
      </c>
      <c r="F30" s="193">
        <v>0</v>
      </c>
      <c r="G30" s="191">
        <v>0</v>
      </c>
      <c r="H30" s="191">
        <v>0</v>
      </c>
      <c r="I30" s="191">
        <v>0</v>
      </c>
      <c r="J30" s="191">
        <v>0</v>
      </c>
      <c r="K30" s="191">
        <v>0</v>
      </c>
      <c r="L30" s="194">
        <v>0</v>
      </c>
      <c r="M30" s="195">
        <v>0</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6</v>
      </c>
      <c r="AD30" s="191">
        <v>1</v>
      </c>
      <c r="AE30" s="191">
        <v>0</v>
      </c>
      <c r="AF30" s="191">
        <v>0</v>
      </c>
      <c r="AG30" s="191">
        <v>0</v>
      </c>
      <c r="AH30" s="196">
        <v>7</v>
      </c>
      <c r="AI30" s="195">
        <v>7</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0</v>
      </c>
      <c r="BK30" s="191">
        <v>1</v>
      </c>
      <c r="BL30" s="191">
        <v>0</v>
      </c>
      <c r="BM30" s="191">
        <v>0</v>
      </c>
      <c r="BN30" s="191">
        <v>0</v>
      </c>
      <c r="BO30" s="194">
        <v>1</v>
      </c>
      <c r="BP30" s="195">
        <v>1</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1</v>
      </c>
      <c r="H31" s="191">
        <v>0</v>
      </c>
      <c r="I31" s="191">
        <v>0</v>
      </c>
      <c r="J31" s="191">
        <v>0</v>
      </c>
      <c r="K31" s="191">
        <v>0</v>
      </c>
      <c r="L31" s="194">
        <v>1</v>
      </c>
      <c r="M31" s="195">
        <v>1</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0</v>
      </c>
      <c r="AD31" s="191">
        <v>0</v>
      </c>
      <c r="AE31" s="191">
        <v>1</v>
      </c>
      <c r="AF31" s="191">
        <v>0</v>
      </c>
      <c r="AG31" s="191">
        <v>0</v>
      </c>
      <c r="AH31" s="196">
        <v>1</v>
      </c>
      <c r="AI31" s="195">
        <v>1</v>
      </c>
      <c r="AJ31" s="190">
        <v>0</v>
      </c>
      <c r="AK31" s="191">
        <v>0</v>
      </c>
      <c r="AL31" s="196">
        <v>0</v>
      </c>
      <c r="AM31" s="193">
        <v>0</v>
      </c>
      <c r="AN31" s="191">
        <v>0</v>
      </c>
      <c r="AO31" s="191">
        <v>0</v>
      </c>
      <c r="AP31" s="191">
        <v>0</v>
      </c>
      <c r="AQ31" s="191">
        <v>0</v>
      </c>
      <c r="AR31" s="191">
        <v>0</v>
      </c>
      <c r="AS31" s="196">
        <v>0</v>
      </c>
      <c r="AT31" s="195">
        <v>0</v>
      </c>
      <c r="AU31" s="190">
        <v>0</v>
      </c>
      <c r="AV31" s="191">
        <v>0</v>
      </c>
      <c r="AW31" s="196">
        <v>0</v>
      </c>
      <c r="AX31" s="193">
        <v>0</v>
      </c>
      <c r="AY31" s="191">
        <v>1</v>
      </c>
      <c r="AZ31" s="191">
        <v>1</v>
      </c>
      <c r="BA31" s="191">
        <v>0</v>
      </c>
      <c r="BB31" s="191">
        <v>0</v>
      </c>
      <c r="BC31" s="191">
        <v>0</v>
      </c>
      <c r="BD31" s="196">
        <v>2</v>
      </c>
      <c r="BE31" s="195">
        <v>2</v>
      </c>
      <c r="BF31" s="190">
        <v>0</v>
      </c>
      <c r="BG31" s="191">
        <v>0</v>
      </c>
      <c r="BH31" s="196">
        <v>0</v>
      </c>
      <c r="BI31" s="193">
        <v>0</v>
      </c>
      <c r="BJ31" s="191">
        <v>0</v>
      </c>
      <c r="BK31" s="191">
        <v>0</v>
      </c>
      <c r="BL31" s="191">
        <v>0</v>
      </c>
      <c r="BM31" s="191">
        <v>0</v>
      </c>
      <c r="BN31" s="191">
        <v>0</v>
      </c>
      <c r="BO31" s="194">
        <v>0</v>
      </c>
      <c r="BP31" s="195">
        <v>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0</v>
      </c>
      <c r="CI31" s="191">
        <v>1</v>
      </c>
      <c r="CJ31" s="191">
        <v>0</v>
      </c>
      <c r="CK31" s="196">
        <v>1</v>
      </c>
      <c r="CL31" s="195">
        <v>1</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0</v>
      </c>
      <c r="I32" s="191">
        <v>0</v>
      </c>
      <c r="J32" s="191">
        <v>0</v>
      </c>
      <c r="K32" s="191">
        <v>0</v>
      </c>
      <c r="L32" s="194">
        <v>0</v>
      </c>
      <c r="M32" s="195">
        <v>0</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1</v>
      </c>
      <c r="AD32" s="191">
        <v>0</v>
      </c>
      <c r="AE32" s="191">
        <v>0</v>
      </c>
      <c r="AF32" s="191">
        <v>1</v>
      </c>
      <c r="AG32" s="191">
        <v>0</v>
      </c>
      <c r="AH32" s="196">
        <v>2</v>
      </c>
      <c r="AI32" s="195">
        <v>2</v>
      </c>
      <c r="AJ32" s="190">
        <v>0</v>
      </c>
      <c r="AK32" s="191">
        <v>0</v>
      </c>
      <c r="AL32" s="196">
        <v>0</v>
      </c>
      <c r="AM32" s="193">
        <v>0</v>
      </c>
      <c r="AN32" s="191">
        <v>0</v>
      </c>
      <c r="AO32" s="191">
        <v>1</v>
      </c>
      <c r="AP32" s="191">
        <v>0</v>
      </c>
      <c r="AQ32" s="191">
        <v>0</v>
      </c>
      <c r="AR32" s="191">
        <v>0</v>
      </c>
      <c r="AS32" s="196">
        <v>1</v>
      </c>
      <c r="AT32" s="195">
        <v>1</v>
      </c>
      <c r="AU32" s="190">
        <v>0</v>
      </c>
      <c r="AV32" s="191">
        <v>0</v>
      </c>
      <c r="AW32" s="196">
        <v>0</v>
      </c>
      <c r="AX32" s="193">
        <v>0</v>
      </c>
      <c r="AY32" s="191">
        <v>0</v>
      </c>
      <c r="AZ32" s="191">
        <v>0</v>
      </c>
      <c r="BA32" s="191">
        <v>0</v>
      </c>
      <c r="BB32" s="191">
        <v>0</v>
      </c>
      <c r="BC32" s="191">
        <v>0</v>
      </c>
      <c r="BD32" s="196">
        <v>0</v>
      </c>
      <c r="BE32" s="195">
        <v>0</v>
      </c>
      <c r="BF32" s="190">
        <v>0</v>
      </c>
      <c r="BG32" s="191">
        <v>0</v>
      </c>
      <c r="BH32" s="196">
        <v>0</v>
      </c>
      <c r="BI32" s="193">
        <v>0</v>
      </c>
      <c r="BJ32" s="191">
        <v>1</v>
      </c>
      <c r="BK32" s="191">
        <v>0</v>
      </c>
      <c r="BL32" s="191">
        <v>0</v>
      </c>
      <c r="BM32" s="191">
        <v>0</v>
      </c>
      <c r="BN32" s="191">
        <v>0</v>
      </c>
      <c r="BO32" s="194">
        <v>1</v>
      </c>
      <c r="BP32" s="195">
        <v>1</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0</v>
      </c>
      <c r="I33" s="191">
        <v>0</v>
      </c>
      <c r="J33" s="191">
        <v>0</v>
      </c>
      <c r="K33" s="191">
        <v>0</v>
      </c>
      <c r="L33" s="194">
        <v>0</v>
      </c>
      <c r="M33" s="195">
        <v>0</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3</v>
      </c>
      <c r="AD33" s="191">
        <v>0</v>
      </c>
      <c r="AE33" s="191">
        <v>0</v>
      </c>
      <c r="AF33" s="191">
        <v>0</v>
      </c>
      <c r="AG33" s="191">
        <v>0</v>
      </c>
      <c r="AH33" s="196">
        <v>3</v>
      </c>
      <c r="AI33" s="195">
        <v>3</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0</v>
      </c>
      <c r="AZ33" s="191">
        <v>0</v>
      </c>
      <c r="BA33" s="191">
        <v>0</v>
      </c>
      <c r="BB33" s="191">
        <v>0</v>
      </c>
      <c r="BC33" s="191">
        <v>0</v>
      </c>
      <c r="BD33" s="196">
        <v>0</v>
      </c>
      <c r="BE33" s="195">
        <v>0</v>
      </c>
      <c r="BF33" s="190">
        <v>0</v>
      </c>
      <c r="BG33" s="191">
        <v>0</v>
      </c>
      <c r="BH33" s="196">
        <v>0</v>
      </c>
      <c r="BI33" s="193">
        <v>0</v>
      </c>
      <c r="BJ33" s="191">
        <v>0</v>
      </c>
      <c r="BK33" s="191">
        <v>0</v>
      </c>
      <c r="BL33" s="191">
        <v>0</v>
      </c>
      <c r="BM33" s="191">
        <v>0</v>
      </c>
      <c r="BN33" s="191">
        <v>0</v>
      </c>
      <c r="BO33" s="194">
        <v>0</v>
      </c>
      <c r="BP33" s="195">
        <v>0</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1</v>
      </c>
      <c r="H34" s="191">
        <v>2</v>
      </c>
      <c r="I34" s="191">
        <v>0</v>
      </c>
      <c r="J34" s="191">
        <v>0</v>
      </c>
      <c r="K34" s="191">
        <v>0</v>
      </c>
      <c r="L34" s="194">
        <v>3</v>
      </c>
      <c r="M34" s="195">
        <v>3</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4</v>
      </c>
      <c r="AD34" s="191">
        <v>2</v>
      </c>
      <c r="AE34" s="191">
        <v>0</v>
      </c>
      <c r="AF34" s="191">
        <v>0</v>
      </c>
      <c r="AG34" s="191">
        <v>0</v>
      </c>
      <c r="AH34" s="196">
        <v>6</v>
      </c>
      <c r="AI34" s="195">
        <v>6</v>
      </c>
      <c r="AJ34" s="190">
        <v>0</v>
      </c>
      <c r="AK34" s="191">
        <v>0</v>
      </c>
      <c r="AL34" s="196">
        <v>0</v>
      </c>
      <c r="AM34" s="193">
        <v>0</v>
      </c>
      <c r="AN34" s="191">
        <v>1</v>
      </c>
      <c r="AO34" s="191">
        <v>0</v>
      </c>
      <c r="AP34" s="191">
        <v>1</v>
      </c>
      <c r="AQ34" s="191">
        <v>0</v>
      </c>
      <c r="AR34" s="191">
        <v>0</v>
      </c>
      <c r="AS34" s="196">
        <v>2</v>
      </c>
      <c r="AT34" s="195">
        <v>2</v>
      </c>
      <c r="AU34" s="190">
        <v>0</v>
      </c>
      <c r="AV34" s="191">
        <v>0</v>
      </c>
      <c r="AW34" s="196">
        <v>0</v>
      </c>
      <c r="AX34" s="193">
        <v>0</v>
      </c>
      <c r="AY34" s="191">
        <v>1</v>
      </c>
      <c r="AZ34" s="191">
        <v>0</v>
      </c>
      <c r="BA34" s="191">
        <v>0</v>
      </c>
      <c r="BB34" s="191">
        <v>0</v>
      </c>
      <c r="BC34" s="191">
        <v>0</v>
      </c>
      <c r="BD34" s="196">
        <v>1</v>
      </c>
      <c r="BE34" s="195">
        <v>1</v>
      </c>
      <c r="BF34" s="190">
        <v>0</v>
      </c>
      <c r="BG34" s="191">
        <v>0</v>
      </c>
      <c r="BH34" s="196">
        <v>0</v>
      </c>
      <c r="BI34" s="193">
        <v>0</v>
      </c>
      <c r="BJ34" s="191">
        <v>0</v>
      </c>
      <c r="BK34" s="191">
        <v>0</v>
      </c>
      <c r="BL34" s="191">
        <v>1</v>
      </c>
      <c r="BM34" s="191">
        <v>0</v>
      </c>
      <c r="BN34" s="191">
        <v>0</v>
      </c>
      <c r="BO34" s="194">
        <v>1</v>
      </c>
      <c r="BP34" s="195">
        <v>1</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0</v>
      </c>
      <c r="CG34" s="191">
        <v>0</v>
      </c>
      <c r="CH34" s="191">
        <v>0</v>
      </c>
      <c r="CI34" s="191">
        <v>0</v>
      </c>
      <c r="CJ34" s="191">
        <v>0</v>
      </c>
      <c r="CK34" s="196">
        <v>0</v>
      </c>
      <c r="CL34" s="195">
        <v>0</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0</v>
      </c>
      <c r="AD35" s="191">
        <v>0</v>
      </c>
      <c r="AE35" s="191">
        <v>1</v>
      </c>
      <c r="AF35" s="191">
        <v>1</v>
      </c>
      <c r="AG35" s="191">
        <v>0</v>
      </c>
      <c r="AH35" s="196">
        <v>2</v>
      </c>
      <c r="AI35" s="195">
        <v>2</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0</v>
      </c>
      <c r="BH35" s="196">
        <v>0</v>
      </c>
      <c r="BI35" s="193">
        <v>0</v>
      </c>
      <c r="BJ35" s="191">
        <v>0</v>
      </c>
      <c r="BK35" s="191">
        <v>0</v>
      </c>
      <c r="BL35" s="191">
        <v>1</v>
      </c>
      <c r="BM35" s="191">
        <v>0</v>
      </c>
      <c r="BN35" s="191">
        <v>0</v>
      </c>
      <c r="BO35" s="194">
        <v>1</v>
      </c>
      <c r="BP35" s="195">
        <v>1</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0</v>
      </c>
      <c r="AD36" s="191">
        <v>0</v>
      </c>
      <c r="AE36" s="191">
        <v>0</v>
      </c>
      <c r="AF36" s="191">
        <v>0</v>
      </c>
      <c r="AG36" s="191">
        <v>0</v>
      </c>
      <c r="AH36" s="196">
        <v>0</v>
      </c>
      <c r="AI36" s="195">
        <v>0</v>
      </c>
      <c r="AJ36" s="190">
        <v>0</v>
      </c>
      <c r="AK36" s="191">
        <v>0</v>
      </c>
      <c r="AL36" s="196">
        <v>0</v>
      </c>
      <c r="AM36" s="193">
        <v>0</v>
      </c>
      <c r="AN36" s="191">
        <v>0</v>
      </c>
      <c r="AO36" s="191">
        <v>0</v>
      </c>
      <c r="AP36" s="191">
        <v>0</v>
      </c>
      <c r="AQ36" s="191">
        <v>0</v>
      </c>
      <c r="AR36" s="191">
        <v>0</v>
      </c>
      <c r="AS36" s="196">
        <v>0</v>
      </c>
      <c r="AT36" s="195">
        <v>0</v>
      </c>
      <c r="AU36" s="190">
        <v>0</v>
      </c>
      <c r="AV36" s="191">
        <v>0</v>
      </c>
      <c r="AW36" s="196">
        <v>0</v>
      </c>
      <c r="AX36" s="193">
        <v>0</v>
      </c>
      <c r="AY36" s="191">
        <v>0</v>
      </c>
      <c r="AZ36" s="191">
        <v>0</v>
      </c>
      <c r="BA36" s="191">
        <v>0</v>
      </c>
      <c r="BB36" s="191">
        <v>0</v>
      </c>
      <c r="BC36" s="191">
        <v>0</v>
      </c>
      <c r="BD36" s="196">
        <v>0</v>
      </c>
      <c r="BE36" s="195">
        <v>0</v>
      </c>
      <c r="BF36" s="190">
        <v>0</v>
      </c>
      <c r="BG36" s="191">
        <v>0</v>
      </c>
      <c r="BH36" s="196">
        <v>0</v>
      </c>
      <c r="BI36" s="193">
        <v>0</v>
      </c>
      <c r="BJ36" s="191">
        <v>0</v>
      </c>
      <c r="BK36" s="191">
        <v>0</v>
      </c>
      <c r="BL36" s="191">
        <v>0</v>
      </c>
      <c r="BM36" s="191">
        <v>0</v>
      </c>
      <c r="BN36" s="191">
        <v>0</v>
      </c>
      <c r="BO36" s="194">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row>
    <row r="37" spans="2:101" ht="21" customHeight="1" x14ac:dyDescent="0.2">
      <c r="B37" s="106" t="s">
        <v>35</v>
      </c>
      <c r="C37" s="190">
        <v>0</v>
      </c>
      <c r="D37" s="196">
        <v>0</v>
      </c>
      <c r="E37" s="207">
        <v>0</v>
      </c>
      <c r="F37" s="193">
        <v>0</v>
      </c>
      <c r="G37" s="191">
        <v>0</v>
      </c>
      <c r="H37" s="191">
        <v>0</v>
      </c>
      <c r="I37" s="191">
        <v>0</v>
      </c>
      <c r="J37" s="191">
        <v>0</v>
      </c>
      <c r="K37" s="191">
        <v>0</v>
      </c>
      <c r="L37" s="194">
        <v>0</v>
      </c>
      <c r="M37" s="195">
        <v>0</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1</v>
      </c>
      <c r="AD37" s="191">
        <v>0</v>
      </c>
      <c r="AE37" s="191">
        <v>0</v>
      </c>
      <c r="AF37" s="191">
        <v>0</v>
      </c>
      <c r="AG37" s="191">
        <v>0</v>
      </c>
      <c r="AH37" s="196">
        <v>1</v>
      </c>
      <c r="AI37" s="195">
        <v>1</v>
      </c>
      <c r="AJ37" s="190">
        <v>0</v>
      </c>
      <c r="AK37" s="191">
        <v>0</v>
      </c>
      <c r="AL37" s="196">
        <v>0</v>
      </c>
      <c r="AM37" s="193">
        <v>0</v>
      </c>
      <c r="AN37" s="191">
        <v>0</v>
      </c>
      <c r="AO37" s="191">
        <v>0</v>
      </c>
      <c r="AP37" s="191">
        <v>0</v>
      </c>
      <c r="AQ37" s="191">
        <v>0</v>
      </c>
      <c r="AR37" s="191">
        <v>0</v>
      </c>
      <c r="AS37" s="196">
        <v>0</v>
      </c>
      <c r="AT37" s="195">
        <v>0</v>
      </c>
      <c r="AU37" s="190">
        <v>1</v>
      </c>
      <c r="AV37" s="191">
        <v>0</v>
      </c>
      <c r="AW37" s="196">
        <v>1</v>
      </c>
      <c r="AX37" s="193">
        <v>0</v>
      </c>
      <c r="AY37" s="191">
        <v>0</v>
      </c>
      <c r="AZ37" s="191">
        <v>0</v>
      </c>
      <c r="BA37" s="191">
        <v>0</v>
      </c>
      <c r="BB37" s="191">
        <v>0</v>
      </c>
      <c r="BC37" s="191">
        <v>0</v>
      </c>
      <c r="BD37" s="196">
        <v>0</v>
      </c>
      <c r="BE37" s="195">
        <v>1</v>
      </c>
      <c r="BF37" s="190">
        <v>0</v>
      </c>
      <c r="BG37" s="191">
        <v>0</v>
      </c>
      <c r="BH37" s="196">
        <v>0</v>
      </c>
      <c r="BI37" s="193">
        <v>0</v>
      </c>
      <c r="BJ37" s="191">
        <v>1</v>
      </c>
      <c r="BK37" s="191">
        <v>0</v>
      </c>
      <c r="BL37" s="191">
        <v>0</v>
      </c>
      <c r="BM37" s="191">
        <v>0</v>
      </c>
      <c r="BN37" s="191">
        <v>0</v>
      </c>
      <c r="BO37" s="194">
        <v>1</v>
      </c>
      <c r="BP37" s="195">
        <v>1</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0</v>
      </c>
      <c r="I38" s="191">
        <v>0</v>
      </c>
      <c r="J38" s="191">
        <v>0</v>
      </c>
      <c r="K38" s="191">
        <v>0</v>
      </c>
      <c r="L38" s="194">
        <v>0</v>
      </c>
      <c r="M38" s="195">
        <v>0</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3</v>
      </c>
      <c r="AD38" s="191">
        <v>1</v>
      </c>
      <c r="AE38" s="191">
        <v>0</v>
      </c>
      <c r="AF38" s="191">
        <v>0</v>
      </c>
      <c r="AG38" s="191">
        <v>0</v>
      </c>
      <c r="AH38" s="196">
        <v>4</v>
      </c>
      <c r="AI38" s="195">
        <v>4</v>
      </c>
      <c r="AJ38" s="190">
        <v>0</v>
      </c>
      <c r="AK38" s="191">
        <v>0</v>
      </c>
      <c r="AL38" s="196">
        <v>0</v>
      </c>
      <c r="AM38" s="193">
        <v>0</v>
      </c>
      <c r="AN38" s="191">
        <v>0</v>
      </c>
      <c r="AO38" s="191">
        <v>0</v>
      </c>
      <c r="AP38" s="191">
        <v>0</v>
      </c>
      <c r="AQ38" s="191">
        <v>0</v>
      </c>
      <c r="AR38" s="191">
        <v>0</v>
      </c>
      <c r="AS38" s="196">
        <v>0</v>
      </c>
      <c r="AT38" s="195">
        <v>0</v>
      </c>
      <c r="AU38" s="190">
        <v>0</v>
      </c>
      <c r="AV38" s="191">
        <v>0</v>
      </c>
      <c r="AW38" s="196">
        <v>0</v>
      </c>
      <c r="AX38" s="193">
        <v>0</v>
      </c>
      <c r="AY38" s="191">
        <v>0</v>
      </c>
      <c r="AZ38" s="191">
        <v>0</v>
      </c>
      <c r="BA38" s="191">
        <v>0</v>
      </c>
      <c r="BB38" s="191">
        <v>0</v>
      </c>
      <c r="BC38" s="191">
        <v>0</v>
      </c>
      <c r="BD38" s="196">
        <v>0</v>
      </c>
      <c r="BE38" s="195">
        <v>0</v>
      </c>
      <c r="BF38" s="190">
        <v>0</v>
      </c>
      <c r="BG38" s="191">
        <v>0</v>
      </c>
      <c r="BH38" s="196">
        <v>0</v>
      </c>
      <c r="BI38" s="193">
        <v>0</v>
      </c>
      <c r="BJ38" s="191">
        <v>0</v>
      </c>
      <c r="BK38" s="191">
        <v>1</v>
      </c>
      <c r="BL38" s="191">
        <v>1</v>
      </c>
      <c r="BM38" s="191">
        <v>0</v>
      </c>
      <c r="BN38" s="191">
        <v>0</v>
      </c>
      <c r="BO38" s="194">
        <v>2</v>
      </c>
      <c r="BP38" s="195">
        <v>2</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row>
    <row r="39" spans="2:101" ht="21" customHeight="1" thickBot="1" x14ac:dyDescent="0.25">
      <c r="B39" s="108" t="s">
        <v>37</v>
      </c>
      <c r="C39" s="197">
        <v>0</v>
      </c>
      <c r="D39" s="203">
        <v>0</v>
      </c>
      <c r="E39" s="208">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1</v>
      </c>
      <c r="AH39" s="203">
        <v>1</v>
      </c>
      <c r="AI39" s="202">
        <v>1</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0</v>
      </c>
      <c r="BK39" s="198">
        <v>0</v>
      </c>
      <c r="BL39" s="198">
        <v>0</v>
      </c>
      <c r="BM39" s="198">
        <v>0</v>
      </c>
      <c r="BN39" s="198">
        <v>0</v>
      </c>
      <c r="BO39" s="201">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CM4:CO4"/>
    <mergeCell ref="AX4:BD4"/>
    <mergeCell ref="BF4:BH4"/>
    <mergeCell ref="BI4:BO4"/>
    <mergeCell ref="CA4:CA5"/>
    <mergeCell ref="CL4:CL5"/>
    <mergeCell ref="BQ4:BS4"/>
    <mergeCell ref="BT4:BZ4"/>
    <mergeCell ref="CB4:CD4"/>
    <mergeCell ref="CE4:CK4"/>
    <mergeCell ref="B3:B5"/>
    <mergeCell ref="C3:M3"/>
    <mergeCell ref="N3:X3"/>
    <mergeCell ref="Y3:AI3"/>
    <mergeCell ref="C4:E4"/>
    <mergeCell ref="F4:L4"/>
    <mergeCell ref="M4:M5"/>
    <mergeCell ref="N4:P4"/>
    <mergeCell ref="Q4:W4"/>
    <mergeCell ref="X4:X5"/>
    <mergeCell ref="Y4:AA4"/>
    <mergeCell ref="AB4:AH4"/>
    <mergeCell ref="AI4:AI5"/>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8" style="175" customWidth="1"/>
    <col min="18" max="16384" width="9" style="175"/>
  </cols>
  <sheetData>
    <row r="1" spans="2:24" ht="24" customHeight="1" x14ac:dyDescent="0.2">
      <c r="B1" s="142" t="s">
        <v>123</v>
      </c>
      <c r="H1" s="442">
        <f>第１表!F2</f>
        <v>6</v>
      </c>
      <c r="I1" s="442"/>
      <c r="J1" s="18">
        <f>第１表!G2</f>
        <v>10</v>
      </c>
      <c r="K1" s="446">
        <f>IF(J1&lt;3,J1+12-2,J1-2)</f>
        <v>8</v>
      </c>
      <c r="L1" s="446"/>
    </row>
    <row r="2" spans="2:24" ht="24" customHeight="1" thickBot="1" x14ac:dyDescent="0.25">
      <c r="B2" s="142" t="s">
        <v>130</v>
      </c>
    </row>
    <row r="3" spans="2:24" ht="21" customHeight="1" x14ac:dyDescent="0.2">
      <c r="B3" s="472"/>
      <c r="C3" s="473" t="s">
        <v>140</v>
      </c>
      <c r="D3" s="473"/>
      <c r="E3" s="473"/>
      <c r="F3" s="473"/>
      <c r="G3" s="473"/>
      <c r="H3" s="473"/>
      <c r="I3" s="473"/>
      <c r="J3" s="473"/>
      <c r="K3" s="473"/>
      <c r="L3" s="473"/>
      <c r="M3" s="497"/>
      <c r="N3" s="473" t="s">
        <v>112</v>
      </c>
      <c r="O3" s="473"/>
      <c r="P3" s="473"/>
      <c r="Q3" s="473"/>
      <c r="R3" s="473"/>
      <c r="S3" s="473"/>
      <c r="T3" s="473"/>
      <c r="U3" s="473"/>
      <c r="V3" s="473"/>
      <c r="W3" s="473"/>
      <c r="X3" s="497"/>
    </row>
    <row r="4" spans="2:24" ht="21" customHeight="1" x14ac:dyDescent="0.2">
      <c r="B4" s="495"/>
      <c r="C4" s="498" t="s">
        <v>61</v>
      </c>
      <c r="D4" s="498"/>
      <c r="E4" s="499"/>
      <c r="F4" s="500" t="s">
        <v>62</v>
      </c>
      <c r="G4" s="498"/>
      <c r="H4" s="498"/>
      <c r="I4" s="498"/>
      <c r="J4" s="498"/>
      <c r="K4" s="498"/>
      <c r="L4" s="501"/>
      <c r="M4" s="502" t="s">
        <v>52</v>
      </c>
      <c r="N4" s="498" t="s">
        <v>61</v>
      </c>
      <c r="O4" s="498"/>
      <c r="P4" s="499"/>
      <c r="Q4" s="500" t="s">
        <v>62</v>
      </c>
      <c r="R4" s="498"/>
      <c r="S4" s="498"/>
      <c r="T4" s="498"/>
      <c r="U4" s="498"/>
      <c r="V4" s="498"/>
      <c r="W4" s="501"/>
      <c r="X4" s="502" t="s">
        <v>52</v>
      </c>
    </row>
    <row r="5" spans="2:24" ht="30" customHeight="1" thickBot="1" x14ac:dyDescent="0.25">
      <c r="B5" s="496"/>
      <c r="C5" s="178" t="s">
        <v>43</v>
      </c>
      <c r="D5" s="178" t="s">
        <v>44</v>
      </c>
      <c r="E5" s="182" t="s">
        <v>45</v>
      </c>
      <c r="F5" s="180" t="s">
        <v>83</v>
      </c>
      <c r="G5" s="178" t="s">
        <v>47</v>
      </c>
      <c r="H5" s="178" t="s">
        <v>48</v>
      </c>
      <c r="I5" s="178" t="s">
        <v>49</v>
      </c>
      <c r="J5" s="178" t="s">
        <v>50</v>
      </c>
      <c r="K5" s="178" t="s">
        <v>51</v>
      </c>
      <c r="L5" s="182" t="s">
        <v>45</v>
      </c>
      <c r="M5" s="471"/>
      <c r="N5" s="178" t="s">
        <v>43</v>
      </c>
      <c r="O5" s="178" t="s">
        <v>44</v>
      </c>
      <c r="P5" s="182" t="s">
        <v>45</v>
      </c>
      <c r="Q5" s="180" t="s">
        <v>83</v>
      </c>
      <c r="R5" s="178" t="s">
        <v>47</v>
      </c>
      <c r="S5" s="178" t="s">
        <v>48</v>
      </c>
      <c r="T5" s="178" t="s">
        <v>49</v>
      </c>
      <c r="U5" s="178" t="s">
        <v>50</v>
      </c>
      <c r="V5" s="178" t="s">
        <v>51</v>
      </c>
      <c r="W5" s="182" t="s">
        <v>45</v>
      </c>
      <c r="X5" s="471"/>
    </row>
    <row r="6" spans="2:24" ht="21" customHeight="1" x14ac:dyDescent="0.2">
      <c r="B6" s="84" t="s">
        <v>4</v>
      </c>
      <c r="C6" s="184">
        <v>0</v>
      </c>
      <c r="D6" s="184">
        <v>1</v>
      </c>
      <c r="E6" s="189">
        <v>1</v>
      </c>
      <c r="F6" s="186">
        <v>0</v>
      </c>
      <c r="G6" s="184">
        <v>103071</v>
      </c>
      <c r="H6" s="184">
        <v>107454</v>
      </c>
      <c r="I6" s="184">
        <v>62585</v>
      </c>
      <c r="J6" s="184">
        <v>32241</v>
      </c>
      <c r="K6" s="184">
        <v>15007</v>
      </c>
      <c r="L6" s="189">
        <v>320358</v>
      </c>
      <c r="M6" s="188">
        <v>320359</v>
      </c>
      <c r="N6" s="184">
        <v>39</v>
      </c>
      <c r="O6" s="184">
        <v>66</v>
      </c>
      <c r="P6" s="189">
        <v>105</v>
      </c>
      <c r="Q6" s="186">
        <v>0</v>
      </c>
      <c r="R6" s="184">
        <v>6819</v>
      </c>
      <c r="S6" s="184">
        <v>9430</v>
      </c>
      <c r="T6" s="184">
        <v>12048</v>
      </c>
      <c r="U6" s="184">
        <v>6496</v>
      </c>
      <c r="V6" s="184">
        <v>5127</v>
      </c>
      <c r="W6" s="189">
        <v>39920</v>
      </c>
      <c r="X6" s="188">
        <v>40025</v>
      </c>
    </row>
    <row r="7" spans="2:24" ht="21" customHeight="1" x14ac:dyDescent="0.2">
      <c r="B7" s="95" t="s">
        <v>5</v>
      </c>
      <c r="C7" s="191">
        <v>0</v>
      </c>
      <c r="D7" s="191">
        <v>1</v>
      </c>
      <c r="E7" s="196">
        <v>1</v>
      </c>
      <c r="F7" s="193">
        <v>0</v>
      </c>
      <c r="G7" s="191">
        <v>36621</v>
      </c>
      <c r="H7" s="191">
        <v>51418</v>
      </c>
      <c r="I7" s="191">
        <v>29909</v>
      </c>
      <c r="J7" s="191">
        <v>15178</v>
      </c>
      <c r="K7" s="191">
        <v>7194</v>
      </c>
      <c r="L7" s="196">
        <v>140320</v>
      </c>
      <c r="M7" s="195">
        <v>140321</v>
      </c>
      <c r="N7" s="191">
        <v>24</v>
      </c>
      <c r="O7" s="191">
        <v>17</v>
      </c>
      <c r="P7" s="196">
        <v>41</v>
      </c>
      <c r="Q7" s="193">
        <v>0</v>
      </c>
      <c r="R7" s="191">
        <v>3366</v>
      </c>
      <c r="S7" s="191">
        <v>4972</v>
      </c>
      <c r="T7" s="191">
        <v>6203</v>
      </c>
      <c r="U7" s="191">
        <v>3644</v>
      </c>
      <c r="V7" s="191">
        <v>2702</v>
      </c>
      <c r="W7" s="196">
        <v>20887</v>
      </c>
      <c r="X7" s="195">
        <v>20928</v>
      </c>
    </row>
    <row r="8" spans="2:24" ht="21" customHeight="1" x14ac:dyDescent="0.2">
      <c r="B8" s="106" t="s">
        <v>6</v>
      </c>
      <c r="C8" s="191">
        <v>0</v>
      </c>
      <c r="D8" s="191">
        <v>0</v>
      </c>
      <c r="E8" s="196">
        <v>0</v>
      </c>
      <c r="F8" s="193">
        <v>0</v>
      </c>
      <c r="G8" s="191">
        <v>13991</v>
      </c>
      <c r="H8" s="191">
        <v>11929</v>
      </c>
      <c r="I8" s="191">
        <v>6970</v>
      </c>
      <c r="J8" s="191">
        <v>4034</v>
      </c>
      <c r="K8" s="191">
        <v>1992</v>
      </c>
      <c r="L8" s="196">
        <v>38916</v>
      </c>
      <c r="M8" s="195">
        <v>38916</v>
      </c>
      <c r="N8" s="191">
        <v>3</v>
      </c>
      <c r="O8" s="191">
        <v>0</v>
      </c>
      <c r="P8" s="196">
        <v>3</v>
      </c>
      <c r="Q8" s="193">
        <v>0</v>
      </c>
      <c r="R8" s="191">
        <v>1381</v>
      </c>
      <c r="S8" s="191">
        <v>2391</v>
      </c>
      <c r="T8" s="191">
        <v>2692</v>
      </c>
      <c r="U8" s="191">
        <v>1387</v>
      </c>
      <c r="V8" s="191">
        <v>1317</v>
      </c>
      <c r="W8" s="196">
        <v>9168</v>
      </c>
      <c r="X8" s="195">
        <v>9171</v>
      </c>
    </row>
    <row r="9" spans="2:24" ht="21" customHeight="1" x14ac:dyDescent="0.2">
      <c r="B9" s="106" t="s">
        <v>14</v>
      </c>
      <c r="C9" s="191">
        <v>0</v>
      </c>
      <c r="D9" s="191">
        <v>0</v>
      </c>
      <c r="E9" s="196">
        <v>0</v>
      </c>
      <c r="F9" s="193">
        <v>0</v>
      </c>
      <c r="G9" s="191">
        <v>8418</v>
      </c>
      <c r="H9" s="191">
        <v>9688</v>
      </c>
      <c r="I9" s="191">
        <v>6101</v>
      </c>
      <c r="J9" s="191">
        <v>3079</v>
      </c>
      <c r="K9" s="191">
        <v>1351</v>
      </c>
      <c r="L9" s="196">
        <v>28637</v>
      </c>
      <c r="M9" s="195">
        <v>28637</v>
      </c>
      <c r="N9" s="191">
        <v>0</v>
      </c>
      <c r="O9" s="191">
        <v>0</v>
      </c>
      <c r="P9" s="196">
        <v>0</v>
      </c>
      <c r="Q9" s="193">
        <v>0</v>
      </c>
      <c r="R9" s="191">
        <v>131</v>
      </c>
      <c r="S9" s="191">
        <v>160</v>
      </c>
      <c r="T9" s="191">
        <v>378</v>
      </c>
      <c r="U9" s="191">
        <v>126</v>
      </c>
      <c r="V9" s="191">
        <v>208</v>
      </c>
      <c r="W9" s="196">
        <v>1003</v>
      </c>
      <c r="X9" s="195">
        <v>1003</v>
      </c>
    </row>
    <row r="10" spans="2:24" ht="21" customHeight="1" x14ac:dyDescent="0.2">
      <c r="B10" s="106" t="s">
        <v>7</v>
      </c>
      <c r="C10" s="191">
        <v>0</v>
      </c>
      <c r="D10" s="191">
        <v>0</v>
      </c>
      <c r="E10" s="196">
        <v>0</v>
      </c>
      <c r="F10" s="193">
        <v>0</v>
      </c>
      <c r="G10" s="191">
        <v>8767</v>
      </c>
      <c r="H10" s="191">
        <v>5675</v>
      </c>
      <c r="I10" s="191">
        <v>2552</v>
      </c>
      <c r="J10" s="191">
        <v>1039</v>
      </c>
      <c r="K10" s="191">
        <v>526</v>
      </c>
      <c r="L10" s="196">
        <v>18559</v>
      </c>
      <c r="M10" s="195">
        <v>18559</v>
      </c>
      <c r="N10" s="191">
        <v>0</v>
      </c>
      <c r="O10" s="191">
        <v>16</v>
      </c>
      <c r="P10" s="196">
        <v>16</v>
      </c>
      <c r="Q10" s="193">
        <v>0</v>
      </c>
      <c r="R10" s="191">
        <v>736</v>
      </c>
      <c r="S10" s="191">
        <v>771</v>
      </c>
      <c r="T10" s="191">
        <v>992</v>
      </c>
      <c r="U10" s="191">
        <v>298</v>
      </c>
      <c r="V10" s="191">
        <v>246</v>
      </c>
      <c r="W10" s="196">
        <v>3043</v>
      </c>
      <c r="X10" s="195">
        <v>3059</v>
      </c>
    </row>
    <row r="11" spans="2:24" ht="21" customHeight="1" x14ac:dyDescent="0.2">
      <c r="B11" s="106" t="s">
        <v>8</v>
      </c>
      <c r="C11" s="191">
        <v>0</v>
      </c>
      <c r="D11" s="191">
        <v>0</v>
      </c>
      <c r="E11" s="196">
        <v>0</v>
      </c>
      <c r="F11" s="193">
        <v>0</v>
      </c>
      <c r="G11" s="191">
        <v>4375</v>
      </c>
      <c r="H11" s="191">
        <v>4642</v>
      </c>
      <c r="I11" s="191">
        <v>2009</v>
      </c>
      <c r="J11" s="191">
        <v>1094</v>
      </c>
      <c r="K11" s="191">
        <v>573</v>
      </c>
      <c r="L11" s="196">
        <v>12693</v>
      </c>
      <c r="M11" s="195">
        <v>12693</v>
      </c>
      <c r="N11" s="191">
        <v>0</v>
      </c>
      <c r="O11" s="191">
        <v>0</v>
      </c>
      <c r="P11" s="196">
        <v>0</v>
      </c>
      <c r="Q11" s="193">
        <v>0</v>
      </c>
      <c r="R11" s="191">
        <v>59</v>
      </c>
      <c r="S11" s="191">
        <v>65</v>
      </c>
      <c r="T11" s="191">
        <v>111</v>
      </c>
      <c r="U11" s="191">
        <v>100</v>
      </c>
      <c r="V11" s="191">
        <v>79</v>
      </c>
      <c r="W11" s="196">
        <v>414</v>
      </c>
      <c r="X11" s="195">
        <v>414</v>
      </c>
    </row>
    <row r="12" spans="2:24" ht="21" customHeight="1" x14ac:dyDescent="0.2">
      <c r="B12" s="106" t="s">
        <v>9</v>
      </c>
      <c r="C12" s="191">
        <v>0</v>
      </c>
      <c r="D12" s="191">
        <v>0</v>
      </c>
      <c r="E12" s="196">
        <v>0</v>
      </c>
      <c r="F12" s="193">
        <v>0</v>
      </c>
      <c r="G12" s="191">
        <v>2981</v>
      </c>
      <c r="H12" s="191">
        <v>2221</v>
      </c>
      <c r="I12" s="191">
        <v>1396</v>
      </c>
      <c r="J12" s="191">
        <v>994</v>
      </c>
      <c r="K12" s="191">
        <v>501</v>
      </c>
      <c r="L12" s="196">
        <v>8093</v>
      </c>
      <c r="M12" s="195">
        <v>8093</v>
      </c>
      <c r="N12" s="191">
        <v>0</v>
      </c>
      <c r="O12" s="191">
        <v>0</v>
      </c>
      <c r="P12" s="196">
        <v>0</v>
      </c>
      <c r="Q12" s="193">
        <v>0</v>
      </c>
      <c r="R12" s="191">
        <v>58</v>
      </c>
      <c r="S12" s="191">
        <v>73</v>
      </c>
      <c r="T12" s="191">
        <v>82</v>
      </c>
      <c r="U12" s="191">
        <v>0</v>
      </c>
      <c r="V12" s="191">
        <v>33</v>
      </c>
      <c r="W12" s="196">
        <v>246</v>
      </c>
      <c r="X12" s="195">
        <v>246</v>
      </c>
    </row>
    <row r="13" spans="2:24" ht="21" customHeight="1" x14ac:dyDescent="0.2">
      <c r="B13" s="106" t="s">
        <v>10</v>
      </c>
      <c r="C13" s="191">
        <v>0</v>
      </c>
      <c r="D13" s="191">
        <v>0</v>
      </c>
      <c r="E13" s="196">
        <v>0</v>
      </c>
      <c r="F13" s="193">
        <v>0</v>
      </c>
      <c r="G13" s="191">
        <v>4155</v>
      </c>
      <c r="H13" s="191">
        <v>2001</v>
      </c>
      <c r="I13" s="191">
        <v>1117</v>
      </c>
      <c r="J13" s="191">
        <v>690</v>
      </c>
      <c r="K13" s="191">
        <v>111</v>
      </c>
      <c r="L13" s="196">
        <v>8074</v>
      </c>
      <c r="M13" s="195">
        <v>8074</v>
      </c>
      <c r="N13" s="191">
        <v>0</v>
      </c>
      <c r="O13" s="191">
        <v>4</v>
      </c>
      <c r="P13" s="196">
        <v>4</v>
      </c>
      <c r="Q13" s="193">
        <v>0</v>
      </c>
      <c r="R13" s="191">
        <v>97</v>
      </c>
      <c r="S13" s="191">
        <v>97</v>
      </c>
      <c r="T13" s="191">
        <v>283</v>
      </c>
      <c r="U13" s="191">
        <v>147</v>
      </c>
      <c r="V13" s="191">
        <v>141</v>
      </c>
      <c r="W13" s="196">
        <v>765</v>
      </c>
      <c r="X13" s="195">
        <v>769</v>
      </c>
    </row>
    <row r="14" spans="2:24" ht="21" customHeight="1" x14ac:dyDescent="0.2">
      <c r="B14" s="106" t="s">
        <v>11</v>
      </c>
      <c r="C14" s="191">
        <v>0</v>
      </c>
      <c r="D14" s="191">
        <v>0</v>
      </c>
      <c r="E14" s="196">
        <v>0</v>
      </c>
      <c r="F14" s="193">
        <v>0</v>
      </c>
      <c r="G14" s="191">
        <v>3818</v>
      </c>
      <c r="H14" s="191">
        <v>2380</v>
      </c>
      <c r="I14" s="191">
        <v>1588</v>
      </c>
      <c r="J14" s="191">
        <v>841</v>
      </c>
      <c r="K14" s="191">
        <v>367</v>
      </c>
      <c r="L14" s="196">
        <v>8994</v>
      </c>
      <c r="M14" s="195">
        <v>8994</v>
      </c>
      <c r="N14" s="191">
        <v>0</v>
      </c>
      <c r="O14" s="191">
        <v>0</v>
      </c>
      <c r="P14" s="196">
        <v>0</v>
      </c>
      <c r="Q14" s="193">
        <v>0</v>
      </c>
      <c r="R14" s="191">
        <v>247</v>
      </c>
      <c r="S14" s="191">
        <v>146</v>
      </c>
      <c r="T14" s="191">
        <v>111</v>
      </c>
      <c r="U14" s="191">
        <v>84</v>
      </c>
      <c r="V14" s="191">
        <v>12</v>
      </c>
      <c r="W14" s="196">
        <v>600</v>
      </c>
      <c r="X14" s="195">
        <v>600</v>
      </c>
    </row>
    <row r="15" spans="2:24" ht="21" customHeight="1" x14ac:dyDescent="0.2">
      <c r="B15" s="106" t="s">
        <v>12</v>
      </c>
      <c r="C15" s="191">
        <v>0</v>
      </c>
      <c r="D15" s="191">
        <v>0</v>
      </c>
      <c r="E15" s="196">
        <v>0</v>
      </c>
      <c r="F15" s="193">
        <v>0</v>
      </c>
      <c r="G15" s="191">
        <v>3138</v>
      </c>
      <c r="H15" s="191">
        <v>2146</v>
      </c>
      <c r="I15" s="191">
        <v>1580</v>
      </c>
      <c r="J15" s="191">
        <v>629</v>
      </c>
      <c r="K15" s="191">
        <v>249</v>
      </c>
      <c r="L15" s="196">
        <v>7742</v>
      </c>
      <c r="M15" s="195">
        <v>7742</v>
      </c>
      <c r="N15" s="191">
        <v>0</v>
      </c>
      <c r="O15" s="191">
        <v>0</v>
      </c>
      <c r="P15" s="196">
        <v>0</v>
      </c>
      <c r="Q15" s="193">
        <v>0</v>
      </c>
      <c r="R15" s="191">
        <v>37</v>
      </c>
      <c r="S15" s="191">
        <v>9</v>
      </c>
      <c r="T15" s="191">
        <v>3</v>
      </c>
      <c r="U15" s="191">
        <v>4</v>
      </c>
      <c r="V15" s="191">
        <v>13</v>
      </c>
      <c r="W15" s="196">
        <v>66</v>
      </c>
      <c r="X15" s="195">
        <v>66</v>
      </c>
    </row>
    <row r="16" spans="2:24" ht="21" customHeight="1" x14ac:dyDescent="0.2">
      <c r="B16" s="106" t="s">
        <v>13</v>
      </c>
      <c r="C16" s="191">
        <v>0</v>
      </c>
      <c r="D16" s="191">
        <v>0</v>
      </c>
      <c r="E16" s="196">
        <v>0</v>
      </c>
      <c r="F16" s="193">
        <v>0</v>
      </c>
      <c r="G16" s="191">
        <v>979</v>
      </c>
      <c r="H16" s="191">
        <v>1239</v>
      </c>
      <c r="I16" s="191">
        <v>629</v>
      </c>
      <c r="J16" s="191">
        <v>333</v>
      </c>
      <c r="K16" s="191">
        <v>132</v>
      </c>
      <c r="L16" s="196">
        <v>3312</v>
      </c>
      <c r="M16" s="195">
        <v>3312</v>
      </c>
      <c r="N16" s="191">
        <v>0</v>
      </c>
      <c r="O16" s="191">
        <v>0</v>
      </c>
      <c r="P16" s="196">
        <v>0</v>
      </c>
      <c r="Q16" s="193">
        <v>0</v>
      </c>
      <c r="R16" s="191">
        <v>0</v>
      </c>
      <c r="S16" s="191">
        <v>66</v>
      </c>
      <c r="T16" s="191">
        <v>70</v>
      </c>
      <c r="U16" s="191">
        <v>81</v>
      </c>
      <c r="V16" s="191">
        <v>75</v>
      </c>
      <c r="W16" s="196">
        <v>292</v>
      </c>
      <c r="X16" s="195">
        <v>292</v>
      </c>
    </row>
    <row r="17" spans="2:24" ht="21" customHeight="1" x14ac:dyDescent="0.2">
      <c r="B17" s="106" t="s">
        <v>15</v>
      </c>
      <c r="C17" s="191">
        <v>0</v>
      </c>
      <c r="D17" s="191">
        <v>0</v>
      </c>
      <c r="E17" s="196">
        <v>0</v>
      </c>
      <c r="F17" s="193">
        <v>0</v>
      </c>
      <c r="G17" s="191">
        <v>1452</v>
      </c>
      <c r="H17" s="191">
        <v>1433</v>
      </c>
      <c r="I17" s="191">
        <v>753</v>
      </c>
      <c r="J17" s="191">
        <v>321</v>
      </c>
      <c r="K17" s="191">
        <v>155</v>
      </c>
      <c r="L17" s="196">
        <v>4114</v>
      </c>
      <c r="M17" s="195">
        <v>4114</v>
      </c>
      <c r="N17" s="191">
        <v>0</v>
      </c>
      <c r="O17" s="191">
        <v>9</v>
      </c>
      <c r="P17" s="196">
        <v>9</v>
      </c>
      <c r="Q17" s="193">
        <v>0</v>
      </c>
      <c r="R17" s="191">
        <v>14</v>
      </c>
      <c r="S17" s="191">
        <v>30</v>
      </c>
      <c r="T17" s="191">
        <v>66</v>
      </c>
      <c r="U17" s="191">
        <v>34</v>
      </c>
      <c r="V17" s="191">
        <v>27</v>
      </c>
      <c r="W17" s="196">
        <v>171</v>
      </c>
      <c r="X17" s="195">
        <v>180</v>
      </c>
    </row>
    <row r="18" spans="2:24" ht="21" customHeight="1" x14ac:dyDescent="0.2">
      <c r="B18" s="106" t="s">
        <v>16</v>
      </c>
      <c r="C18" s="191">
        <v>0</v>
      </c>
      <c r="D18" s="191">
        <v>0</v>
      </c>
      <c r="E18" s="196">
        <v>0</v>
      </c>
      <c r="F18" s="193">
        <v>0</v>
      </c>
      <c r="G18" s="191">
        <v>1115</v>
      </c>
      <c r="H18" s="191">
        <v>1451</v>
      </c>
      <c r="I18" s="191">
        <v>925</v>
      </c>
      <c r="J18" s="191">
        <v>389</v>
      </c>
      <c r="K18" s="191">
        <v>148</v>
      </c>
      <c r="L18" s="196">
        <v>4028</v>
      </c>
      <c r="M18" s="195">
        <v>4028</v>
      </c>
      <c r="N18" s="191">
        <v>0</v>
      </c>
      <c r="O18" s="191">
        <v>0</v>
      </c>
      <c r="P18" s="196">
        <v>0</v>
      </c>
      <c r="Q18" s="193">
        <v>0</v>
      </c>
      <c r="R18" s="191">
        <v>50</v>
      </c>
      <c r="S18" s="191">
        <v>61</v>
      </c>
      <c r="T18" s="191">
        <v>73</v>
      </c>
      <c r="U18" s="191">
        <v>61</v>
      </c>
      <c r="V18" s="191">
        <v>23</v>
      </c>
      <c r="W18" s="196">
        <v>268</v>
      </c>
      <c r="X18" s="195">
        <v>268</v>
      </c>
    </row>
    <row r="19" spans="2:24" ht="21" customHeight="1" x14ac:dyDescent="0.2">
      <c r="B19" s="106" t="s">
        <v>17</v>
      </c>
      <c r="C19" s="191">
        <v>0</v>
      </c>
      <c r="D19" s="191">
        <v>0</v>
      </c>
      <c r="E19" s="196">
        <v>0</v>
      </c>
      <c r="F19" s="193">
        <v>0</v>
      </c>
      <c r="G19" s="191">
        <v>2234</v>
      </c>
      <c r="H19" s="191">
        <v>2921</v>
      </c>
      <c r="I19" s="191">
        <v>1808</v>
      </c>
      <c r="J19" s="191">
        <v>1186</v>
      </c>
      <c r="K19" s="191">
        <v>496</v>
      </c>
      <c r="L19" s="196">
        <v>8645</v>
      </c>
      <c r="M19" s="195">
        <v>8645</v>
      </c>
      <c r="N19" s="191">
        <v>8</v>
      </c>
      <c r="O19" s="191">
        <v>20</v>
      </c>
      <c r="P19" s="196">
        <v>28</v>
      </c>
      <c r="Q19" s="193">
        <v>0</v>
      </c>
      <c r="R19" s="191">
        <v>208</v>
      </c>
      <c r="S19" s="191">
        <v>187</v>
      </c>
      <c r="T19" s="191">
        <v>148</v>
      </c>
      <c r="U19" s="191">
        <v>110</v>
      </c>
      <c r="V19" s="191">
        <v>88</v>
      </c>
      <c r="W19" s="196">
        <v>741</v>
      </c>
      <c r="X19" s="195">
        <v>769</v>
      </c>
    </row>
    <row r="20" spans="2:24" ht="21" customHeight="1" x14ac:dyDescent="0.2">
      <c r="B20" s="106" t="s">
        <v>18</v>
      </c>
      <c r="C20" s="191">
        <v>0</v>
      </c>
      <c r="D20" s="191">
        <v>0</v>
      </c>
      <c r="E20" s="196">
        <v>0</v>
      </c>
      <c r="F20" s="193">
        <v>0</v>
      </c>
      <c r="G20" s="191">
        <v>2071</v>
      </c>
      <c r="H20" s="191">
        <v>1460</v>
      </c>
      <c r="I20" s="191">
        <v>904</v>
      </c>
      <c r="J20" s="191">
        <v>350</v>
      </c>
      <c r="K20" s="191">
        <v>176</v>
      </c>
      <c r="L20" s="196">
        <v>4961</v>
      </c>
      <c r="M20" s="195">
        <v>4961</v>
      </c>
      <c r="N20" s="191">
        <v>0</v>
      </c>
      <c r="O20" s="191">
        <v>0</v>
      </c>
      <c r="P20" s="196">
        <v>0</v>
      </c>
      <c r="Q20" s="193">
        <v>0</v>
      </c>
      <c r="R20" s="191">
        <v>101</v>
      </c>
      <c r="S20" s="191">
        <v>79</v>
      </c>
      <c r="T20" s="191">
        <v>270</v>
      </c>
      <c r="U20" s="191">
        <v>124</v>
      </c>
      <c r="V20" s="191">
        <v>72</v>
      </c>
      <c r="W20" s="196">
        <v>646</v>
      </c>
      <c r="X20" s="195">
        <v>646</v>
      </c>
    </row>
    <row r="21" spans="2:24" ht="21" customHeight="1" x14ac:dyDescent="0.2">
      <c r="B21" s="106" t="s">
        <v>19</v>
      </c>
      <c r="C21" s="191">
        <v>0</v>
      </c>
      <c r="D21" s="191">
        <v>0</v>
      </c>
      <c r="E21" s="196">
        <v>0</v>
      </c>
      <c r="F21" s="193">
        <v>0</v>
      </c>
      <c r="G21" s="191">
        <v>1022</v>
      </c>
      <c r="H21" s="191">
        <v>762</v>
      </c>
      <c r="I21" s="191">
        <v>428</v>
      </c>
      <c r="J21" s="191">
        <v>233</v>
      </c>
      <c r="K21" s="191">
        <v>141</v>
      </c>
      <c r="L21" s="196">
        <v>2586</v>
      </c>
      <c r="M21" s="195">
        <v>2586</v>
      </c>
      <c r="N21" s="191">
        <v>4</v>
      </c>
      <c r="O21" s="191">
        <v>0</v>
      </c>
      <c r="P21" s="196">
        <v>4</v>
      </c>
      <c r="Q21" s="193">
        <v>0</v>
      </c>
      <c r="R21" s="191">
        <v>113</v>
      </c>
      <c r="S21" s="191">
        <v>195</v>
      </c>
      <c r="T21" s="191">
        <v>179</v>
      </c>
      <c r="U21" s="191">
        <v>36</v>
      </c>
      <c r="V21" s="191">
        <v>40</v>
      </c>
      <c r="W21" s="196">
        <v>563</v>
      </c>
      <c r="X21" s="195">
        <v>567</v>
      </c>
    </row>
    <row r="22" spans="2:24" ht="21" customHeight="1" x14ac:dyDescent="0.2">
      <c r="B22" s="106" t="s">
        <v>20</v>
      </c>
      <c r="C22" s="191">
        <v>0</v>
      </c>
      <c r="D22" s="191">
        <v>0</v>
      </c>
      <c r="E22" s="196">
        <v>0</v>
      </c>
      <c r="F22" s="193">
        <v>0</v>
      </c>
      <c r="G22" s="191">
        <v>1447</v>
      </c>
      <c r="H22" s="191">
        <v>958</v>
      </c>
      <c r="I22" s="191">
        <v>562</v>
      </c>
      <c r="J22" s="191">
        <v>197</v>
      </c>
      <c r="K22" s="191">
        <v>74</v>
      </c>
      <c r="L22" s="196">
        <v>3238</v>
      </c>
      <c r="M22" s="195">
        <v>3238</v>
      </c>
      <c r="N22" s="191">
        <v>0</v>
      </c>
      <c r="O22" s="191">
        <v>0</v>
      </c>
      <c r="P22" s="196">
        <v>0</v>
      </c>
      <c r="Q22" s="193">
        <v>0</v>
      </c>
      <c r="R22" s="191">
        <v>17</v>
      </c>
      <c r="S22" s="191">
        <v>3</v>
      </c>
      <c r="T22" s="191">
        <v>132</v>
      </c>
      <c r="U22" s="191">
        <v>82</v>
      </c>
      <c r="V22" s="191">
        <v>16</v>
      </c>
      <c r="W22" s="196">
        <v>250</v>
      </c>
      <c r="X22" s="195">
        <v>250</v>
      </c>
    </row>
    <row r="23" spans="2:24" ht="21" customHeight="1" x14ac:dyDescent="0.2">
      <c r="B23" s="106" t="s">
        <v>21</v>
      </c>
      <c r="C23" s="191">
        <v>0</v>
      </c>
      <c r="D23" s="191">
        <v>0</v>
      </c>
      <c r="E23" s="196">
        <v>0</v>
      </c>
      <c r="F23" s="193">
        <v>0</v>
      </c>
      <c r="G23" s="191">
        <v>1597</v>
      </c>
      <c r="H23" s="191">
        <v>1327</v>
      </c>
      <c r="I23" s="191">
        <v>833</v>
      </c>
      <c r="J23" s="191">
        <v>371</v>
      </c>
      <c r="K23" s="191">
        <v>168</v>
      </c>
      <c r="L23" s="196">
        <v>4296</v>
      </c>
      <c r="M23" s="195">
        <v>4296</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986</v>
      </c>
      <c r="H24" s="191">
        <v>986</v>
      </c>
      <c r="I24" s="191">
        <v>487</v>
      </c>
      <c r="J24" s="191">
        <v>312</v>
      </c>
      <c r="K24" s="191">
        <v>87</v>
      </c>
      <c r="L24" s="196">
        <v>2858</v>
      </c>
      <c r="M24" s="195">
        <v>2858</v>
      </c>
      <c r="N24" s="191">
        <v>0</v>
      </c>
      <c r="O24" s="191">
        <v>0</v>
      </c>
      <c r="P24" s="196">
        <v>0</v>
      </c>
      <c r="Q24" s="193">
        <v>0</v>
      </c>
      <c r="R24" s="191">
        <v>21</v>
      </c>
      <c r="S24" s="191">
        <v>14</v>
      </c>
      <c r="T24" s="191">
        <v>91</v>
      </c>
      <c r="U24" s="191">
        <v>50</v>
      </c>
      <c r="V24" s="191">
        <v>8</v>
      </c>
      <c r="W24" s="196">
        <v>184</v>
      </c>
      <c r="X24" s="195">
        <v>184</v>
      </c>
    </row>
    <row r="25" spans="2:24" ht="21" customHeight="1" x14ac:dyDescent="0.2">
      <c r="B25" s="106" t="s">
        <v>23</v>
      </c>
      <c r="C25" s="191">
        <v>0</v>
      </c>
      <c r="D25" s="191">
        <v>0</v>
      </c>
      <c r="E25" s="196">
        <v>0</v>
      </c>
      <c r="F25" s="193">
        <v>0</v>
      </c>
      <c r="G25" s="191">
        <v>487</v>
      </c>
      <c r="H25" s="191">
        <v>447</v>
      </c>
      <c r="I25" s="191">
        <v>265</v>
      </c>
      <c r="J25" s="191">
        <v>214</v>
      </c>
      <c r="K25" s="191">
        <v>119</v>
      </c>
      <c r="L25" s="196">
        <v>1532</v>
      </c>
      <c r="M25" s="195">
        <v>1532</v>
      </c>
      <c r="N25" s="191">
        <v>0</v>
      </c>
      <c r="O25" s="191">
        <v>0</v>
      </c>
      <c r="P25" s="196">
        <v>0</v>
      </c>
      <c r="Q25" s="193">
        <v>0</v>
      </c>
      <c r="R25" s="191">
        <v>0</v>
      </c>
      <c r="S25" s="191">
        <v>0</v>
      </c>
      <c r="T25" s="191">
        <v>30</v>
      </c>
      <c r="U25" s="191">
        <v>45</v>
      </c>
      <c r="V25" s="191">
        <v>0</v>
      </c>
      <c r="W25" s="196">
        <v>75</v>
      </c>
      <c r="X25" s="195">
        <v>75</v>
      </c>
    </row>
    <row r="26" spans="2:24" ht="21" customHeight="1" x14ac:dyDescent="0.2">
      <c r="B26" s="106" t="s">
        <v>24</v>
      </c>
      <c r="C26" s="191">
        <v>0</v>
      </c>
      <c r="D26" s="191">
        <v>0</v>
      </c>
      <c r="E26" s="196">
        <v>0</v>
      </c>
      <c r="F26" s="193">
        <v>0</v>
      </c>
      <c r="G26" s="191">
        <v>176</v>
      </c>
      <c r="H26" s="191">
        <v>95</v>
      </c>
      <c r="I26" s="191">
        <v>180</v>
      </c>
      <c r="J26" s="191">
        <v>44</v>
      </c>
      <c r="K26" s="191">
        <v>14</v>
      </c>
      <c r="L26" s="196">
        <v>509</v>
      </c>
      <c r="M26" s="195">
        <v>509</v>
      </c>
      <c r="N26" s="191">
        <v>0</v>
      </c>
      <c r="O26" s="191">
        <v>0</v>
      </c>
      <c r="P26" s="196">
        <v>0</v>
      </c>
      <c r="Q26" s="193">
        <v>0</v>
      </c>
      <c r="R26" s="191">
        <v>40</v>
      </c>
      <c r="S26" s="191">
        <v>39</v>
      </c>
      <c r="T26" s="191">
        <v>20</v>
      </c>
      <c r="U26" s="191">
        <v>23</v>
      </c>
      <c r="V26" s="191">
        <v>5</v>
      </c>
      <c r="W26" s="196">
        <v>127</v>
      </c>
      <c r="X26" s="195">
        <v>127</v>
      </c>
    </row>
    <row r="27" spans="2:24" ht="21" customHeight="1" x14ac:dyDescent="0.2">
      <c r="B27" s="106" t="s">
        <v>25</v>
      </c>
      <c r="C27" s="191">
        <v>0</v>
      </c>
      <c r="D27" s="191">
        <v>0</v>
      </c>
      <c r="E27" s="196">
        <v>0</v>
      </c>
      <c r="F27" s="193">
        <v>0</v>
      </c>
      <c r="G27" s="191">
        <v>585</v>
      </c>
      <c r="H27" s="191">
        <v>364</v>
      </c>
      <c r="I27" s="191">
        <v>129</v>
      </c>
      <c r="J27" s="191">
        <v>63</v>
      </c>
      <c r="K27" s="191">
        <v>0</v>
      </c>
      <c r="L27" s="196">
        <v>1141</v>
      </c>
      <c r="M27" s="195">
        <v>1141</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306</v>
      </c>
      <c r="H28" s="191">
        <v>374</v>
      </c>
      <c r="I28" s="191">
        <v>258</v>
      </c>
      <c r="J28" s="191">
        <v>110</v>
      </c>
      <c r="K28" s="191">
        <v>76</v>
      </c>
      <c r="L28" s="196">
        <v>1124</v>
      </c>
      <c r="M28" s="195">
        <v>1124</v>
      </c>
      <c r="N28" s="191">
        <v>0</v>
      </c>
      <c r="O28" s="191">
        <v>0</v>
      </c>
      <c r="P28" s="196">
        <v>0</v>
      </c>
      <c r="Q28" s="193">
        <v>0</v>
      </c>
      <c r="R28" s="191">
        <v>0</v>
      </c>
      <c r="S28" s="191">
        <v>0</v>
      </c>
      <c r="T28" s="191">
        <v>0</v>
      </c>
      <c r="U28" s="191">
        <v>0</v>
      </c>
      <c r="V28" s="191">
        <v>0</v>
      </c>
      <c r="W28" s="196">
        <v>0</v>
      </c>
      <c r="X28" s="195">
        <v>0</v>
      </c>
    </row>
    <row r="29" spans="2:24" ht="21" customHeight="1" x14ac:dyDescent="0.2">
      <c r="B29" s="106" t="s">
        <v>27</v>
      </c>
      <c r="C29" s="191">
        <v>0</v>
      </c>
      <c r="D29" s="191">
        <v>0</v>
      </c>
      <c r="E29" s="196">
        <v>0</v>
      </c>
      <c r="F29" s="193">
        <v>0</v>
      </c>
      <c r="G29" s="191">
        <v>232</v>
      </c>
      <c r="H29" s="191">
        <v>115</v>
      </c>
      <c r="I29" s="191">
        <v>81</v>
      </c>
      <c r="J29" s="191">
        <v>27</v>
      </c>
      <c r="K29" s="191">
        <v>21</v>
      </c>
      <c r="L29" s="196">
        <v>476</v>
      </c>
      <c r="M29" s="195">
        <v>476</v>
      </c>
      <c r="N29" s="191">
        <v>0</v>
      </c>
      <c r="O29" s="191">
        <v>0</v>
      </c>
      <c r="P29" s="196">
        <v>0</v>
      </c>
      <c r="Q29" s="193">
        <v>0</v>
      </c>
      <c r="R29" s="191">
        <v>28</v>
      </c>
      <c r="S29" s="191">
        <v>14</v>
      </c>
      <c r="T29" s="191">
        <v>27</v>
      </c>
      <c r="U29" s="191">
        <v>20</v>
      </c>
      <c r="V29" s="191">
        <v>0</v>
      </c>
      <c r="W29" s="196">
        <v>89</v>
      </c>
      <c r="X29" s="195">
        <v>89</v>
      </c>
    </row>
    <row r="30" spans="2:24" ht="21" customHeight="1" x14ac:dyDescent="0.2">
      <c r="B30" s="106" t="s">
        <v>28</v>
      </c>
      <c r="C30" s="191">
        <v>0</v>
      </c>
      <c r="D30" s="191">
        <v>0</v>
      </c>
      <c r="E30" s="196">
        <v>0</v>
      </c>
      <c r="F30" s="193">
        <v>0</v>
      </c>
      <c r="G30" s="191">
        <v>206</v>
      </c>
      <c r="H30" s="191">
        <v>87</v>
      </c>
      <c r="I30" s="191">
        <v>47</v>
      </c>
      <c r="J30" s="191">
        <v>23</v>
      </c>
      <c r="K30" s="191">
        <v>7</v>
      </c>
      <c r="L30" s="196">
        <v>370</v>
      </c>
      <c r="M30" s="195">
        <v>370</v>
      </c>
      <c r="N30" s="191">
        <v>0</v>
      </c>
      <c r="O30" s="191">
        <v>0</v>
      </c>
      <c r="P30" s="196">
        <v>0</v>
      </c>
      <c r="Q30" s="193">
        <v>0</v>
      </c>
      <c r="R30" s="191">
        <v>33</v>
      </c>
      <c r="S30" s="191">
        <v>22</v>
      </c>
      <c r="T30" s="191">
        <v>10</v>
      </c>
      <c r="U30" s="191">
        <v>23</v>
      </c>
      <c r="V30" s="191">
        <v>0</v>
      </c>
      <c r="W30" s="196">
        <v>88</v>
      </c>
      <c r="X30" s="195">
        <v>88</v>
      </c>
    </row>
    <row r="31" spans="2:24" ht="21" customHeight="1" x14ac:dyDescent="0.2">
      <c r="B31" s="106" t="s">
        <v>29</v>
      </c>
      <c r="C31" s="191">
        <v>0</v>
      </c>
      <c r="D31" s="191">
        <v>0</v>
      </c>
      <c r="E31" s="196">
        <v>0</v>
      </c>
      <c r="F31" s="193">
        <v>0</v>
      </c>
      <c r="G31" s="191">
        <v>85</v>
      </c>
      <c r="H31" s="191">
        <v>139</v>
      </c>
      <c r="I31" s="191">
        <v>106</v>
      </c>
      <c r="J31" s="191">
        <v>33</v>
      </c>
      <c r="K31" s="191">
        <v>0</v>
      </c>
      <c r="L31" s="196">
        <v>363</v>
      </c>
      <c r="M31" s="195">
        <v>363</v>
      </c>
      <c r="N31" s="191">
        <v>0</v>
      </c>
      <c r="O31" s="191">
        <v>0</v>
      </c>
      <c r="P31" s="196">
        <v>0</v>
      </c>
      <c r="Q31" s="193">
        <v>0</v>
      </c>
      <c r="R31" s="191">
        <v>19</v>
      </c>
      <c r="S31" s="191">
        <v>9</v>
      </c>
      <c r="T31" s="191">
        <v>0</v>
      </c>
      <c r="U31" s="191">
        <v>0</v>
      </c>
      <c r="V31" s="191">
        <v>0</v>
      </c>
      <c r="W31" s="196">
        <v>28</v>
      </c>
      <c r="X31" s="195">
        <v>28</v>
      </c>
    </row>
    <row r="32" spans="2:24" ht="21" customHeight="1" x14ac:dyDescent="0.2">
      <c r="B32" s="106" t="s">
        <v>30</v>
      </c>
      <c r="C32" s="191">
        <v>0</v>
      </c>
      <c r="D32" s="191">
        <v>0</v>
      </c>
      <c r="E32" s="196">
        <v>0</v>
      </c>
      <c r="F32" s="193">
        <v>0</v>
      </c>
      <c r="G32" s="191">
        <v>166</v>
      </c>
      <c r="H32" s="191">
        <v>130</v>
      </c>
      <c r="I32" s="191">
        <v>63</v>
      </c>
      <c r="J32" s="191">
        <v>28</v>
      </c>
      <c r="K32" s="191">
        <v>7</v>
      </c>
      <c r="L32" s="196">
        <v>394</v>
      </c>
      <c r="M32" s="195">
        <v>394</v>
      </c>
      <c r="N32" s="191">
        <v>0</v>
      </c>
      <c r="O32" s="191">
        <v>0</v>
      </c>
      <c r="P32" s="196">
        <v>0</v>
      </c>
      <c r="Q32" s="193">
        <v>0</v>
      </c>
      <c r="R32" s="191">
        <v>8</v>
      </c>
      <c r="S32" s="191">
        <v>5</v>
      </c>
      <c r="T32" s="191">
        <v>0</v>
      </c>
      <c r="U32" s="191">
        <v>0</v>
      </c>
      <c r="V32" s="191">
        <v>0</v>
      </c>
      <c r="W32" s="196">
        <v>13</v>
      </c>
      <c r="X32" s="195">
        <v>13</v>
      </c>
    </row>
    <row r="33" spans="2:24" ht="21" customHeight="1" x14ac:dyDescent="0.2">
      <c r="B33" s="106" t="s">
        <v>31</v>
      </c>
      <c r="C33" s="191">
        <v>0</v>
      </c>
      <c r="D33" s="191">
        <v>0</v>
      </c>
      <c r="E33" s="196">
        <v>0</v>
      </c>
      <c r="F33" s="193">
        <v>0</v>
      </c>
      <c r="G33" s="191">
        <v>143</v>
      </c>
      <c r="H33" s="191">
        <v>111</v>
      </c>
      <c r="I33" s="191">
        <v>95</v>
      </c>
      <c r="J33" s="191">
        <v>2</v>
      </c>
      <c r="K33" s="191">
        <v>0</v>
      </c>
      <c r="L33" s="196">
        <v>351</v>
      </c>
      <c r="M33" s="195">
        <v>351</v>
      </c>
      <c r="N33" s="191">
        <v>0</v>
      </c>
      <c r="O33" s="191">
        <v>0</v>
      </c>
      <c r="P33" s="196">
        <v>0</v>
      </c>
      <c r="Q33" s="193">
        <v>0</v>
      </c>
      <c r="R33" s="191">
        <v>0</v>
      </c>
      <c r="S33" s="191">
        <v>13</v>
      </c>
      <c r="T33" s="191">
        <v>9</v>
      </c>
      <c r="U33" s="191">
        <v>17</v>
      </c>
      <c r="V33" s="191">
        <v>0</v>
      </c>
      <c r="W33" s="196">
        <v>39</v>
      </c>
      <c r="X33" s="195">
        <v>39</v>
      </c>
    </row>
    <row r="34" spans="2:24" ht="21" customHeight="1" x14ac:dyDescent="0.2">
      <c r="B34" s="106" t="s">
        <v>32</v>
      </c>
      <c r="C34" s="191">
        <v>0</v>
      </c>
      <c r="D34" s="191">
        <v>0</v>
      </c>
      <c r="E34" s="196">
        <v>0</v>
      </c>
      <c r="F34" s="193">
        <v>0</v>
      </c>
      <c r="G34" s="191">
        <v>402</v>
      </c>
      <c r="H34" s="191">
        <v>307</v>
      </c>
      <c r="I34" s="191">
        <v>86</v>
      </c>
      <c r="J34" s="191">
        <v>37</v>
      </c>
      <c r="K34" s="191">
        <v>12</v>
      </c>
      <c r="L34" s="196">
        <v>844</v>
      </c>
      <c r="M34" s="195">
        <v>844</v>
      </c>
      <c r="N34" s="191">
        <v>0</v>
      </c>
      <c r="O34" s="191">
        <v>0</v>
      </c>
      <c r="P34" s="196">
        <v>0</v>
      </c>
      <c r="Q34" s="193">
        <v>0</v>
      </c>
      <c r="R34" s="191">
        <v>51</v>
      </c>
      <c r="S34" s="191">
        <v>9</v>
      </c>
      <c r="T34" s="191">
        <v>68</v>
      </c>
      <c r="U34" s="191">
        <v>0</v>
      </c>
      <c r="V34" s="191">
        <v>12</v>
      </c>
      <c r="W34" s="196">
        <v>140</v>
      </c>
      <c r="X34" s="195">
        <v>140</v>
      </c>
    </row>
    <row r="35" spans="2:24" ht="21" customHeight="1" x14ac:dyDescent="0.2">
      <c r="B35" s="106" t="s">
        <v>33</v>
      </c>
      <c r="C35" s="191">
        <v>0</v>
      </c>
      <c r="D35" s="191">
        <v>0</v>
      </c>
      <c r="E35" s="196">
        <v>0</v>
      </c>
      <c r="F35" s="193">
        <v>0</v>
      </c>
      <c r="G35" s="191">
        <v>191</v>
      </c>
      <c r="H35" s="191">
        <v>121</v>
      </c>
      <c r="I35" s="191">
        <v>24</v>
      </c>
      <c r="J35" s="191">
        <v>28</v>
      </c>
      <c r="K35" s="191">
        <v>14</v>
      </c>
      <c r="L35" s="196">
        <v>378</v>
      </c>
      <c r="M35" s="195">
        <v>378</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59</v>
      </c>
      <c r="H36" s="191">
        <v>-2</v>
      </c>
      <c r="I36" s="191">
        <v>24</v>
      </c>
      <c r="J36" s="191">
        <v>9</v>
      </c>
      <c r="K36" s="191">
        <v>0</v>
      </c>
      <c r="L36" s="196">
        <v>90</v>
      </c>
      <c r="M36" s="195">
        <v>90</v>
      </c>
      <c r="N36" s="191">
        <v>0</v>
      </c>
      <c r="O36" s="191">
        <v>0</v>
      </c>
      <c r="P36" s="196">
        <v>0</v>
      </c>
      <c r="Q36" s="193">
        <v>0</v>
      </c>
      <c r="R36" s="191">
        <v>0</v>
      </c>
      <c r="S36" s="191">
        <v>0</v>
      </c>
      <c r="T36" s="191">
        <v>0</v>
      </c>
      <c r="U36" s="191">
        <v>0</v>
      </c>
      <c r="V36" s="191">
        <v>10</v>
      </c>
      <c r="W36" s="196">
        <v>10</v>
      </c>
      <c r="X36" s="195">
        <v>10</v>
      </c>
    </row>
    <row r="37" spans="2:24" ht="21" customHeight="1" x14ac:dyDescent="0.2">
      <c r="B37" s="106" t="s">
        <v>35</v>
      </c>
      <c r="C37" s="191">
        <v>0</v>
      </c>
      <c r="D37" s="191">
        <v>0</v>
      </c>
      <c r="E37" s="196">
        <v>0</v>
      </c>
      <c r="F37" s="193">
        <v>0</v>
      </c>
      <c r="G37" s="191">
        <v>193</v>
      </c>
      <c r="H37" s="191">
        <v>115</v>
      </c>
      <c r="I37" s="191">
        <v>117</v>
      </c>
      <c r="J37" s="191">
        <v>128</v>
      </c>
      <c r="K37" s="191">
        <v>29</v>
      </c>
      <c r="L37" s="196">
        <v>582</v>
      </c>
      <c r="M37" s="195">
        <v>582</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563</v>
      </c>
      <c r="H38" s="191">
        <v>339</v>
      </c>
      <c r="I38" s="191">
        <v>481</v>
      </c>
      <c r="J38" s="191">
        <v>211</v>
      </c>
      <c r="K38" s="191">
        <v>261</v>
      </c>
      <c r="L38" s="196">
        <v>1855</v>
      </c>
      <c r="M38" s="195">
        <v>1855</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110</v>
      </c>
      <c r="H39" s="198">
        <v>75</v>
      </c>
      <c r="I39" s="198">
        <v>78</v>
      </c>
      <c r="J39" s="198">
        <v>14</v>
      </c>
      <c r="K39" s="198">
        <v>6</v>
      </c>
      <c r="L39" s="203">
        <v>283</v>
      </c>
      <c r="M39" s="202">
        <v>283</v>
      </c>
      <c r="N39" s="198">
        <v>0</v>
      </c>
      <c r="O39" s="198">
        <v>0</v>
      </c>
      <c r="P39" s="203">
        <v>0</v>
      </c>
      <c r="Q39" s="200">
        <v>0</v>
      </c>
      <c r="R39" s="198">
        <v>4</v>
      </c>
      <c r="S39" s="198">
        <v>0</v>
      </c>
      <c r="T39" s="198">
        <v>0</v>
      </c>
      <c r="U39" s="198">
        <v>0</v>
      </c>
      <c r="V39" s="198">
        <v>0</v>
      </c>
      <c r="W39" s="203">
        <v>4</v>
      </c>
      <c r="X39" s="202">
        <v>4</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7.6640625" style="175" customWidth="1"/>
    <col min="18" max="16384" width="9" style="175"/>
  </cols>
  <sheetData>
    <row r="1" spans="2:24" ht="24" customHeight="1" x14ac:dyDescent="0.2">
      <c r="B1" s="142" t="s">
        <v>123</v>
      </c>
      <c r="H1" s="442">
        <f>第１表!F2</f>
        <v>6</v>
      </c>
      <c r="I1" s="442"/>
      <c r="J1" s="18">
        <f>第１表!G2</f>
        <v>10</v>
      </c>
      <c r="K1" s="446">
        <f>IF(J1&lt;3,J1+12-2,J1-2)</f>
        <v>8</v>
      </c>
      <c r="L1" s="446"/>
    </row>
    <row r="2" spans="2:24" ht="24" customHeight="1" thickBot="1" x14ac:dyDescent="0.25">
      <c r="B2" s="142" t="s">
        <v>132</v>
      </c>
    </row>
    <row r="3" spans="2:24" ht="21" customHeight="1" x14ac:dyDescent="0.2">
      <c r="B3" s="472"/>
      <c r="C3" s="473" t="s">
        <v>140</v>
      </c>
      <c r="D3" s="473"/>
      <c r="E3" s="473"/>
      <c r="F3" s="473"/>
      <c r="G3" s="473"/>
      <c r="H3" s="473"/>
      <c r="I3" s="473"/>
      <c r="J3" s="473"/>
      <c r="K3" s="473"/>
      <c r="L3" s="473"/>
      <c r="M3" s="497"/>
      <c r="N3" s="473" t="s">
        <v>112</v>
      </c>
      <c r="O3" s="473"/>
      <c r="P3" s="473"/>
      <c r="Q3" s="473"/>
      <c r="R3" s="473"/>
      <c r="S3" s="473"/>
      <c r="T3" s="473"/>
      <c r="U3" s="473"/>
      <c r="V3" s="473"/>
      <c r="W3" s="473"/>
      <c r="X3" s="497"/>
    </row>
    <row r="4" spans="2:24" ht="21" customHeight="1" x14ac:dyDescent="0.2">
      <c r="B4" s="495"/>
      <c r="C4" s="498" t="s">
        <v>61</v>
      </c>
      <c r="D4" s="498"/>
      <c r="E4" s="499"/>
      <c r="F4" s="500" t="s">
        <v>62</v>
      </c>
      <c r="G4" s="498"/>
      <c r="H4" s="498"/>
      <c r="I4" s="498"/>
      <c r="J4" s="498"/>
      <c r="K4" s="498"/>
      <c r="L4" s="501"/>
      <c r="M4" s="502" t="s">
        <v>52</v>
      </c>
      <c r="N4" s="498" t="s">
        <v>61</v>
      </c>
      <c r="O4" s="498"/>
      <c r="P4" s="499"/>
      <c r="Q4" s="500" t="s">
        <v>62</v>
      </c>
      <c r="R4" s="498"/>
      <c r="S4" s="498"/>
      <c r="T4" s="498"/>
      <c r="U4" s="498"/>
      <c r="V4" s="498"/>
      <c r="W4" s="501"/>
      <c r="X4" s="502" t="s">
        <v>52</v>
      </c>
    </row>
    <row r="5" spans="2:24" ht="30" customHeight="1" thickBot="1" x14ac:dyDescent="0.25">
      <c r="B5" s="496"/>
      <c r="C5" s="178" t="s">
        <v>43</v>
      </c>
      <c r="D5" s="178" t="s">
        <v>44</v>
      </c>
      <c r="E5" s="182" t="s">
        <v>45</v>
      </c>
      <c r="F5" s="180" t="s">
        <v>83</v>
      </c>
      <c r="G5" s="178" t="s">
        <v>47</v>
      </c>
      <c r="H5" s="178" t="s">
        <v>48</v>
      </c>
      <c r="I5" s="178" t="s">
        <v>49</v>
      </c>
      <c r="J5" s="178" t="s">
        <v>50</v>
      </c>
      <c r="K5" s="178" t="s">
        <v>51</v>
      </c>
      <c r="L5" s="182" t="s">
        <v>45</v>
      </c>
      <c r="M5" s="471"/>
      <c r="N5" s="178" t="s">
        <v>43</v>
      </c>
      <c r="O5" s="178" t="s">
        <v>44</v>
      </c>
      <c r="P5" s="182" t="s">
        <v>45</v>
      </c>
      <c r="Q5" s="180" t="s">
        <v>83</v>
      </c>
      <c r="R5" s="178" t="s">
        <v>47</v>
      </c>
      <c r="S5" s="178" t="s">
        <v>48</v>
      </c>
      <c r="T5" s="178" t="s">
        <v>49</v>
      </c>
      <c r="U5" s="178" t="s">
        <v>50</v>
      </c>
      <c r="V5" s="178" t="s">
        <v>51</v>
      </c>
      <c r="W5" s="182" t="s">
        <v>45</v>
      </c>
      <c r="X5" s="471"/>
    </row>
    <row r="6" spans="2:24" ht="21" customHeight="1" x14ac:dyDescent="0.2">
      <c r="B6" s="84" t="s">
        <v>4</v>
      </c>
      <c r="C6" s="184">
        <v>0</v>
      </c>
      <c r="D6" s="184">
        <v>0</v>
      </c>
      <c r="E6" s="189">
        <v>0</v>
      </c>
      <c r="F6" s="186">
        <v>0</v>
      </c>
      <c r="G6" s="184">
        <v>6507</v>
      </c>
      <c r="H6" s="184">
        <v>6586</v>
      </c>
      <c r="I6" s="184">
        <v>3203</v>
      </c>
      <c r="J6" s="184">
        <v>1522</v>
      </c>
      <c r="K6" s="184">
        <v>663</v>
      </c>
      <c r="L6" s="189">
        <v>18481</v>
      </c>
      <c r="M6" s="188">
        <v>18481</v>
      </c>
      <c r="N6" s="184">
        <v>0</v>
      </c>
      <c r="O6" s="184">
        <v>0</v>
      </c>
      <c r="P6" s="189">
        <v>0</v>
      </c>
      <c r="Q6" s="186">
        <v>0</v>
      </c>
      <c r="R6" s="184">
        <v>486</v>
      </c>
      <c r="S6" s="184">
        <v>653</v>
      </c>
      <c r="T6" s="184">
        <v>710</v>
      </c>
      <c r="U6" s="184">
        <v>405</v>
      </c>
      <c r="V6" s="184">
        <v>199</v>
      </c>
      <c r="W6" s="189">
        <v>2453</v>
      </c>
      <c r="X6" s="188">
        <v>2453</v>
      </c>
    </row>
    <row r="7" spans="2:24" ht="21" customHeight="1" x14ac:dyDescent="0.2">
      <c r="B7" s="95" t="s">
        <v>5</v>
      </c>
      <c r="C7" s="191">
        <v>0</v>
      </c>
      <c r="D7" s="191">
        <v>0</v>
      </c>
      <c r="E7" s="196">
        <v>0</v>
      </c>
      <c r="F7" s="193">
        <v>0</v>
      </c>
      <c r="G7" s="191">
        <v>2351</v>
      </c>
      <c r="H7" s="191">
        <v>3170</v>
      </c>
      <c r="I7" s="191">
        <v>1850</v>
      </c>
      <c r="J7" s="191">
        <v>737</v>
      </c>
      <c r="K7" s="191">
        <v>275</v>
      </c>
      <c r="L7" s="196">
        <v>8383</v>
      </c>
      <c r="M7" s="195">
        <v>8383</v>
      </c>
      <c r="N7" s="191">
        <v>0</v>
      </c>
      <c r="O7" s="191">
        <v>0</v>
      </c>
      <c r="P7" s="196">
        <v>0</v>
      </c>
      <c r="Q7" s="193">
        <v>0</v>
      </c>
      <c r="R7" s="191">
        <v>250</v>
      </c>
      <c r="S7" s="191">
        <v>405</v>
      </c>
      <c r="T7" s="191">
        <v>396</v>
      </c>
      <c r="U7" s="191">
        <v>253</v>
      </c>
      <c r="V7" s="191">
        <v>98</v>
      </c>
      <c r="W7" s="196">
        <v>1402</v>
      </c>
      <c r="X7" s="195">
        <v>1402</v>
      </c>
    </row>
    <row r="8" spans="2:24" ht="21" customHeight="1" x14ac:dyDescent="0.2">
      <c r="B8" s="106" t="s">
        <v>6</v>
      </c>
      <c r="C8" s="191">
        <v>0</v>
      </c>
      <c r="D8" s="191">
        <v>0</v>
      </c>
      <c r="E8" s="196">
        <v>0</v>
      </c>
      <c r="F8" s="193">
        <v>0</v>
      </c>
      <c r="G8" s="191">
        <v>774</v>
      </c>
      <c r="H8" s="191">
        <v>583</v>
      </c>
      <c r="I8" s="191">
        <v>223</v>
      </c>
      <c r="J8" s="191">
        <v>187</v>
      </c>
      <c r="K8" s="191">
        <v>142</v>
      </c>
      <c r="L8" s="196">
        <v>1909</v>
      </c>
      <c r="M8" s="195">
        <v>1909</v>
      </c>
      <c r="N8" s="191">
        <v>0</v>
      </c>
      <c r="O8" s="191">
        <v>0</v>
      </c>
      <c r="P8" s="196">
        <v>0</v>
      </c>
      <c r="Q8" s="193">
        <v>0</v>
      </c>
      <c r="R8" s="191">
        <v>66</v>
      </c>
      <c r="S8" s="191">
        <v>139</v>
      </c>
      <c r="T8" s="191">
        <v>110</v>
      </c>
      <c r="U8" s="191">
        <v>63</v>
      </c>
      <c r="V8" s="191">
        <v>35</v>
      </c>
      <c r="W8" s="196">
        <v>413</v>
      </c>
      <c r="X8" s="195">
        <v>413</v>
      </c>
    </row>
    <row r="9" spans="2:24" ht="21" customHeight="1" x14ac:dyDescent="0.2">
      <c r="B9" s="106" t="s">
        <v>14</v>
      </c>
      <c r="C9" s="191">
        <v>0</v>
      </c>
      <c r="D9" s="191">
        <v>0</v>
      </c>
      <c r="E9" s="196">
        <v>0</v>
      </c>
      <c r="F9" s="193">
        <v>0</v>
      </c>
      <c r="G9" s="191">
        <v>588</v>
      </c>
      <c r="H9" s="191">
        <v>610</v>
      </c>
      <c r="I9" s="191">
        <v>366</v>
      </c>
      <c r="J9" s="191">
        <v>140</v>
      </c>
      <c r="K9" s="191">
        <v>29</v>
      </c>
      <c r="L9" s="196">
        <v>1733</v>
      </c>
      <c r="M9" s="195">
        <v>1733</v>
      </c>
      <c r="N9" s="191">
        <v>0</v>
      </c>
      <c r="O9" s="191">
        <v>0</v>
      </c>
      <c r="P9" s="196">
        <v>0</v>
      </c>
      <c r="Q9" s="193">
        <v>0</v>
      </c>
      <c r="R9" s="191">
        <v>31</v>
      </c>
      <c r="S9" s="191">
        <v>13</v>
      </c>
      <c r="T9" s="191">
        <v>0</v>
      </c>
      <c r="U9" s="191">
        <v>0</v>
      </c>
      <c r="V9" s="191">
        <v>0</v>
      </c>
      <c r="W9" s="196">
        <v>44</v>
      </c>
      <c r="X9" s="195">
        <v>44</v>
      </c>
    </row>
    <row r="10" spans="2:24" ht="21" customHeight="1" x14ac:dyDescent="0.2">
      <c r="B10" s="106" t="s">
        <v>7</v>
      </c>
      <c r="C10" s="191">
        <v>0</v>
      </c>
      <c r="D10" s="191">
        <v>0</v>
      </c>
      <c r="E10" s="196">
        <v>0</v>
      </c>
      <c r="F10" s="193">
        <v>0</v>
      </c>
      <c r="G10" s="191">
        <v>471</v>
      </c>
      <c r="H10" s="191">
        <v>481</v>
      </c>
      <c r="I10" s="191">
        <v>142</v>
      </c>
      <c r="J10" s="191">
        <v>47</v>
      </c>
      <c r="K10" s="191">
        <v>18</v>
      </c>
      <c r="L10" s="196">
        <v>1159</v>
      </c>
      <c r="M10" s="195">
        <v>1159</v>
      </c>
      <c r="N10" s="191">
        <v>0</v>
      </c>
      <c r="O10" s="191">
        <v>0</v>
      </c>
      <c r="P10" s="196">
        <v>0</v>
      </c>
      <c r="Q10" s="193">
        <v>0</v>
      </c>
      <c r="R10" s="191">
        <v>71</v>
      </c>
      <c r="S10" s="191">
        <v>60</v>
      </c>
      <c r="T10" s="191">
        <v>54</v>
      </c>
      <c r="U10" s="191">
        <v>31</v>
      </c>
      <c r="V10" s="191">
        <v>22</v>
      </c>
      <c r="W10" s="196">
        <v>238</v>
      </c>
      <c r="X10" s="195">
        <v>238</v>
      </c>
    </row>
    <row r="11" spans="2:24" ht="21" customHeight="1" x14ac:dyDescent="0.2">
      <c r="B11" s="106" t="s">
        <v>8</v>
      </c>
      <c r="C11" s="191">
        <v>0</v>
      </c>
      <c r="D11" s="191">
        <v>0</v>
      </c>
      <c r="E11" s="196">
        <v>0</v>
      </c>
      <c r="F11" s="193">
        <v>0</v>
      </c>
      <c r="G11" s="191">
        <v>199</v>
      </c>
      <c r="H11" s="191">
        <v>342</v>
      </c>
      <c r="I11" s="191">
        <v>41</v>
      </c>
      <c r="J11" s="191">
        <v>49</v>
      </c>
      <c r="K11" s="191">
        <v>10</v>
      </c>
      <c r="L11" s="196">
        <v>641</v>
      </c>
      <c r="M11" s="195">
        <v>641</v>
      </c>
      <c r="N11" s="191">
        <v>0</v>
      </c>
      <c r="O11" s="191">
        <v>0</v>
      </c>
      <c r="P11" s="196">
        <v>0</v>
      </c>
      <c r="Q11" s="193">
        <v>0</v>
      </c>
      <c r="R11" s="191">
        <v>0</v>
      </c>
      <c r="S11" s="191">
        <v>0</v>
      </c>
      <c r="T11" s="191">
        <v>0</v>
      </c>
      <c r="U11" s="191">
        <v>0</v>
      </c>
      <c r="V11" s="191">
        <v>0</v>
      </c>
      <c r="W11" s="196">
        <v>0</v>
      </c>
      <c r="X11" s="195">
        <v>0</v>
      </c>
    </row>
    <row r="12" spans="2:24" ht="21" customHeight="1" x14ac:dyDescent="0.2">
      <c r="B12" s="106" t="s">
        <v>9</v>
      </c>
      <c r="C12" s="191">
        <v>0</v>
      </c>
      <c r="D12" s="191">
        <v>0</v>
      </c>
      <c r="E12" s="196">
        <v>0</v>
      </c>
      <c r="F12" s="193">
        <v>0</v>
      </c>
      <c r="G12" s="191">
        <v>282</v>
      </c>
      <c r="H12" s="191">
        <v>177</v>
      </c>
      <c r="I12" s="191">
        <v>130</v>
      </c>
      <c r="J12" s="191">
        <v>56</v>
      </c>
      <c r="K12" s="191">
        <v>54</v>
      </c>
      <c r="L12" s="196">
        <v>699</v>
      </c>
      <c r="M12" s="195">
        <v>699</v>
      </c>
      <c r="N12" s="191">
        <v>0</v>
      </c>
      <c r="O12" s="191">
        <v>0</v>
      </c>
      <c r="P12" s="196">
        <v>0</v>
      </c>
      <c r="Q12" s="193">
        <v>0</v>
      </c>
      <c r="R12" s="191">
        <v>0</v>
      </c>
      <c r="S12" s="191">
        <v>0</v>
      </c>
      <c r="T12" s="191">
        <v>0</v>
      </c>
      <c r="U12" s="191">
        <v>0</v>
      </c>
      <c r="V12" s="191">
        <v>11</v>
      </c>
      <c r="W12" s="196">
        <v>11</v>
      </c>
      <c r="X12" s="195">
        <v>11</v>
      </c>
    </row>
    <row r="13" spans="2:24" ht="21" customHeight="1" x14ac:dyDescent="0.2">
      <c r="B13" s="106" t="s">
        <v>10</v>
      </c>
      <c r="C13" s="191">
        <v>0</v>
      </c>
      <c r="D13" s="191">
        <v>0</v>
      </c>
      <c r="E13" s="196">
        <v>0</v>
      </c>
      <c r="F13" s="193">
        <v>0</v>
      </c>
      <c r="G13" s="191">
        <v>307</v>
      </c>
      <c r="H13" s="191">
        <v>121</v>
      </c>
      <c r="I13" s="191">
        <v>42</v>
      </c>
      <c r="J13" s="191">
        <v>53</v>
      </c>
      <c r="K13" s="191">
        <v>28</v>
      </c>
      <c r="L13" s="196">
        <v>551</v>
      </c>
      <c r="M13" s="195">
        <v>551</v>
      </c>
      <c r="N13" s="191">
        <v>0</v>
      </c>
      <c r="O13" s="191">
        <v>0</v>
      </c>
      <c r="P13" s="196">
        <v>0</v>
      </c>
      <c r="Q13" s="193">
        <v>0</v>
      </c>
      <c r="R13" s="191">
        <v>34</v>
      </c>
      <c r="S13" s="191">
        <v>6</v>
      </c>
      <c r="T13" s="191">
        <v>9</v>
      </c>
      <c r="U13" s="191">
        <v>0</v>
      </c>
      <c r="V13" s="191">
        <v>0</v>
      </c>
      <c r="W13" s="196">
        <v>49</v>
      </c>
      <c r="X13" s="195">
        <v>49</v>
      </c>
    </row>
    <row r="14" spans="2:24" ht="21" customHeight="1" x14ac:dyDescent="0.2">
      <c r="B14" s="106" t="s">
        <v>11</v>
      </c>
      <c r="C14" s="191">
        <v>0</v>
      </c>
      <c r="D14" s="191">
        <v>0</v>
      </c>
      <c r="E14" s="196">
        <v>0</v>
      </c>
      <c r="F14" s="193">
        <v>0</v>
      </c>
      <c r="G14" s="191">
        <v>165</v>
      </c>
      <c r="H14" s="191">
        <v>40</v>
      </c>
      <c r="I14" s="191">
        <v>36</v>
      </c>
      <c r="J14" s="191">
        <v>16</v>
      </c>
      <c r="K14" s="191">
        <v>14</v>
      </c>
      <c r="L14" s="196">
        <v>271</v>
      </c>
      <c r="M14" s="195">
        <v>271</v>
      </c>
      <c r="N14" s="191">
        <v>0</v>
      </c>
      <c r="O14" s="191">
        <v>0</v>
      </c>
      <c r="P14" s="196">
        <v>0</v>
      </c>
      <c r="Q14" s="193">
        <v>0</v>
      </c>
      <c r="R14" s="191">
        <v>17</v>
      </c>
      <c r="S14" s="191">
        <v>3</v>
      </c>
      <c r="T14" s="191">
        <v>18</v>
      </c>
      <c r="U14" s="191">
        <v>0</v>
      </c>
      <c r="V14" s="191">
        <v>0</v>
      </c>
      <c r="W14" s="196">
        <v>38</v>
      </c>
      <c r="X14" s="195">
        <v>38</v>
      </c>
    </row>
    <row r="15" spans="2:24" ht="21" customHeight="1" x14ac:dyDescent="0.2">
      <c r="B15" s="106" t="s">
        <v>12</v>
      </c>
      <c r="C15" s="191">
        <v>0</v>
      </c>
      <c r="D15" s="191">
        <v>0</v>
      </c>
      <c r="E15" s="196">
        <v>0</v>
      </c>
      <c r="F15" s="193">
        <v>0</v>
      </c>
      <c r="G15" s="191">
        <v>168</v>
      </c>
      <c r="H15" s="191">
        <v>230</v>
      </c>
      <c r="I15" s="191">
        <v>35</v>
      </c>
      <c r="J15" s="191">
        <v>61</v>
      </c>
      <c r="K15" s="191">
        <v>19</v>
      </c>
      <c r="L15" s="196">
        <v>513</v>
      </c>
      <c r="M15" s="195">
        <v>513</v>
      </c>
      <c r="N15" s="191">
        <v>0</v>
      </c>
      <c r="O15" s="191">
        <v>0</v>
      </c>
      <c r="P15" s="196">
        <v>0</v>
      </c>
      <c r="Q15" s="193">
        <v>0</v>
      </c>
      <c r="R15" s="191">
        <v>0</v>
      </c>
      <c r="S15" s="191">
        <v>0</v>
      </c>
      <c r="T15" s="191">
        <v>0</v>
      </c>
      <c r="U15" s="191">
        <v>0</v>
      </c>
      <c r="V15" s="191">
        <v>0</v>
      </c>
      <c r="W15" s="196">
        <v>0</v>
      </c>
      <c r="X15" s="195">
        <v>0</v>
      </c>
    </row>
    <row r="16" spans="2:24" ht="21" customHeight="1" x14ac:dyDescent="0.2">
      <c r="B16" s="106" t="s">
        <v>13</v>
      </c>
      <c r="C16" s="191">
        <v>0</v>
      </c>
      <c r="D16" s="191">
        <v>0</v>
      </c>
      <c r="E16" s="196">
        <v>0</v>
      </c>
      <c r="F16" s="193">
        <v>0</v>
      </c>
      <c r="G16" s="191">
        <v>100</v>
      </c>
      <c r="H16" s="191">
        <v>113</v>
      </c>
      <c r="I16" s="191">
        <v>16</v>
      </c>
      <c r="J16" s="191">
        <v>19</v>
      </c>
      <c r="K16" s="191">
        <v>0</v>
      </c>
      <c r="L16" s="196">
        <v>248</v>
      </c>
      <c r="M16" s="195">
        <v>248</v>
      </c>
      <c r="N16" s="191">
        <v>0</v>
      </c>
      <c r="O16" s="191">
        <v>0</v>
      </c>
      <c r="P16" s="196">
        <v>0</v>
      </c>
      <c r="Q16" s="193">
        <v>0</v>
      </c>
      <c r="R16" s="191">
        <v>0</v>
      </c>
      <c r="S16" s="191">
        <v>4</v>
      </c>
      <c r="T16" s="191">
        <v>9</v>
      </c>
      <c r="U16" s="191">
        <v>0</v>
      </c>
      <c r="V16" s="191">
        <v>12</v>
      </c>
      <c r="W16" s="196">
        <v>25</v>
      </c>
      <c r="X16" s="195">
        <v>25</v>
      </c>
    </row>
    <row r="17" spans="2:24" ht="21" customHeight="1" x14ac:dyDescent="0.2">
      <c r="B17" s="106" t="s">
        <v>15</v>
      </c>
      <c r="C17" s="191">
        <v>0</v>
      </c>
      <c r="D17" s="191">
        <v>0</v>
      </c>
      <c r="E17" s="196">
        <v>0</v>
      </c>
      <c r="F17" s="193">
        <v>0</v>
      </c>
      <c r="G17" s="191">
        <v>102</v>
      </c>
      <c r="H17" s="191">
        <v>57</v>
      </c>
      <c r="I17" s="191">
        <v>12</v>
      </c>
      <c r="J17" s="191">
        <v>23</v>
      </c>
      <c r="K17" s="191">
        <v>0</v>
      </c>
      <c r="L17" s="196">
        <v>194</v>
      </c>
      <c r="M17" s="195">
        <v>194</v>
      </c>
      <c r="N17" s="191">
        <v>0</v>
      </c>
      <c r="O17" s="191">
        <v>0</v>
      </c>
      <c r="P17" s="196">
        <v>0</v>
      </c>
      <c r="Q17" s="193">
        <v>0</v>
      </c>
      <c r="R17" s="191">
        <v>0</v>
      </c>
      <c r="S17" s="191">
        <v>0</v>
      </c>
      <c r="T17" s="191">
        <v>0</v>
      </c>
      <c r="U17" s="191">
        <v>9</v>
      </c>
      <c r="V17" s="191">
        <v>0</v>
      </c>
      <c r="W17" s="196">
        <v>9</v>
      </c>
      <c r="X17" s="195">
        <v>9</v>
      </c>
    </row>
    <row r="18" spans="2:24" ht="21" customHeight="1" x14ac:dyDescent="0.2">
      <c r="B18" s="106" t="s">
        <v>16</v>
      </c>
      <c r="C18" s="191">
        <v>0</v>
      </c>
      <c r="D18" s="191">
        <v>0</v>
      </c>
      <c r="E18" s="196">
        <v>0</v>
      </c>
      <c r="F18" s="193">
        <v>0</v>
      </c>
      <c r="G18" s="191">
        <v>71</v>
      </c>
      <c r="H18" s="191">
        <v>47</v>
      </c>
      <c r="I18" s="191">
        <v>61</v>
      </c>
      <c r="J18" s="191">
        <v>6</v>
      </c>
      <c r="K18" s="191">
        <v>0</v>
      </c>
      <c r="L18" s="196">
        <v>185</v>
      </c>
      <c r="M18" s="195">
        <v>185</v>
      </c>
      <c r="N18" s="191">
        <v>0</v>
      </c>
      <c r="O18" s="191">
        <v>0</v>
      </c>
      <c r="P18" s="196">
        <v>0</v>
      </c>
      <c r="Q18" s="193">
        <v>0</v>
      </c>
      <c r="R18" s="191">
        <v>0</v>
      </c>
      <c r="S18" s="191">
        <v>0</v>
      </c>
      <c r="T18" s="191">
        <v>16</v>
      </c>
      <c r="U18" s="191">
        <v>12</v>
      </c>
      <c r="V18" s="191">
        <v>0</v>
      </c>
      <c r="W18" s="196">
        <v>28</v>
      </c>
      <c r="X18" s="195">
        <v>28</v>
      </c>
    </row>
    <row r="19" spans="2:24" ht="21" customHeight="1" x14ac:dyDescent="0.2">
      <c r="B19" s="106" t="s">
        <v>17</v>
      </c>
      <c r="C19" s="191">
        <v>0</v>
      </c>
      <c r="D19" s="191">
        <v>0</v>
      </c>
      <c r="E19" s="196">
        <v>0</v>
      </c>
      <c r="F19" s="193">
        <v>0</v>
      </c>
      <c r="G19" s="191">
        <v>151</v>
      </c>
      <c r="H19" s="191">
        <v>212</v>
      </c>
      <c r="I19" s="191">
        <v>68</v>
      </c>
      <c r="J19" s="191">
        <v>55</v>
      </c>
      <c r="K19" s="191">
        <v>27</v>
      </c>
      <c r="L19" s="196">
        <v>513</v>
      </c>
      <c r="M19" s="195">
        <v>513</v>
      </c>
      <c r="N19" s="191">
        <v>0</v>
      </c>
      <c r="O19" s="191">
        <v>0</v>
      </c>
      <c r="P19" s="196">
        <v>0</v>
      </c>
      <c r="Q19" s="193">
        <v>0</v>
      </c>
      <c r="R19" s="191">
        <v>3</v>
      </c>
      <c r="S19" s="191">
        <v>7</v>
      </c>
      <c r="T19" s="191">
        <v>0</v>
      </c>
      <c r="U19" s="191">
        <v>0</v>
      </c>
      <c r="V19" s="191">
        <v>0</v>
      </c>
      <c r="W19" s="196">
        <v>10</v>
      </c>
      <c r="X19" s="195">
        <v>10</v>
      </c>
    </row>
    <row r="20" spans="2:24" ht="21" customHeight="1" x14ac:dyDescent="0.2">
      <c r="B20" s="106" t="s">
        <v>18</v>
      </c>
      <c r="C20" s="191">
        <v>0</v>
      </c>
      <c r="D20" s="191">
        <v>0</v>
      </c>
      <c r="E20" s="196">
        <v>0</v>
      </c>
      <c r="F20" s="193">
        <v>0</v>
      </c>
      <c r="G20" s="191">
        <v>141</v>
      </c>
      <c r="H20" s="191">
        <v>89</v>
      </c>
      <c r="I20" s="191">
        <v>31</v>
      </c>
      <c r="J20" s="191">
        <v>0</v>
      </c>
      <c r="K20" s="191">
        <v>4</v>
      </c>
      <c r="L20" s="196">
        <v>265</v>
      </c>
      <c r="M20" s="195">
        <v>265</v>
      </c>
      <c r="N20" s="191">
        <v>0</v>
      </c>
      <c r="O20" s="191">
        <v>0</v>
      </c>
      <c r="P20" s="196">
        <v>0</v>
      </c>
      <c r="Q20" s="193">
        <v>0</v>
      </c>
      <c r="R20" s="191">
        <v>0</v>
      </c>
      <c r="S20" s="191">
        <v>0</v>
      </c>
      <c r="T20" s="191">
        <v>56</v>
      </c>
      <c r="U20" s="191">
        <v>0</v>
      </c>
      <c r="V20" s="191">
        <v>16</v>
      </c>
      <c r="W20" s="196">
        <v>72</v>
      </c>
      <c r="X20" s="195">
        <v>72</v>
      </c>
    </row>
    <row r="21" spans="2:24" ht="21" customHeight="1" x14ac:dyDescent="0.2">
      <c r="B21" s="106" t="s">
        <v>19</v>
      </c>
      <c r="C21" s="191">
        <v>0</v>
      </c>
      <c r="D21" s="191">
        <v>0</v>
      </c>
      <c r="E21" s="196">
        <v>0</v>
      </c>
      <c r="F21" s="193">
        <v>0</v>
      </c>
      <c r="G21" s="191">
        <v>58</v>
      </c>
      <c r="H21" s="191">
        <v>22</v>
      </c>
      <c r="I21" s="191">
        <v>0</v>
      </c>
      <c r="J21" s="191">
        <v>0</v>
      </c>
      <c r="K21" s="191">
        <v>0</v>
      </c>
      <c r="L21" s="196">
        <v>80</v>
      </c>
      <c r="M21" s="195">
        <v>80</v>
      </c>
      <c r="N21" s="191">
        <v>0</v>
      </c>
      <c r="O21" s="191">
        <v>0</v>
      </c>
      <c r="P21" s="196">
        <v>0</v>
      </c>
      <c r="Q21" s="193">
        <v>0</v>
      </c>
      <c r="R21" s="191">
        <v>14</v>
      </c>
      <c r="S21" s="191">
        <v>16</v>
      </c>
      <c r="T21" s="191">
        <v>0</v>
      </c>
      <c r="U21" s="191">
        <v>0</v>
      </c>
      <c r="V21" s="191">
        <v>0</v>
      </c>
      <c r="W21" s="196">
        <v>30</v>
      </c>
      <c r="X21" s="195">
        <v>30</v>
      </c>
    </row>
    <row r="22" spans="2:24" ht="21" customHeight="1" x14ac:dyDescent="0.2">
      <c r="B22" s="106" t="s">
        <v>20</v>
      </c>
      <c r="C22" s="191">
        <v>0</v>
      </c>
      <c r="D22" s="191">
        <v>0</v>
      </c>
      <c r="E22" s="196">
        <v>0</v>
      </c>
      <c r="F22" s="193">
        <v>0</v>
      </c>
      <c r="G22" s="191">
        <v>153</v>
      </c>
      <c r="H22" s="191">
        <v>114</v>
      </c>
      <c r="I22" s="191">
        <v>39</v>
      </c>
      <c r="J22" s="191">
        <v>12</v>
      </c>
      <c r="K22" s="191">
        <v>0</v>
      </c>
      <c r="L22" s="196">
        <v>318</v>
      </c>
      <c r="M22" s="195">
        <v>318</v>
      </c>
      <c r="N22" s="191">
        <v>0</v>
      </c>
      <c r="O22" s="191">
        <v>0</v>
      </c>
      <c r="P22" s="196">
        <v>0</v>
      </c>
      <c r="Q22" s="193">
        <v>0</v>
      </c>
      <c r="R22" s="191">
        <v>0</v>
      </c>
      <c r="S22" s="191">
        <v>0</v>
      </c>
      <c r="T22" s="191">
        <v>0</v>
      </c>
      <c r="U22" s="191">
        <v>0</v>
      </c>
      <c r="V22" s="191">
        <v>0</v>
      </c>
      <c r="W22" s="196">
        <v>0</v>
      </c>
      <c r="X22" s="195">
        <v>0</v>
      </c>
    </row>
    <row r="23" spans="2:24" ht="21" customHeight="1" x14ac:dyDescent="0.2">
      <c r="B23" s="106" t="s">
        <v>21</v>
      </c>
      <c r="C23" s="191">
        <v>0</v>
      </c>
      <c r="D23" s="191">
        <v>0</v>
      </c>
      <c r="E23" s="196">
        <v>0</v>
      </c>
      <c r="F23" s="193">
        <v>0</v>
      </c>
      <c r="G23" s="191">
        <v>118</v>
      </c>
      <c r="H23" s="191">
        <v>54</v>
      </c>
      <c r="I23" s="191">
        <v>35</v>
      </c>
      <c r="J23" s="191">
        <v>41</v>
      </c>
      <c r="K23" s="191">
        <v>0</v>
      </c>
      <c r="L23" s="196">
        <v>248</v>
      </c>
      <c r="M23" s="195">
        <v>248</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64</v>
      </c>
      <c r="H24" s="191">
        <v>22</v>
      </c>
      <c r="I24" s="191">
        <v>5</v>
      </c>
      <c r="J24" s="191">
        <v>14</v>
      </c>
      <c r="K24" s="191">
        <v>36</v>
      </c>
      <c r="L24" s="196">
        <v>141</v>
      </c>
      <c r="M24" s="195">
        <v>141</v>
      </c>
      <c r="N24" s="191">
        <v>0</v>
      </c>
      <c r="O24" s="191">
        <v>0</v>
      </c>
      <c r="P24" s="196">
        <v>0</v>
      </c>
      <c r="Q24" s="193">
        <v>0</v>
      </c>
      <c r="R24" s="191">
        <v>0</v>
      </c>
      <c r="S24" s="191">
        <v>0</v>
      </c>
      <c r="T24" s="191">
        <v>26</v>
      </c>
      <c r="U24" s="191">
        <v>0</v>
      </c>
      <c r="V24" s="191">
        <v>0</v>
      </c>
      <c r="W24" s="196">
        <v>26</v>
      </c>
      <c r="X24" s="195">
        <v>26</v>
      </c>
    </row>
    <row r="25" spans="2:24" ht="21" customHeight="1" x14ac:dyDescent="0.2">
      <c r="B25" s="106" t="s">
        <v>23</v>
      </c>
      <c r="C25" s="191">
        <v>0</v>
      </c>
      <c r="D25" s="191">
        <v>0</v>
      </c>
      <c r="E25" s="196">
        <v>0</v>
      </c>
      <c r="F25" s="193">
        <v>0</v>
      </c>
      <c r="G25" s="191">
        <v>36</v>
      </c>
      <c r="H25" s="191">
        <v>8</v>
      </c>
      <c r="I25" s="191">
        <v>0</v>
      </c>
      <c r="J25" s="191">
        <v>0</v>
      </c>
      <c r="K25" s="191">
        <v>0</v>
      </c>
      <c r="L25" s="196">
        <v>44</v>
      </c>
      <c r="M25" s="195">
        <v>44</v>
      </c>
      <c r="N25" s="191">
        <v>0</v>
      </c>
      <c r="O25" s="191">
        <v>0</v>
      </c>
      <c r="P25" s="196">
        <v>0</v>
      </c>
      <c r="Q25" s="193">
        <v>0</v>
      </c>
      <c r="R25" s="191">
        <v>0</v>
      </c>
      <c r="S25" s="191">
        <v>0</v>
      </c>
      <c r="T25" s="191">
        <v>0</v>
      </c>
      <c r="U25" s="191">
        <v>0</v>
      </c>
      <c r="V25" s="191">
        <v>0</v>
      </c>
      <c r="W25" s="196">
        <v>0</v>
      </c>
      <c r="X25" s="195">
        <v>0</v>
      </c>
    </row>
    <row r="26" spans="2:24" ht="21" customHeight="1" x14ac:dyDescent="0.2">
      <c r="B26" s="106" t="s">
        <v>24</v>
      </c>
      <c r="C26" s="191">
        <v>0</v>
      </c>
      <c r="D26" s="191">
        <v>0</v>
      </c>
      <c r="E26" s="196">
        <v>0</v>
      </c>
      <c r="F26" s="193">
        <v>0</v>
      </c>
      <c r="G26" s="191">
        <v>26</v>
      </c>
      <c r="H26" s="191">
        <v>3</v>
      </c>
      <c r="I26" s="191">
        <v>17</v>
      </c>
      <c r="J26" s="191">
        <v>0</v>
      </c>
      <c r="K26" s="191">
        <v>2</v>
      </c>
      <c r="L26" s="196">
        <v>48</v>
      </c>
      <c r="M26" s="195">
        <v>48</v>
      </c>
      <c r="N26" s="191">
        <v>0</v>
      </c>
      <c r="O26" s="191">
        <v>0</v>
      </c>
      <c r="P26" s="196">
        <v>0</v>
      </c>
      <c r="Q26" s="193">
        <v>0</v>
      </c>
      <c r="R26" s="191">
        <v>0</v>
      </c>
      <c r="S26" s="191">
        <v>0</v>
      </c>
      <c r="T26" s="191">
        <v>12</v>
      </c>
      <c r="U26" s="191">
        <v>0</v>
      </c>
      <c r="V26" s="191">
        <v>5</v>
      </c>
      <c r="W26" s="196">
        <v>17</v>
      </c>
      <c r="X26" s="195">
        <v>17</v>
      </c>
    </row>
    <row r="27" spans="2:24" ht="21" customHeight="1" x14ac:dyDescent="0.2">
      <c r="B27" s="106" t="s">
        <v>25</v>
      </c>
      <c r="C27" s="191">
        <v>0</v>
      </c>
      <c r="D27" s="191">
        <v>0</v>
      </c>
      <c r="E27" s="196">
        <v>0</v>
      </c>
      <c r="F27" s="193">
        <v>0</v>
      </c>
      <c r="G27" s="191">
        <v>16</v>
      </c>
      <c r="H27" s="191">
        <v>20</v>
      </c>
      <c r="I27" s="191">
        <v>5</v>
      </c>
      <c r="J27" s="191">
        <v>6</v>
      </c>
      <c r="K27" s="191">
        <v>0</v>
      </c>
      <c r="L27" s="196">
        <v>47</v>
      </c>
      <c r="M27" s="195">
        <v>47</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36</v>
      </c>
      <c r="H28" s="191">
        <v>8</v>
      </c>
      <c r="I28" s="191">
        <v>42</v>
      </c>
      <c r="J28" s="191">
        <v>0</v>
      </c>
      <c r="K28" s="191">
        <v>0</v>
      </c>
      <c r="L28" s="196">
        <v>86</v>
      </c>
      <c r="M28" s="195">
        <v>86</v>
      </c>
      <c r="N28" s="191">
        <v>0</v>
      </c>
      <c r="O28" s="191">
        <v>0</v>
      </c>
      <c r="P28" s="196">
        <v>0</v>
      </c>
      <c r="Q28" s="193">
        <v>0</v>
      </c>
      <c r="R28" s="191">
        <v>0</v>
      </c>
      <c r="S28" s="191">
        <v>0</v>
      </c>
      <c r="T28" s="191">
        <v>0</v>
      </c>
      <c r="U28" s="191">
        <v>0</v>
      </c>
      <c r="V28" s="191">
        <v>0</v>
      </c>
      <c r="W28" s="196">
        <v>0</v>
      </c>
      <c r="X28" s="195">
        <v>0</v>
      </c>
    </row>
    <row r="29" spans="2:24" ht="21" customHeight="1" x14ac:dyDescent="0.2">
      <c r="B29" s="106" t="s">
        <v>27</v>
      </c>
      <c r="C29" s="191">
        <v>0</v>
      </c>
      <c r="D29" s="191">
        <v>0</v>
      </c>
      <c r="E29" s="196">
        <v>0</v>
      </c>
      <c r="F29" s="193">
        <v>0</v>
      </c>
      <c r="G29" s="191">
        <v>0</v>
      </c>
      <c r="H29" s="191">
        <v>5</v>
      </c>
      <c r="I29" s="191">
        <v>7</v>
      </c>
      <c r="J29" s="191">
        <v>0</v>
      </c>
      <c r="K29" s="191">
        <v>0</v>
      </c>
      <c r="L29" s="196">
        <v>12</v>
      </c>
      <c r="M29" s="195">
        <v>12</v>
      </c>
      <c r="N29" s="191">
        <v>0</v>
      </c>
      <c r="O29" s="191">
        <v>0</v>
      </c>
      <c r="P29" s="196">
        <v>0</v>
      </c>
      <c r="Q29" s="193">
        <v>0</v>
      </c>
      <c r="R29" s="191">
        <v>0</v>
      </c>
      <c r="S29" s="191">
        <v>0</v>
      </c>
      <c r="T29" s="191">
        <v>4</v>
      </c>
      <c r="U29" s="191">
        <v>20</v>
      </c>
      <c r="V29" s="191">
        <v>0</v>
      </c>
      <c r="W29" s="196">
        <v>24</v>
      </c>
      <c r="X29" s="195">
        <v>24</v>
      </c>
    </row>
    <row r="30" spans="2:24" ht="21" customHeight="1" x14ac:dyDescent="0.2">
      <c r="B30" s="106" t="s">
        <v>28</v>
      </c>
      <c r="C30" s="191">
        <v>0</v>
      </c>
      <c r="D30" s="191">
        <v>0</v>
      </c>
      <c r="E30" s="196">
        <v>0</v>
      </c>
      <c r="F30" s="193">
        <v>0</v>
      </c>
      <c r="G30" s="191">
        <v>32</v>
      </c>
      <c r="H30" s="191">
        <v>0</v>
      </c>
      <c r="I30" s="191">
        <v>0</v>
      </c>
      <c r="J30" s="191">
        <v>0</v>
      </c>
      <c r="K30" s="191">
        <v>0</v>
      </c>
      <c r="L30" s="196">
        <v>32</v>
      </c>
      <c r="M30" s="195">
        <v>32</v>
      </c>
      <c r="N30" s="191">
        <v>0</v>
      </c>
      <c r="O30" s="191">
        <v>0</v>
      </c>
      <c r="P30" s="196">
        <v>0</v>
      </c>
      <c r="Q30" s="193">
        <v>0</v>
      </c>
      <c r="R30" s="191">
        <v>0</v>
      </c>
      <c r="S30" s="191">
        <v>0</v>
      </c>
      <c r="T30" s="191">
        <v>0</v>
      </c>
      <c r="U30" s="191">
        <v>0</v>
      </c>
      <c r="V30" s="191">
        <v>0</v>
      </c>
      <c r="W30" s="196">
        <v>0</v>
      </c>
      <c r="X30" s="195">
        <v>0</v>
      </c>
    </row>
    <row r="31" spans="2:24" ht="21" customHeight="1" x14ac:dyDescent="0.2">
      <c r="B31" s="106" t="s">
        <v>29</v>
      </c>
      <c r="C31" s="191">
        <v>0</v>
      </c>
      <c r="D31" s="191">
        <v>0</v>
      </c>
      <c r="E31" s="196">
        <v>0</v>
      </c>
      <c r="F31" s="193">
        <v>0</v>
      </c>
      <c r="G31" s="191">
        <v>0</v>
      </c>
      <c r="H31" s="191">
        <v>14</v>
      </c>
      <c r="I31" s="191">
        <v>0</v>
      </c>
      <c r="J31" s="191">
        <v>0</v>
      </c>
      <c r="K31" s="191">
        <v>0</v>
      </c>
      <c r="L31" s="196">
        <v>14</v>
      </c>
      <c r="M31" s="195">
        <v>14</v>
      </c>
      <c r="N31" s="191">
        <v>0</v>
      </c>
      <c r="O31" s="191">
        <v>0</v>
      </c>
      <c r="P31" s="196">
        <v>0</v>
      </c>
      <c r="Q31" s="193">
        <v>0</v>
      </c>
      <c r="R31" s="191">
        <v>0</v>
      </c>
      <c r="S31" s="191">
        <v>0</v>
      </c>
      <c r="T31" s="191">
        <v>0</v>
      </c>
      <c r="U31" s="191">
        <v>0</v>
      </c>
      <c r="V31" s="191">
        <v>0</v>
      </c>
      <c r="W31" s="196">
        <v>0</v>
      </c>
      <c r="X31" s="195">
        <v>0</v>
      </c>
    </row>
    <row r="32" spans="2:24" ht="21" customHeight="1" x14ac:dyDescent="0.2">
      <c r="B32" s="106" t="s">
        <v>30</v>
      </c>
      <c r="C32" s="191">
        <v>0</v>
      </c>
      <c r="D32" s="191">
        <v>0</v>
      </c>
      <c r="E32" s="196">
        <v>0</v>
      </c>
      <c r="F32" s="193">
        <v>0</v>
      </c>
      <c r="G32" s="191">
        <v>6</v>
      </c>
      <c r="H32" s="191">
        <v>0</v>
      </c>
      <c r="I32" s="191">
        <v>0</v>
      </c>
      <c r="J32" s="191">
        <v>0</v>
      </c>
      <c r="K32" s="191">
        <v>0</v>
      </c>
      <c r="L32" s="196">
        <v>6</v>
      </c>
      <c r="M32" s="195">
        <v>6</v>
      </c>
      <c r="N32" s="191">
        <v>0</v>
      </c>
      <c r="O32" s="191">
        <v>0</v>
      </c>
      <c r="P32" s="196">
        <v>0</v>
      </c>
      <c r="Q32" s="193">
        <v>0</v>
      </c>
      <c r="R32" s="191">
        <v>0</v>
      </c>
      <c r="S32" s="191">
        <v>0</v>
      </c>
      <c r="T32" s="191">
        <v>0</v>
      </c>
      <c r="U32" s="191">
        <v>0</v>
      </c>
      <c r="V32" s="191">
        <v>0</v>
      </c>
      <c r="W32" s="196">
        <v>0</v>
      </c>
      <c r="X32" s="195">
        <v>0</v>
      </c>
    </row>
    <row r="33" spans="2:24" ht="21" customHeight="1" x14ac:dyDescent="0.2">
      <c r="B33" s="106" t="s">
        <v>31</v>
      </c>
      <c r="C33" s="191">
        <v>0</v>
      </c>
      <c r="D33" s="191">
        <v>0</v>
      </c>
      <c r="E33" s="196">
        <v>0</v>
      </c>
      <c r="F33" s="193">
        <v>0</v>
      </c>
      <c r="G33" s="191">
        <v>0</v>
      </c>
      <c r="H33" s="191">
        <v>4</v>
      </c>
      <c r="I33" s="191">
        <v>0</v>
      </c>
      <c r="J33" s="191">
        <v>0</v>
      </c>
      <c r="K33" s="191">
        <v>0</v>
      </c>
      <c r="L33" s="196">
        <v>4</v>
      </c>
      <c r="M33" s="195">
        <v>4</v>
      </c>
      <c r="N33" s="191">
        <v>0</v>
      </c>
      <c r="O33" s="191">
        <v>0</v>
      </c>
      <c r="P33" s="196">
        <v>0</v>
      </c>
      <c r="Q33" s="193">
        <v>0</v>
      </c>
      <c r="R33" s="191">
        <v>0</v>
      </c>
      <c r="S33" s="191">
        <v>0</v>
      </c>
      <c r="T33" s="191">
        <v>0</v>
      </c>
      <c r="U33" s="191">
        <v>17</v>
      </c>
      <c r="V33" s="191">
        <v>0</v>
      </c>
      <c r="W33" s="196">
        <v>17</v>
      </c>
      <c r="X33" s="195">
        <v>17</v>
      </c>
    </row>
    <row r="34" spans="2:24" ht="21" customHeight="1" x14ac:dyDescent="0.2">
      <c r="B34" s="106" t="s">
        <v>32</v>
      </c>
      <c r="C34" s="191">
        <v>0</v>
      </c>
      <c r="D34" s="191">
        <v>0</v>
      </c>
      <c r="E34" s="196">
        <v>0</v>
      </c>
      <c r="F34" s="193">
        <v>0</v>
      </c>
      <c r="G34" s="191">
        <v>34</v>
      </c>
      <c r="H34" s="191">
        <v>21</v>
      </c>
      <c r="I34" s="191">
        <v>0</v>
      </c>
      <c r="J34" s="191">
        <v>0</v>
      </c>
      <c r="K34" s="191">
        <v>5</v>
      </c>
      <c r="L34" s="196">
        <v>60</v>
      </c>
      <c r="M34" s="195">
        <v>60</v>
      </c>
      <c r="N34" s="191">
        <v>0</v>
      </c>
      <c r="O34" s="191">
        <v>0</v>
      </c>
      <c r="P34" s="196">
        <v>0</v>
      </c>
      <c r="Q34" s="193">
        <v>0</v>
      </c>
      <c r="R34" s="191">
        <v>0</v>
      </c>
      <c r="S34" s="191">
        <v>0</v>
      </c>
      <c r="T34" s="191">
        <v>0</v>
      </c>
      <c r="U34" s="191">
        <v>0</v>
      </c>
      <c r="V34" s="191">
        <v>0</v>
      </c>
      <c r="W34" s="196">
        <v>0</v>
      </c>
      <c r="X34" s="195">
        <v>0</v>
      </c>
    </row>
    <row r="35" spans="2:24" ht="21" customHeight="1" x14ac:dyDescent="0.2">
      <c r="B35" s="106" t="s">
        <v>33</v>
      </c>
      <c r="C35" s="191">
        <v>0</v>
      </c>
      <c r="D35" s="191">
        <v>0</v>
      </c>
      <c r="E35" s="196">
        <v>0</v>
      </c>
      <c r="F35" s="193">
        <v>0</v>
      </c>
      <c r="G35" s="191">
        <v>20</v>
      </c>
      <c r="H35" s="191">
        <v>0</v>
      </c>
      <c r="I35" s="191">
        <v>0</v>
      </c>
      <c r="J35" s="191">
        <v>0</v>
      </c>
      <c r="K35" s="191">
        <v>0</v>
      </c>
      <c r="L35" s="196">
        <v>20</v>
      </c>
      <c r="M35" s="195">
        <v>20</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15</v>
      </c>
      <c r="H36" s="191">
        <v>17</v>
      </c>
      <c r="I36" s="191">
        <v>0</v>
      </c>
      <c r="J36" s="191">
        <v>0</v>
      </c>
      <c r="K36" s="191">
        <v>0</v>
      </c>
      <c r="L36" s="196">
        <v>32</v>
      </c>
      <c r="M36" s="195">
        <v>32</v>
      </c>
      <c r="N36" s="191">
        <v>0</v>
      </c>
      <c r="O36" s="191">
        <v>0</v>
      </c>
      <c r="P36" s="196">
        <v>0</v>
      </c>
      <c r="Q36" s="193">
        <v>0</v>
      </c>
      <c r="R36" s="191">
        <v>0</v>
      </c>
      <c r="S36" s="191">
        <v>0</v>
      </c>
      <c r="T36" s="191">
        <v>0</v>
      </c>
      <c r="U36" s="191">
        <v>0</v>
      </c>
      <c r="V36" s="191">
        <v>0</v>
      </c>
      <c r="W36" s="196">
        <v>0</v>
      </c>
      <c r="X36" s="195">
        <v>0</v>
      </c>
    </row>
    <row r="37" spans="2:24" ht="21" customHeight="1" x14ac:dyDescent="0.2">
      <c r="B37" s="106" t="s">
        <v>35</v>
      </c>
      <c r="C37" s="191">
        <v>0</v>
      </c>
      <c r="D37" s="191">
        <v>0</v>
      </c>
      <c r="E37" s="196">
        <v>0</v>
      </c>
      <c r="F37" s="193">
        <v>0</v>
      </c>
      <c r="G37" s="191">
        <v>0</v>
      </c>
      <c r="H37" s="191">
        <v>0</v>
      </c>
      <c r="I37" s="191">
        <v>0</v>
      </c>
      <c r="J37" s="191">
        <v>0</v>
      </c>
      <c r="K37" s="191">
        <v>0</v>
      </c>
      <c r="L37" s="196">
        <v>0</v>
      </c>
      <c r="M37" s="195">
        <v>0</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23</v>
      </c>
      <c r="H38" s="191">
        <v>2</v>
      </c>
      <c r="I38" s="191">
        <v>0</v>
      </c>
      <c r="J38" s="191">
        <v>0</v>
      </c>
      <c r="K38" s="191">
        <v>0</v>
      </c>
      <c r="L38" s="196">
        <v>25</v>
      </c>
      <c r="M38" s="195">
        <v>25</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0</v>
      </c>
      <c r="H39" s="198">
        <v>0</v>
      </c>
      <c r="I39" s="198">
        <v>0</v>
      </c>
      <c r="J39" s="198">
        <v>0</v>
      </c>
      <c r="K39" s="198">
        <v>0</v>
      </c>
      <c r="L39" s="203">
        <v>0</v>
      </c>
      <c r="M39" s="202">
        <v>0</v>
      </c>
      <c r="N39" s="198">
        <v>0</v>
      </c>
      <c r="O39" s="198">
        <v>0</v>
      </c>
      <c r="P39" s="203">
        <v>0</v>
      </c>
      <c r="Q39" s="200">
        <v>0</v>
      </c>
      <c r="R39" s="198">
        <v>0</v>
      </c>
      <c r="S39" s="198">
        <v>0</v>
      </c>
      <c r="T39" s="198">
        <v>0</v>
      </c>
      <c r="U39" s="198">
        <v>0</v>
      </c>
      <c r="V39" s="198">
        <v>0</v>
      </c>
      <c r="W39" s="203">
        <v>0</v>
      </c>
      <c r="X39" s="202">
        <v>0</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7.6640625" style="175" customWidth="1"/>
    <col min="18" max="16384" width="9" style="175"/>
  </cols>
  <sheetData>
    <row r="1" spans="2:24" ht="24" customHeight="1" x14ac:dyDescent="0.2">
      <c r="B1" s="142" t="s">
        <v>123</v>
      </c>
      <c r="H1" s="442">
        <f>第１表!F2</f>
        <v>6</v>
      </c>
      <c r="I1" s="442"/>
      <c r="J1" s="18">
        <f>第１表!G2</f>
        <v>10</v>
      </c>
      <c r="K1" s="446">
        <f>IF(J1&lt;3,J1+12-2,J1-2)</f>
        <v>8</v>
      </c>
      <c r="L1" s="446"/>
    </row>
    <row r="2" spans="2:24" ht="24" customHeight="1" thickBot="1" x14ac:dyDescent="0.25">
      <c r="B2" s="142" t="s">
        <v>152</v>
      </c>
    </row>
    <row r="3" spans="2:24" ht="21" customHeight="1" x14ac:dyDescent="0.2">
      <c r="B3" s="472"/>
      <c r="C3" s="473" t="s">
        <v>139</v>
      </c>
      <c r="D3" s="473"/>
      <c r="E3" s="473"/>
      <c r="F3" s="473"/>
      <c r="G3" s="473"/>
      <c r="H3" s="473"/>
      <c r="I3" s="473"/>
      <c r="J3" s="473"/>
      <c r="K3" s="473"/>
      <c r="L3" s="473"/>
      <c r="M3" s="497"/>
      <c r="N3" s="473" t="s">
        <v>112</v>
      </c>
      <c r="O3" s="473"/>
      <c r="P3" s="473"/>
      <c r="Q3" s="473"/>
      <c r="R3" s="473"/>
      <c r="S3" s="473"/>
      <c r="T3" s="473"/>
      <c r="U3" s="473"/>
      <c r="V3" s="473"/>
      <c r="W3" s="473"/>
      <c r="X3" s="497"/>
    </row>
    <row r="4" spans="2:24" ht="21" customHeight="1" x14ac:dyDescent="0.2">
      <c r="B4" s="495"/>
      <c r="C4" s="498" t="s">
        <v>61</v>
      </c>
      <c r="D4" s="498"/>
      <c r="E4" s="499"/>
      <c r="F4" s="500" t="s">
        <v>62</v>
      </c>
      <c r="G4" s="498"/>
      <c r="H4" s="498"/>
      <c r="I4" s="498"/>
      <c r="J4" s="498"/>
      <c r="K4" s="498"/>
      <c r="L4" s="501"/>
      <c r="M4" s="502" t="s">
        <v>52</v>
      </c>
      <c r="N4" s="498" t="s">
        <v>61</v>
      </c>
      <c r="O4" s="498"/>
      <c r="P4" s="499"/>
      <c r="Q4" s="500" t="s">
        <v>62</v>
      </c>
      <c r="R4" s="498"/>
      <c r="S4" s="498"/>
      <c r="T4" s="498"/>
      <c r="U4" s="498"/>
      <c r="V4" s="498"/>
      <c r="W4" s="501"/>
      <c r="X4" s="502" t="s">
        <v>52</v>
      </c>
    </row>
    <row r="5" spans="2:24" ht="30" customHeight="1" thickBot="1" x14ac:dyDescent="0.25">
      <c r="B5" s="496"/>
      <c r="C5" s="178" t="s">
        <v>43</v>
      </c>
      <c r="D5" s="178" t="s">
        <v>44</v>
      </c>
      <c r="E5" s="182" t="s">
        <v>45</v>
      </c>
      <c r="F5" s="180" t="s">
        <v>83</v>
      </c>
      <c r="G5" s="178" t="s">
        <v>47</v>
      </c>
      <c r="H5" s="178" t="s">
        <v>48</v>
      </c>
      <c r="I5" s="178" t="s">
        <v>49</v>
      </c>
      <c r="J5" s="178" t="s">
        <v>50</v>
      </c>
      <c r="K5" s="178" t="s">
        <v>51</v>
      </c>
      <c r="L5" s="182" t="s">
        <v>45</v>
      </c>
      <c r="M5" s="471"/>
      <c r="N5" s="178" t="s">
        <v>43</v>
      </c>
      <c r="O5" s="178" t="s">
        <v>44</v>
      </c>
      <c r="P5" s="182" t="s">
        <v>45</v>
      </c>
      <c r="Q5" s="180" t="s">
        <v>83</v>
      </c>
      <c r="R5" s="178" t="s">
        <v>47</v>
      </c>
      <c r="S5" s="178" t="s">
        <v>48</v>
      </c>
      <c r="T5" s="178" t="s">
        <v>49</v>
      </c>
      <c r="U5" s="178" t="s">
        <v>50</v>
      </c>
      <c r="V5" s="178" t="s">
        <v>51</v>
      </c>
      <c r="W5" s="182" t="s">
        <v>45</v>
      </c>
      <c r="X5" s="471"/>
    </row>
    <row r="6" spans="2:24" ht="21" customHeight="1" x14ac:dyDescent="0.2">
      <c r="B6" s="84" t="s">
        <v>4</v>
      </c>
      <c r="C6" s="184">
        <v>0</v>
      </c>
      <c r="D6" s="184">
        <v>0</v>
      </c>
      <c r="E6" s="189">
        <v>0</v>
      </c>
      <c r="F6" s="186">
        <v>0</v>
      </c>
      <c r="G6" s="184">
        <v>5264</v>
      </c>
      <c r="H6" s="184">
        <v>5391</v>
      </c>
      <c r="I6" s="184">
        <v>2960</v>
      </c>
      <c r="J6" s="184">
        <v>1229</v>
      </c>
      <c r="K6" s="184">
        <v>505</v>
      </c>
      <c r="L6" s="189">
        <v>15349</v>
      </c>
      <c r="M6" s="188">
        <v>15349</v>
      </c>
      <c r="N6" s="184">
        <v>13</v>
      </c>
      <c r="O6" s="184">
        <v>0</v>
      </c>
      <c r="P6" s="189">
        <v>13</v>
      </c>
      <c r="Q6" s="186">
        <v>0</v>
      </c>
      <c r="R6" s="184">
        <v>391</v>
      </c>
      <c r="S6" s="184">
        <v>494</v>
      </c>
      <c r="T6" s="184">
        <v>633</v>
      </c>
      <c r="U6" s="184">
        <v>194</v>
      </c>
      <c r="V6" s="184">
        <v>392</v>
      </c>
      <c r="W6" s="189">
        <v>2104</v>
      </c>
      <c r="X6" s="188">
        <v>2117</v>
      </c>
    </row>
    <row r="7" spans="2:24" ht="21" customHeight="1" x14ac:dyDescent="0.2">
      <c r="B7" s="95" t="s">
        <v>5</v>
      </c>
      <c r="C7" s="191">
        <v>0</v>
      </c>
      <c r="D7" s="191">
        <v>0</v>
      </c>
      <c r="E7" s="196">
        <v>0</v>
      </c>
      <c r="F7" s="193">
        <v>0</v>
      </c>
      <c r="G7" s="191">
        <v>2121</v>
      </c>
      <c r="H7" s="191">
        <v>2892</v>
      </c>
      <c r="I7" s="191">
        <v>1566</v>
      </c>
      <c r="J7" s="191">
        <v>562</v>
      </c>
      <c r="K7" s="191">
        <v>156</v>
      </c>
      <c r="L7" s="196">
        <v>7297</v>
      </c>
      <c r="M7" s="195">
        <v>7297</v>
      </c>
      <c r="N7" s="191">
        <v>5</v>
      </c>
      <c r="O7" s="191">
        <v>0</v>
      </c>
      <c r="P7" s="196">
        <v>5</v>
      </c>
      <c r="Q7" s="193">
        <v>0</v>
      </c>
      <c r="R7" s="191">
        <v>191</v>
      </c>
      <c r="S7" s="191">
        <v>240</v>
      </c>
      <c r="T7" s="191">
        <v>364</v>
      </c>
      <c r="U7" s="191">
        <v>99</v>
      </c>
      <c r="V7" s="191">
        <v>316</v>
      </c>
      <c r="W7" s="196">
        <v>1210</v>
      </c>
      <c r="X7" s="195">
        <v>1215</v>
      </c>
    </row>
    <row r="8" spans="2:24" ht="21" customHeight="1" x14ac:dyDescent="0.2">
      <c r="B8" s="106" t="s">
        <v>6</v>
      </c>
      <c r="C8" s="191">
        <v>0</v>
      </c>
      <c r="D8" s="191">
        <v>0</v>
      </c>
      <c r="E8" s="196">
        <v>0</v>
      </c>
      <c r="F8" s="193">
        <v>0</v>
      </c>
      <c r="G8" s="191">
        <v>853</v>
      </c>
      <c r="H8" s="191">
        <v>847</v>
      </c>
      <c r="I8" s="191">
        <v>381</v>
      </c>
      <c r="J8" s="191">
        <v>205</v>
      </c>
      <c r="K8" s="191">
        <v>92</v>
      </c>
      <c r="L8" s="196">
        <v>2378</v>
      </c>
      <c r="M8" s="195">
        <v>2378</v>
      </c>
      <c r="N8" s="191">
        <v>0</v>
      </c>
      <c r="O8" s="191">
        <v>0</v>
      </c>
      <c r="P8" s="196">
        <v>0</v>
      </c>
      <c r="Q8" s="193">
        <v>0</v>
      </c>
      <c r="R8" s="191">
        <v>81</v>
      </c>
      <c r="S8" s="191">
        <v>169</v>
      </c>
      <c r="T8" s="191">
        <v>150</v>
      </c>
      <c r="U8" s="191">
        <v>64</v>
      </c>
      <c r="V8" s="191">
        <v>68</v>
      </c>
      <c r="W8" s="196">
        <v>532</v>
      </c>
      <c r="X8" s="195">
        <v>532</v>
      </c>
    </row>
    <row r="9" spans="2:24" ht="21" customHeight="1" x14ac:dyDescent="0.2">
      <c r="B9" s="106" t="s">
        <v>14</v>
      </c>
      <c r="C9" s="191">
        <v>0</v>
      </c>
      <c r="D9" s="191">
        <v>0</v>
      </c>
      <c r="E9" s="196">
        <v>0</v>
      </c>
      <c r="F9" s="193">
        <v>0</v>
      </c>
      <c r="G9" s="191">
        <v>311</v>
      </c>
      <c r="H9" s="191">
        <v>368</v>
      </c>
      <c r="I9" s="191">
        <v>230</v>
      </c>
      <c r="J9" s="191">
        <v>93</v>
      </c>
      <c r="K9" s="191">
        <v>50</v>
      </c>
      <c r="L9" s="196">
        <v>1052</v>
      </c>
      <c r="M9" s="195">
        <v>1052</v>
      </c>
      <c r="N9" s="191">
        <v>0</v>
      </c>
      <c r="O9" s="191">
        <v>0</v>
      </c>
      <c r="P9" s="196">
        <v>0</v>
      </c>
      <c r="Q9" s="193">
        <v>0</v>
      </c>
      <c r="R9" s="191">
        <v>0</v>
      </c>
      <c r="S9" s="191">
        <v>12</v>
      </c>
      <c r="T9" s="191">
        <v>0</v>
      </c>
      <c r="U9" s="191">
        <v>1</v>
      </c>
      <c r="V9" s="191">
        <v>0</v>
      </c>
      <c r="W9" s="196">
        <v>13</v>
      </c>
      <c r="X9" s="195">
        <v>13</v>
      </c>
    </row>
    <row r="10" spans="2:24" ht="21" customHeight="1" x14ac:dyDescent="0.2">
      <c r="B10" s="106" t="s">
        <v>7</v>
      </c>
      <c r="C10" s="191">
        <v>0</v>
      </c>
      <c r="D10" s="191">
        <v>0</v>
      </c>
      <c r="E10" s="196">
        <v>0</v>
      </c>
      <c r="F10" s="193">
        <v>0</v>
      </c>
      <c r="G10" s="191">
        <v>274</v>
      </c>
      <c r="H10" s="191">
        <v>158</v>
      </c>
      <c r="I10" s="191">
        <v>49</v>
      </c>
      <c r="J10" s="191">
        <v>40</v>
      </c>
      <c r="K10" s="191">
        <v>4</v>
      </c>
      <c r="L10" s="196">
        <v>525</v>
      </c>
      <c r="M10" s="195">
        <v>525</v>
      </c>
      <c r="N10" s="191">
        <v>0</v>
      </c>
      <c r="O10" s="191">
        <v>0</v>
      </c>
      <c r="P10" s="196">
        <v>0</v>
      </c>
      <c r="Q10" s="193">
        <v>0</v>
      </c>
      <c r="R10" s="191">
        <v>16</v>
      </c>
      <c r="S10" s="191">
        <v>11</v>
      </c>
      <c r="T10" s="191">
        <v>36</v>
      </c>
      <c r="U10" s="191">
        <v>6</v>
      </c>
      <c r="V10" s="191">
        <v>0</v>
      </c>
      <c r="W10" s="196">
        <v>69</v>
      </c>
      <c r="X10" s="195">
        <v>69</v>
      </c>
    </row>
    <row r="11" spans="2:24" ht="21" customHeight="1" x14ac:dyDescent="0.2">
      <c r="B11" s="106" t="s">
        <v>8</v>
      </c>
      <c r="C11" s="191">
        <v>0</v>
      </c>
      <c r="D11" s="191">
        <v>0</v>
      </c>
      <c r="E11" s="196">
        <v>0</v>
      </c>
      <c r="F11" s="193">
        <v>0</v>
      </c>
      <c r="G11" s="191">
        <v>231</v>
      </c>
      <c r="H11" s="191">
        <v>89</v>
      </c>
      <c r="I11" s="191">
        <v>45</v>
      </c>
      <c r="J11" s="191">
        <v>11</v>
      </c>
      <c r="K11" s="191">
        <v>18</v>
      </c>
      <c r="L11" s="196">
        <v>394</v>
      </c>
      <c r="M11" s="195">
        <v>394</v>
      </c>
      <c r="N11" s="191">
        <v>0</v>
      </c>
      <c r="O11" s="191">
        <v>0</v>
      </c>
      <c r="P11" s="196">
        <v>0</v>
      </c>
      <c r="Q11" s="193">
        <v>0</v>
      </c>
      <c r="R11" s="191">
        <v>0</v>
      </c>
      <c r="S11" s="191">
        <v>0</v>
      </c>
      <c r="T11" s="191">
        <v>0</v>
      </c>
      <c r="U11" s="191">
        <v>0</v>
      </c>
      <c r="V11" s="191">
        <v>8</v>
      </c>
      <c r="W11" s="196">
        <v>8</v>
      </c>
      <c r="X11" s="195">
        <v>8</v>
      </c>
    </row>
    <row r="12" spans="2:24" ht="21" customHeight="1" x14ac:dyDescent="0.2">
      <c r="B12" s="106" t="s">
        <v>9</v>
      </c>
      <c r="C12" s="191">
        <v>0</v>
      </c>
      <c r="D12" s="191">
        <v>0</v>
      </c>
      <c r="E12" s="196">
        <v>0</v>
      </c>
      <c r="F12" s="193">
        <v>0</v>
      </c>
      <c r="G12" s="191">
        <v>216</v>
      </c>
      <c r="H12" s="191">
        <v>197</v>
      </c>
      <c r="I12" s="191">
        <v>186</v>
      </c>
      <c r="J12" s="191">
        <v>73</v>
      </c>
      <c r="K12" s="191">
        <v>28</v>
      </c>
      <c r="L12" s="196">
        <v>700</v>
      </c>
      <c r="M12" s="195">
        <v>700</v>
      </c>
      <c r="N12" s="191">
        <v>0</v>
      </c>
      <c r="O12" s="191">
        <v>0</v>
      </c>
      <c r="P12" s="196">
        <v>0</v>
      </c>
      <c r="Q12" s="193">
        <v>0</v>
      </c>
      <c r="R12" s="191">
        <v>0</v>
      </c>
      <c r="S12" s="191">
        <v>0</v>
      </c>
      <c r="T12" s="191">
        <v>14</v>
      </c>
      <c r="U12" s="191">
        <v>0</v>
      </c>
      <c r="V12" s="191">
        <v>0</v>
      </c>
      <c r="W12" s="196">
        <v>14</v>
      </c>
      <c r="X12" s="195">
        <v>14</v>
      </c>
    </row>
    <row r="13" spans="2:24" ht="21" customHeight="1" x14ac:dyDescent="0.2">
      <c r="B13" s="106" t="s">
        <v>10</v>
      </c>
      <c r="C13" s="191">
        <v>0</v>
      </c>
      <c r="D13" s="191">
        <v>0</v>
      </c>
      <c r="E13" s="196">
        <v>0</v>
      </c>
      <c r="F13" s="193">
        <v>0</v>
      </c>
      <c r="G13" s="191">
        <v>185</v>
      </c>
      <c r="H13" s="191">
        <v>93</v>
      </c>
      <c r="I13" s="191">
        <v>79</v>
      </c>
      <c r="J13" s="191">
        <v>35</v>
      </c>
      <c r="K13" s="191">
        <v>0</v>
      </c>
      <c r="L13" s="196">
        <v>392</v>
      </c>
      <c r="M13" s="195">
        <v>392</v>
      </c>
      <c r="N13" s="191">
        <v>0</v>
      </c>
      <c r="O13" s="191">
        <v>0</v>
      </c>
      <c r="P13" s="196">
        <v>0</v>
      </c>
      <c r="Q13" s="193">
        <v>0</v>
      </c>
      <c r="R13" s="191">
        <v>10</v>
      </c>
      <c r="S13" s="191">
        <v>0</v>
      </c>
      <c r="T13" s="191">
        <v>13</v>
      </c>
      <c r="U13" s="191">
        <v>24</v>
      </c>
      <c r="V13" s="191">
        <v>0</v>
      </c>
      <c r="W13" s="196">
        <v>47</v>
      </c>
      <c r="X13" s="195">
        <v>47</v>
      </c>
    </row>
    <row r="14" spans="2:24" ht="21" customHeight="1" x14ac:dyDescent="0.2">
      <c r="B14" s="106" t="s">
        <v>11</v>
      </c>
      <c r="C14" s="191">
        <v>0</v>
      </c>
      <c r="D14" s="191">
        <v>0</v>
      </c>
      <c r="E14" s="196">
        <v>0</v>
      </c>
      <c r="F14" s="193">
        <v>0</v>
      </c>
      <c r="G14" s="191">
        <v>136</v>
      </c>
      <c r="H14" s="191">
        <v>67</v>
      </c>
      <c r="I14" s="191">
        <v>21</v>
      </c>
      <c r="J14" s="191">
        <v>40</v>
      </c>
      <c r="K14" s="191">
        <v>30</v>
      </c>
      <c r="L14" s="196">
        <v>294</v>
      </c>
      <c r="M14" s="195">
        <v>294</v>
      </c>
      <c r="N14" s="191">
        <v>0</v>
      </c>
      <c r="O14" s="191">
        <v>0</v>
      </c>
      <c r="P14" s="196">
        <v>0</v>
      </c>
      <c r="Q14" s="193">
        <v>0</v>
      </c>
      <c r="R14" s="191">
        <v>45</v>
      </c>
      <c r="S14" s="191">
        <v>4</v>
      </c>
      <c r="T14" s="191">
        <v>0</v>
      </c>
      <c r="U14" s="191">
        <v>0</v>
      </c>
      <c r="V14" s="191">
        <v>0</v>
      </c>
      <c r="W14" s="196">
        <v>49</v>
      </c>
      <c r="X14" s="195">
        <v>49</v>
      </c>
    </row>
    <row r="15" spans="2:24" ht="21" customHeight="1" x14ac:dyDescent="0.2">
      <c r="B15" s="106" t="s">
        <v>12</v>
      </c>
      <c r="C15" s="191">
        <v>0</v>
      </c>
      <c r="D15" s="191">
        <v>0</v>
      </c>
      <c r="E15" s="196">
        <v>0</v>
      </c>
      <c r="F15" s="193">
        <v>0</v>
      </c>
      <c r="G15" s="191">
        <v>101</v>
      </c>
      <c r="H15" s="191">
        <v>64</v>
      </c>
      <c r="I15" s="191">
        <v>33</v>
      </c>
      <c r="J15" s="191">
        <v>30</v>
      </c>
      <c r="K15" s="191">
        <v>56</v>
      </c>
      <c r="L15" s="196">
        <v>284</v>
      </c>
      <c r="M15" s="195">
        <v>284</v>
      </c>
      <c r="N15" s="191">
        <v>0</v>
      </c>
      <c r="O15" s="191">
        <v>0</v>
      </c>
      <c r="P15" s="196">
        <v>0</v>
      </c>
      <c r="Q15" s="193">
        <v>0</v>
      </c>
      <c r="R15" s="191">
        <v>0</v>
      </c>
      <c r="S15" s="191">
        <v>0</v>
      </c>
      <c r="T15" s="191">
        <v>0</v>
      </c>
      <c r="U15" s="191">
        <v>0</v>
      </c>
      <c r="V15" s="191">
        <v>0</v>
      </c>
      <c r="W15" s="196">
        <v>0</v>
      </c>
      <c r="X15" s="195">
        <v>0</v>
      </c>
    </row>
    <row r="16" spans="2:24" ht="21" customHeight="1" x14ac:dyDescent="0.2">
      <c r="B16" s="106" t="s">
        <v>13</v>
      </c>
      <c r="C16" s="191">
        <v>0</v>
      </c>
      <c r="D16" s="191">
        <v>0</v>
      </c>
      <c r="E16" s="196">
        <v>0</v>
      </c>
      <c r="F16" s="193">
        <v>0</v>
      </c>
      <c r="G16" s="191">
        <v>83</v>
      </c>
      <c r="H16" s="191">
        <v>67</v>
      </c>
      <c r="I16" s="191">
        <v>93</v>
      </c>
      <c r="J16" s="191">
        <v>13</v>
      </c>
      <c r="K16" s="191">
        <v>16</v>
      </c>
      <c r="L16" s="196">
        <v>272</v>
      </c>
      <c r="M16" s="195">
        <v>272</v>
      </c>
      <c r="N16" s="191">
        <v>0</v>
      </c>
      <c r="O16" s="191">
        <v>0</v>
      </c>
      <c r="P16" s="196">
        <v>0</v>
      </c>
      <c r="Q16" s="193">
        <v>0</v>
      </c>
      <c r="R16" s="191">
        <v>0</v>
      </c>
      <c r="S16" s="191">
        <v>13</v>
      </c>
      <c r="T16" s="191">
        <v>8</v>
      </c>
      <c r="U16" s="191">
        <v>0</v>
      </c>
      <c r="V16" s="191">
        <v>0</v>
      </c>
      <c r="W16" s="196">
        <v>21</v>
      </c>
      <c r="X16" s="195">
        <v>21</v>
      </c>
    </row>
    <row r="17" spans="2:24" ht="21" customHeight="1" x14ac:dyDescent="0.2">
      <c r="B17" s="106" t="s">
        <v>15</v>
      </c>
      <c r="C17" s="191">
        <v>0</v>
      </c>
      <c r="D17" s="191">
        <v>0</v>
      </c>
      <c r="E17" s="196">
        <v>0</v>
      </c>
      <c r="F17" s="193">
        <v>0</v>
      </c>
      <c r="G17" s="191">
        <v>30</v>
      </c>
      <c r="H17" s="191">
        <v>36</v>
      </c>
      <c r="I17" s="191">
        <v>3</v>
      </c>
      <c r="J17" s="191">
        <v>0</v>
      </c>
      <c r="K17" s="191">
        <v>16</v>
      </c>
      <c r="L17" s="196">
        <v>85</v>
      </c>
      <c r="M17" s="195">
        <v>85</v>
      </c>
      <c r="N17" s="191">
        <v>0</v>
      </c>
      <c r="O17" s="191">
        <v>0</v>
      </c>
      <c r="P17" s="196">
        <v>0</v>
      </c>
      <c r="Q17" s="193">
        <v>0</v>
      </c>
      <c r="R17" s="191">
        <v>0</v>
      </c>
      <c r="S17" s="191">
        <v>0</v>
      </c>
      <c r="T17" s="191">
        <v>0</v>
      </c>
      <c r="U17" s="191">
        <v>0</v>
      </c>
      <c r="V17" s="191">
        <v>0</v>
      </c>
      <c r="W17" s="196">
        <v>0</v>
      </c>
      <c r="X17" s="195">
        <v>0</v>
      </c>
    </row>
    <row r="18" spans="2:24" ht="21" customHeight="1" x14ac:dyDescent="0.2">
      <c r="B18" s="106" t="s">
        <v>16</v>
      </c>
      <c r="C18" s="191">
        <v>0</v>
      </c>
      <c r="D18" s="191">
        <v>0</v>
      </c>
      <c r="E18" s="196">
        <v>0</v>
      </c>
      <c r="F18" s="193">
        <v>0</v>
      </c>
      <c r="G18" s="191">
        <v>37</v>
      </c>
      <c r="H18" s="191">
        <v>67</v>
      </c>
      <c r="I18" s="191">
        <v>40</v>
      </c>
      <c r="J18" s="191">
        <v>5</v>
      </c>
      <c r="K18" s="191">
        <v>0</v>
      </c>
      <c r="L18" s="196">
        <v>149</v>
      </c>
      <c r="M18" s="195">
        <v>149</v>
      </c>
      <c r="N18" s="191">
        <v>0</v>
      </c>
      <c r="O18" s="191">
        <v>0</v>
      </c>
      <c r="P18" s="196">
        <v>0</v>
      </c>
      <c r="Q18" s="193">
        <v>0</v>
      </c>
      <c r="R18" s="191">
        <v>5</v>
      </c>
      <c r="S18" s="191">
        <v>0</v>
      </c>
      <c r="T18" s="191">
        <v>0</v>
      </c>
      <c r="U18" s="191">
        <v>0</v>
      </c>
      <c r="V18" s="191">
        <v>0</v>
      </c>
      <c r="W18" s="196">
        <v>5</v>
      </c>
      <c r="X18" s="195">
        <v>5</v>
      </c>
    </row>
    <row r="19" spans="2:24" ht="21" customHeight="1" x14ac:dyDescent="0.2">
      <c r="B19" s="106" t="s">
        <v>17</v>
      </c>
      <c r="C19" s="191">
        <v>0</v>
      </c>
      <c r="D19" s="191">
        <v>0</v>
      </c>
      <c r="E19" s="196">
        <v>0</v>
      </c>
      <c r="F19" s="193">
        <v>0</v>
      </c>
      <c r="G19" s="191">
        <v>208</v>
      </c>
      <c r="H19" s="191">
        <v>118</v>
      </c>
      <c r="I19" s="191">
        <v>100</v>
      </c>
      <c r="J19" s="191">
        <v>4</v>
      </c>
      <c r="K19" s="191">
        <v>27</v>
      </c>
      <c r="L19" s="196">
        <v>457</v>
      </c>
      <c r="M19" s="195">
        <v>457</v>
      </c>
      <c r="N19" s="191">
        <v>4</v>
      </c>
      <c r="O19" s="191">
        <v>0</v>
      </c>
      <c r="P19" s="196">
        <v>4</v>
      </c>
      <c r="Q19" s="193">
        <v>0</v>
      </c>
      <c r="R19" s="191">
        <v>12</v>
      </c>
      <c r="S19" s="191">
        <v>18</v>
      </c>
      <c r="T19" s="191">
        <v>0</v>
      </c>
      <c r="U19" s="191">
        <v>0</v>
      </c>
      <c r="V19" s="191">
        <v>0</v>
      </c>
      <c r="W19" s="196">
        <v>30</v>
      </c>
      <c r="X19" s="195">
        <v>34</v>
      </c>
    </row>
    <row r="20" spans="2:24" ht="21" customHeight="1" x14ac:dyDescent="0.2">
      <c r="B20" s="106" t="s">
        <v>18</v>
      </c>
      <c r="C20" s="191">
        <v>0</v>
      </c>
      <c r="D20" s="191">
        <v>0</v>
      </c>
      <c r="E20" s="196">
        <v>0</v>
      </c>
      <c r="F20" s="193">
        <v>0</v>
      </c>
      <c r="G20" s="191">
        <v>43</v>
      </c>
      <c r="H20" s="191">
        <v>54</v>
      </c>
      <c r="I20" s="191">
        <v>35</v>
      </c>
      <c r="J20" s="191">
        <v>14</v>
      </c>
      <c r="K20" s="191">
        <v>6</v>
      </c>
      <c r="L20" s="196">
        <v>152</v>
      </c>
      <c r="M20" s="195">
        <v>152</v>
      </c>
      <c r="N20" s="191">
        <v>0</v>
      </c>
      <c r="O20" s="191">
        <v>0</v>
      </c>
      <c r="P20" s="196">
        <v>0</v>
      </c>
      <c r="Q20" s="193">
        <v>0</v>
      </c>
      <c r="R20" s="191">
        <v>0</v>
      </c>
      <c r="S20" s="191">
        <v>1</v>
      </c>
      <c r="T20" s="191">
        <v>5</v>
      </c>
      <c r="U20" s="191">
        <v>0</v>
      </c>
      <c r="V20" s="191">
        <v>0</v>
      </c>
      <c r="W20" s="196">
        <v>6</v>
      </c>
      <c r="X20" s="195">
        <v>6</v>
      </c>
    </row>
    <row r="21" spans="2:24" ht="21" customHeight="1" x14ac:dyDescent="0.2">
      <c r="B21" s="106" t="s">
        <v>19</v>
      </c>
      <c r="C21" s="191">
        <v>0</v>
      </c>
      <c r="D21" s="191">
        <v>0</v>
      </c>
      <c r="E21" s="196">
        <v>0</v>
      </c>
      <c r="F21" s="193">
        <v>0</v>
      </c>
      <c r="G21" s="191">
        <v>62</v>
      </c>
      <c r="H21" s="191">
        <v>20</v>
      </c>
      <c r="I21" s="191">
        <v>2</v>
      </c>
      <c r="J21" s="191">
        <v>44</v>
      </c>
      <c r="K21" s="191">
        <v>0</v>
      </c>
      <c r="L21" s="196">
        <v>128</v>
      </c>
      <c r="M21" s="195">
        <v>128</v>
      </c>
      <c r="N21" s="191">
        <v>4</v>
      </c>
      <c r="O21" s="191">
        <v>0</v>
      </c>
      <c r="P21" s="196">
        <v>4</v>
      </c>
      <c r="Q21" s="193">
        <v>0</v>
      </c>
      <c r="R21" s="191">
        <v>4</v>
      </c>
      <c r="S21" s="191">
        <v>16</v>
      </c>
      <c r="T21" s="191">
        <v>10</v>
      </c>
      <c r="U21" s="191">
        <v>0</v>
      </c>
      <c r="V21" s="191">
        <v>0</v>
      </c>
      <c r="W21" s="196">
        <v>30</v>
      </c>
      <c r="X21" s="195">
        <v>34</v>
      </c>
    </row>
    <row r="22" spans="2:24" ht="21" customHeight="1" x14ac:dyDescent="0.2">
      <c r="B22" s="106" t="s">
        <v>20</v>
      </c>
      <c r="C22" s="191">
        <v>0</v>
      </c>
      <c r="D22" s="191">
        <v>0</v>
      </c>
      <c r="E22" s="196">
        <v>0</v>
      </c>
      <c r="F22" s="193">
        <v>0</v>
      </c>
      <c r="G22" s="191">
        <v>78</v>
      </c>
      <c r="H22" s="191">
        <v>59</v>
      </c>
      <c r="I22" s="191">
        <v>21</v>
      </c>
      <c r="J22" s="191">
        <v>6</v>
      </c>
      <c r="K22" s="191">
        <v>0</v>
      </c>
      <c r="L22" s="196">
        <v>164</v>
      </c>
      <c r="M22" s="195">
        <v>164</v>
      </c>
      <c r="N22" s="191">
        <v>0</v>
      </c>
      <c r="O22" s="191">
        <v>0</v>
      </c>
      <c r="P22" s="196">
        <v>0</v>
      </c>
      <c r="Q22" s="193">
        <v>0</v>
      </c>
      <c r="R22" s="191">
        <v>0</v>
      </c>
      <c r="S22" s="191">
        <v>0</v>
      </c>
      <c r="T22" s="191">
        <v>6</v>
      </c>
      <c r="U22" s="191">
        <v>0</v>
      </c>
      <c r="V22" s="191">
        <v>0</v>
      </c>
      <c r="W22" s="196">
        <v>6</v>
      </c>
      <c r="X22" s="195">
        <v>6</v>
      </c>
    </row>
    <row r="23" spans="2:24" ht="21" customHeight="1" x14ac:dyDescent="0.2">
      <c r="B23" s="106" t="s">
        <v>21</v>
      </c>
      <c r="C23" s="191">
        <v>0</v>
      </c>
      <c r="D23" s="191">
        <v>0</v>
      </c>
      <c r="E23" s="196">
        <v>0</v>
      </c>
      <c r="F23" s="193">
        <v>0</v>
      </c>
      <c r="G23" s="191">
        <v>69</v>
      </c>
      <c r="H23" s="191">
        <v>66</v>
      </c>
      <c r="I23" s="191">
        <v>23</v>
      </c>
      <c r="J23" s="191">
        <v>7</v>
      </c>
      <c r="K23" s="191">
        <v>0</v>
      </c>
      <c r="L23" s="196">
        <v>165</v>
      </c>
      <c r="M23" s="195">
        <v>165</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32</v>
      </c>
      <c r="H24" s="191">
        <v>53</v>
      </c>
      <c r="I24" s="191">
        <v>0</v>
      </c>
      <c r="J24" s="191">
        <v>0</v>
      </c>
      <c r="K24" s="191">
        <v>0</v>
      </c>
      <c r="L24" s="196">
        <v>85</v>
      </c>
      <c r="M24" s="195">
        <v>85</v>
      </c>
      <c r="N24" s="191">
        <v>0</v>
      </c>
      <c r="O24" s="191">
        <v>0</v>
      </c>
      <c r="P24" s="196">
        <v>0</v>
      </c>
      <c r="Q24" s="193">
        <v>0</v>
      </c>
      <c r="R24" s="191">
        <v>0</v>
      </c>
      <c r="S24" s="191">
        <v>0</v>
      </c>
      <c r="T24" s="191">
        <v>0</v>
      </c>
      <c r="U24" s="191">
        <v>0</v>
      </c>
      <c r="V24" s="191">
        <v>0</v>
      </c>
      <c r="W24" s="196">
        <v>0</v>
      </c>
      <c r="X24" s="195">
        <v>0</v>
      </c>
    </row>
    <row r="25" spans="2:24" ht="21" customHeight="1" x14ac:dyDescent="0.2">
      <c r="B25" s="106" t="s">
        <v>23</v>
      </c>
      <c r="C25" s="191">
        <v>0</v>
      </c>
      <c r="D25" s="191">
        <v>0</v>
      </c>
      <c r="E25" s="196">
        <v>0</v>
      </c>
      <c r="F25" s="193">
        <v>0</v>
      </c>
      <c r="G25" s="191">
        <v>19</v>
      </c>
      <c r="H25" s="191">
        <v>14</v>
      </c>
      <c r="I25" s="191">
        <v>10</v>
      </c>
      <c r="J25" s="191">
        <v>0</v>
      </c>
      <c r="K25" s="191">
        <v>0</v>
      </c>
      <c r="L25" s="196">
        <v>43</v>
      </c>
      <c r="M25" s="195">
        <v>43</v>
      </c>
      <c r="N25" s="191">
        <v>0</v>
      </c>
      <c r="O25" s="191">
        <v>0</v>
      </c>
      <c r="P25" s="196">
        <v>0</v>
      </c>
      <c r="Q25" s="193">
        <v>0</v>
      </c>
      <c r="R25" s="191">
        <v>0</v>
      </c>
      <c r="S25" s="191">
        <v>0</v>
      </c>
      <c r="T25" s="191">
        <v>0</v>
      </c>
      <c r="U25" s="191">
        <v>0</v>
      </c>
      <c r="V25" s="191">
        <v>0</v>
      </c>
      <c r="W25" s="196">
        <v>0</v>
      </c>
      <c r="X25" s="195">
        <v>0</v>
      </c>
    </row>
    <row r="26" spans="2:24" ht="21" customHeight="1" x14ac:dyDescent="0.2">
      <c r="B26" s="106" t="s">
        <v>24</v>
      </c>
      <c r="C26" s="191">
        <v>0</v>
      </c>
      <c r="D26" s="191">
        <v>0</v>
      </c>
      <c r="E26" s="196">
        <v>0</v>
      </c>
      <c r="F26" s="193">
        <v>0</v>
      </c>
      <c r="G26" s="191">
        <v>0</v>
      </c>
      <c r="H26" s="191">
        <v>0</v>
      </c>
      <c r="I26" s="191">
        <v>16</v>
      </c>
      <c r="J26" s="191">
        <v>20</v>
      </c>
      <c r="K26" s="191">
        <v>0</v>
      </c>
      <c r="L26" s="196">
        <v>36</v>
      </c>
      <c r="M26" s="195">
        <v>36</v>
      </c>
      <c r="N26" s="191">
        <v>0</v>
      </c>
      <c r="O26" s="191">
        <v>0</v>
      </c>
      <c r="P26" s="196">
        <v>0</v>
      </c>
      <c r="Q26" s="193">
        <v>0</v>
      </c>
      <c r="R26" s="191">
        <v>0</v>
      </c>
      <c r="S26" s="191">
        <v>0</v>
      </c>
      <c r="T26" s="191">
        <v>0</v>
      </c>
      <c r="U26" s="191">
        <v>0</v>
      </c>
      <c r="V26" s="191">
        <v>0</v>
      </c>
      <c r="W26" s="196">
        <v>0</v>
      </c>
      <c r="X26" s="195">
        <v>0</v>
      </c>
    </row>
    <row r="27" spans="2:24" ht="21" customHeight="1" x14ac:dyDescent="0.2">
      <c r="B27" s="106" t="s">
        <v>25</v>
      </c>
      <c r="C27" s="191">
        <v>0</v>
      </c>
      <c r="D27" s="191">
        <v>0</v>
      </c>
      <c r="E27" s="196">
        <v>0</v>
      </c>
      <c r="F27" s="193">
        <v>0</v>
      </c>
      <c r="G27" s="191">
        <v>30</v>
      </c>
      <c r="H27" s="191">
        <v>11</v>
      </c>
      <c r="I27" s="191">
        <v>0</v>
      </c>
      <c r="J27" s="191">
        <v>0</v>
      </c>
      <c r="K27" s="191">
        <v>0</v>
      </c>
      <c r="L27" s="196">
        <v>41</v>
      </c>
      <c r="M27" s="195">
        <v>41</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9</v>
      </c>
      <c r="H28" s="191">
        <v>21</v>
      </c>
      <c r="I28" s="191">
        <v>0</v>
      </c>
      <c r="J28" s="191">
        <v>0</v>
      </c>
      <c r="K28" s="191">
        <v>0</v>
      </c>
      <c r="L28" s="196">
        <v>30</v>
      </c>
      <c r="M28" s="195">
        <v>30</v>
      </c>
      <c r="N28" s="191">
        <v>0</v>
      </c>
      <c r="O28" s="191">
        <v>0</v>
      </c>
      <c r="P28" s="196">
        <v>0</v>
      </c>
      <c r="Q28" s="193">
        <v>0</v>
      </c>
      <c r="R28" s="191">
        <v>0</v>
      </c>
      <c r="S28" s="191">
        <v>0</v>
      </c>
      <c r="T28" s="191">
        <v>0</v>
      </c>
      <c r="U28" s="191">
        <v>0</v>
      </c>
      <c r="V28" s="191">
        <v>0</v>
      </c>
      <c r="W28" s="196">
        <v>0</v>
      </c>
      <c r="X28" s="195">
        <v>0</v>
      </c>
    </row>
    <row r="29" spans="2:24" ht="21" customHeight="1" x14ac:dyDescent="0.2">
      <c r="B29" s="106" t="s">
        <v>27</v>
      </c>
      <c r="C29" s="191">
        <v>0</v>
      </c>
      <c r="D29" s="191">
        <v>0</v>
      </c>
      <c r="E29" s="196">
        <v>0</v>
      </c>
      <c r="F29" s="193">
        <v>0</v>
      </c>
      <c r="G29" s="191">
        <v>20</v>
      </c>
      <c r="H29" s="191">
        <v>10</v>
      </c>
      <c r="I29" s="191">
        <v>3</v>
      </c>
      <c r="J29" s="191">
        <v>0</v>
      </c>
      <c r="K29" s="191">
        <v>0</v>
      </c>
      <c r="L29" s="196">
        <v>33</v>
      </c>
      <c r="M29" s="195">
        <v>33</v>
      </c>
      <c r="N29" s="191">
        <v>0</v>
      </c>
      <c r="O29" s="191">
        <v>0</v>
      </c>
      <c r="P29" s="196">
        <v>0</v>
      </c>
      <c r="Q29" s="193">
        <v>0</v>
      </c>
      <c r="R29" s="191">
        <v>16</v>
      </c>
      <c r="S29" s="191">
        <v>5</v>
      </c>
      <c r="T29" s="191">
        <v>0</v>
      </c>
      <c r="U29" s="191">
        <v>0</v>
      </c>
      <c r="V29" s="191">
        <v>0</v>
      </c>
      <c r="W29" s="196">
        <v>21</v>
      </c>
      <c r="X29" s="195">
        <v>21</v>
      </c>
    </row>
    <row r="30" spans="2:24" ht="21" customHeight="1" x14ac:dyDescent="0.2">
      <c r="B30" s="106" t="s">
        <v>28</v>
      </c>
      <c r="C30" s="191">
        <v>0</v>
      </c>
      <c r="D30" s="191">
        <v>0</v>
      </c>
      <c r="E30" s="196">
        <v>0</v>
      </c>
      <c r="F30" s="193">
        <v>0</v>
      </c>
      <c r="G30" s="191">
        <v>40</v>
      </c>
      <c r="H30" s="191">
        <v>6</v>
      </c>
      <c r="I30" s="191">
        <v>0</v>
      </c>
      <c r="J30" s="191">
        <v>0</v>
      </c>
      <c r="K30" s="191">
        <v>0</v>
      </c>
      <c r="L30" s="196">
        <v>46</v>
      </c>
      <c r="M30" s="195">
        <v>46</v>
      </c>
      <c r="N30" s="191">
        <v>0</v>
      </c>
      <c r="O30" s="191">
        <v>0</v>
      </c>
      <c r="P30" s="196">
        <v>0</v>
      </c>
      <c r="Q30" s="193">
        <v>0</v>
      </c>
      <c r="R30" s="191">
        <v>0</v>
      </c>
      <c r="S30" s="191">
        <v>0</v>
      </c>
      <c r="T30" s="191">
        <v>0</v>
      </c>
      <c r="U30" s="191">
        <v>0</v>
      </c>
      <c r="V30" s="191">
        <v>0</v>
      </c>
      <c r="W30" s="196">
        <v>0</v>
      </c>
      <c r="X30" s="195">
        <v>0</v>
      </c>
    </row>
    <row r="31" spans="2:24" ht="21" customHeight="1" x14ac:dyDescent="0.2">
      <c r="B31" s="106" t="s">
        <v>29</v>
      </c>
      <c r="C31" s="191">
        <v>0</v>
      </c>
      <c r="D31" s="191">
        <v>0</v>
      </c>
      <c r="E31" s="196">
        <v>0</v>
      </c>
      <c r="F31" s="193">
        <v>0</v>
      </c>
      <c r="G31" s="191">
        <v>0</v>
      </c>
      <c r="H31" s="191">
        <v>0</v>
      </c>
      <c r="I31" s="191">
        <v>15</v>
      </c>
      <c r="J31" s="191">
        <v>0</v>
      </c>
      <c r="K31" s="191">
        <v>0</v>
      </c>
      <c r="L31" s="196">
        <v>15</v>
      </c>
      <c r="M31" s="195">
        <v>15</v>
      </c>
      <c r="N31" s="191">
        <v>0</v>
      </c>
      <c r="O31" s="191">
        <v>0</v>
      </c>
      <c r="P31" s="196">
        <v>0</v>
      </c>
      <c r="Q31" s="193">
        <v>0</v>
      </c>
      <c r="R31" s="191">
        <v>0</v>
      </c>
      <c r="S31" s="191">
        <v>0</v>
      </c>
      <c r="T31" s="191">
        <v>0</v>
      </c>
      <c r="U31" s="191">
        <v>0</v>
      </c>
      <c r="V31" s="191">
        <v>0</v>
      </c>
      <c r="W31" s="196">
        <v>0</v>
      </c>
      <c r="X31" s="195">
        <v>0</v>
      </c>
    </row>
    <row r="32" spans="2:24" ht="21" customHeight="1" x14ac:dyDescent="0.2">
      <c r="B32" s="106" t="s">
        <v>30</v>
      </c>
      <c r="C32" s="191">
        <v>0</v>
      </c>
      <c r="D32" s="191">
        <v>0</v>
      </c>
      <c r="E32" s="196">
        <v>0</v>
      </c>
      <c r="F32" s="193">
        <v>0</v>
      </c>
      <c r="G32" s="191">
        <v>8</v>
      </c>
      <c r="H32" s="191">
        <v>0</v>
      </c>
      <c r="I32" s="191">
        <v>0</v>
      </c>
      <c r="J32" s="191">
        <v>16</v>
      </c>
      <c r="K32" s="191">
        <v>0</v>
      </c>
      <c r="L32" s="196">
        <v>24</v>
      </c>
      <c r="M32" s="195">
        <v>24</v>
      </c>
      <c r="N32" s="191">
        <v>0</v>
      </c>
      <c r="O32" s="191">
        <v>0</v>
      </c>
      <c r="P32" s="196">
        <v>0</v>
      </c>
      <c r="Q32" s="193">
        <v>0</v>
      </c>
      <c r="R32" s="191">
        <v>0</v>
      </c>
      <c r="S32" s="191">
        <v>5</v>
      </c>
      <c r="T32" s="191">
        <v>0</v>
      </c>
      <c r="U32" s="191">
        <v>0</v>
      </c>
      <c r="V32" s="191">
        <v>0</v>
      </c>
      <c r="W32" s="196">
        <v>5</v>
      </c>
      <c r="X32" s="195">
        <v>5</v>
      </c>
    </row>
    <row r="33" spans="2:24" ht="21" customHeight="1" x14ac:dyDescent="0.2">
      <c r="B33" s="106" t="s">
        <v>31</v>
      </c>
      <c r="C33" s="191">
        <v>0</v>
      </c>
      <c r="D33" s="191">
        <v>0</v>
      </c>
      <c r="E33" s="196">
        <v>0</v>
      </c>
      <c r="F33" s="193">
        <v>0</v>
      </c>
      <c r="G33" s="191">
        <v>13</v>
      </c>
      <c r="H33" s="191">
        <v>0</v>
      </c>
      <c r="I33" s="191">
        <v>9</v>
      </c>
      <c r="J33" s="191">
        <v>0</v>
      </c>
      <c r="K33" s="191">
        <v>0</v>
      </c>
      <c r="L33" s="196">
        <v>22</v>
      </c>
      <c r="M33" s="195">
        <v>22</v>
      </c>
      <c r="N33" s="191">
        <v>0</v>
      </c>
      <c r="O33" s="191">
        <v>0</v>
      </c>
      <c r="P33" s="196">
        <v>0</v>
      </c>
      <c r="Q33" s="193">
        <v>0</v>
      </c>
      <c r="R33" s="191">
        <v>0</v>
      </c>
      <c r="S33" s="191">
        <v>0</v>
      </c>
      <c r="T33" s="191">
        <v>0</v>
      </c>
      <c r="U33" s="191">
        <v>0</v>
      </c>
      <c r="V33" s="191">
        <v>0</v>
      </c>
      <c r="W33" s="196">
        <v>0</v>
      </c>
      <c r="X33" s="195">
        <v>0</v>
      </c>
    </row>
    <row r="34" spans="2:24" ht="21" customHeight="1" x14ac:dyDescent="0.2">
      <c r="B34" s="106" t="s">
        <v>32</v>
      </c>
      <c r="C34" s="191">
        <v>0</v>
      </c>
      <c r="D34" s="191">
        <v>0</v>
      </c>
      <c r="E34" s="196">
        <v>0</v>
      </c>
      <c r="F34" s="193">
        <v>0</v>
      </c>
      <c r="G34" s="191">
        <v>21</v>
      </c>
      <c r="H34" s="191">
        <v>10</v>
      </c>
      <c r="I34" s="191">
        <v>0</v>
      </c>
      <c r="J34" s="191">
        <v>0</v>
      </c>
      <c r="K34" s="191">
        <v>0</v>
      </c>
      <c r="L34" s="196">
        <v>31</v>
      </c>
      <c r="M34" s="195">
        <v>31</v>
      </c>
      <c r="N34" s="191">
        <v>0</v>
      </c>
      <c r="O34" s="191">
        <v>0</v>
      </c>
      <c r="P34" s="196">
        <v>0</v>
      </c>
      <c r="Q34" s="193">
        <v>0</v>
      </c>
      <c r="R34" s="191">
        <v>11</v>
      </c>
      <c r="S34" s="191">
        <v>0</v>
      </c>
      <c r="T34" s="191">
        <v>27</v>
      </c>
      <c r="U34" s="191">
        <v>0</v>
      </c>
      <c r="V34" s="191">
        <v>0</v>
      </c>
      <c r="W34" s="196">
        <v>38</v>
      </c>
      <c r="X34" s="195">
        <v>38</v>
      </c>
    </row>
    <row r="35" spans="2:24" ht="21" customHeight="1" x14ac:dyDescent="0.2">
      <c r="B35" s="106" t="s">
        <v>33</v>
      </c>
      <c r="C35" s="191">
        <v>0</v>
      </c>
      <c r="D35" s="191">
        <v>0</v>
      </c>
      <c r="E35" s="196">
        <v>0</v>
      </c>
      <c r="F35" s="193">
        <v>0</v>
      </c>
      <c r="G35" s="191">
        <v>0</v>
      </c>
      <c r="H35" s="191">
        <v>0</v>
      </c>
      <c r="I35" s="191">
        <v>0</v>
      </c>
      <c r="J35" s="191">
        <v>11</v>
      </c>
      <c r="K35" s="191">
        <v>0</v>
      </c>
      <c r="L35" s="196">
        <v>11</v>
      </c>
      <c r="M35" s="195">
        <v>11</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0</v>
      </c>
      <c r="H36" s="191">
        <v>0</v>
      </c>
      <c r="I36" s="191">
        <v>0</v>
      </c>
      <c r="J36" s="191">
        <v>0</v>
      </c>
      <c r="K36" s="191">
        <v>0</v>
      </c>
      <c r="L36" s="196">
        <v>0</v>
      </c>
      <c r="M36" s="195">
        <v>0</v>
      </c>
      <c r="N36" s="191">
        <v>0</v>
      </c>
      <c r="O36" s="191">
        <v>0</v>
      </c>
      <c r="P36" s="196">
        <v>0</v>
      </c>
      <c r="Q36" s="193">
        <v>0</v>
      </c>
      <c r="R36" s="191">
        <v>0</v>
      </c>
      <c r="S36" s="191">
        <v>0</v>
      </c>
      <c r="T36" s="191">
        <v>0</v>
      </c>
      <c r="U36" s="191">
        <v>0</v>
      </c>
      <c r="V36" s="191">
        <v>0</v>
      </c>
      <c r="W36" s="196">
        <v>0</v>
      </c>
      <c r="X36" s="195">
        <v>0</v>
      </c>
    </row>
    <row r="37" spans="2:24" ht="21" customHeight="1" x14ac:dyDescent="0.2">
      <c r="B37" s="106" t="s">
        <v>35</v>
      </c>
      <c r="C37" s="191">
        <v>0</v>
      </c>
      <c r="D37" s="191">
        <v>0</v>
      </c>
      <c r="E37" s="196">
        <v>0</v>
      </c>
      <c r="F37" s="193">
        <v>0</v>
      </c>
      <c r="G37" s="191">
        <v>3</v>
      </c>
      <c r="H37" s="191">
        <v>0</v>
      </c>
      <c r="I37" s="191">
        <v>0</v>
      </c>
      <c r="J37" s="191">
        <v>0</v>
      </c>
      <c r="K37" s="191">
        <v>0</v>
      </c>
      <c r="L37" s="196">
        <v>3</v>
      </c>
      <c r="M37" s="195">
        <v>3</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31</v>
      </c>
      <c r="H38" s="191">
        <v>4</v>
      </c>
      <c r="I38" s="191">
        <v>0</v>
      </c>
      <c r="J38" s="191">
        <v>0</v>
      </c>
      <c r="K38" s="191">
        <v>0</v>
      </c>
      <c r="L38" s="196">
        <v>35</v>
      </c>
      <c r="M38" s="195">
        <v>35</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0</v>
      </c>
      <c r="H39" s="198">
        <v>0</v>
      </c>
      <c r="I39" s="198">
        <v>0</v>
      </c>
      <c r="J39" s="198">
        <v>0</v>
      </c>
      <c r="K39" s="198">
        <v>6</v>
      </c>
      <c r="L39" s="203">
        <v>6</v>
      </c>
      <c r="M39" s="202">
        <v>6</v>
      </c>
      <c r="N39" s="198">
        <v>0</v>
      </c>
      <c r="O39" s="198">
        <v>0</v>
      </c>
      <c r="P39" s="203">
        <v>0</v>
      </c>
      <c r="Q39" s="200">
        <v>0</v>
      </c>
      <c r="R39" s="198">
        <v>0</v>
      </c>
      <c r="S39" s="198">
        <v>0</v>
      </c>
      <c r="T39" s="198">
        <v>0</v>
      </c>
      <c r="U39" s="198">
        <v>0</v>
      </c>
      <c r="V39" s="198">
        <v>0</v>
      </c>
      <c r="W39" s="203">
        <v>0</v>
      </c>
      <c r="X39" s="202">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3" width="9" style="71" customWidth="1"/>
    <col min="4" max="4" width="8.109375" style="71" customWidth="1"/>
    <col min="5" max="5" width="10.109375" style="71" bestFit="1" customWidth="1"/>
    <col min="6" max="6" width="9" style="71"/>
    <col min="7" max="8" width="9" style="71" customWidth="1"/>
    <col min="9" max="9" width="9" style="71"/>
    <col min="10" max="10" width="9.6640625" style="71" bestFit="1" customWidth="1"/>
    <col min="11" max="11" width="9" style="71"/>
    <col min="12" max="12" width="9.6640625" style="71" customWidth="1"/>
    <col min="13" max="15" width="8.109375" style="71" customWidth="1"/>
    <col min="16" max="21" width="9.21875" style="71" customWidth="1"/>
    <col min="22" max="22" width="7.77734375" style="71" customWidth="1"/>
    <col min="23" max="25" width="8.33203125" style="71" customWidth="1"/>
    <col min="26" max="30" width="8.44140625" style="71" customWidth="1"/>
    <col min="31" max="32" width="7.109375" style="71" customWidth="1"/>
    <col min="33" max="42" width="8.77734375" style="71" customWidth="1"/>
    <col min="43" max="52" width="8.44140625" style="71" customWidth="1"/>
    <col min="53" max="132" width="9.6640625" style="71" customWidth="1"/>
    <col min="133" max="16384" width="9" style="71"/>
  </cols>
  <sheetData>
    <row r="1" spans="2:133" ht="24" customHeight="1" x14ac:dyDescent="0.2">
      <c r="B1" s="10" t="s">
        <v>56</v>
      </c>
      <c r="F1" s="442">
        <f>第１表!F2</f>
        <v>6</v>
      </c>
      <c r="G1" s="442"/>
      <c r="H1" s="18">
        <f>第１表!G2</f>
        <v>10</v>
      </c>
      <c r="I1" s="446">
        <f>IF(H1&lt;3,H1-2+12,H1-2)</f>
        <v>8</v>
      </c>
      <c r="J1" s="446"/>
    </row>
    <row r="2" spans="2:133" ht="24" customHeight="1" thickBot="1" x14ac:dyDescent="0.25"/>
    <row r="3" spans="2:133" ht="21" customHeight="1" thickBot="1" x14ac:dyDescent="0.25">
      <c r="B3" s="523"/>
      <c r="C3" s="520" t="s">
        <v>57</v>
      </c>
      <c r="D3" s="521"/>
      <c r="E3" s="521"/>
      <c r="F3" s="521"/>
      <c r="G3" s="521"/>
      <c r="H3" s="521"/>
      <c r="I3" s="521"/>
      <c r="J3" s="521"/>
      <c r="K3" s="521"/>
      <c r="L3" s="521"/>
      <c r="M3" s="521"/>
      <c r="N3" s="521"/>
      <c r="O3" s="521"/>
      <c r="P3" s="521"/>
      <c r="Q3" s="521"/>
      <c r="R3" s="521"/>
      <c r="S3" s="521"/>
      <c r="T3" s="521"/>
      <c r="U3" s="521"/>
      <c r="V3" s="521"/>
      <c r="W3" s="521"/>
      <c r="X3" s="521"/>
      <c r="Y3" s="521"/>
      <c r="Z3" s="521"/>
      <c r="AA3" s="521"/>
      <c r="AB3" s="521"/>
      <c r="AC3" s="521"/>
      <c r="AD3" s="521"/>
      <c r="AE3" s="521"/>
      <c r="AF3" s="522"/>
      <c r="AG3" s="520" t="s">
        <v>58</v>
      </c>
      <c r="AH3" s="526"/>
      <c r="AI3" s="526"/>
      <c r="AJ3" s="526"/>
      <c r="AK3" s="526"/>
      <c r="AL3" s="526"/>
      <c r="AM3" s="526"/>
      <c r="AN3" s="526"/>
      <c r="AO3" s="526"/>
      <c r="AP3" s="526"/>
      <c r="AQ3" s="526"/>
      <c r="AR3" s="526"/>
      <c r="AS3" s="526"/>
      <c r="AT3" s="526"/>
      <c r="AU3" s="526"/>
      <c r="AV3" s="526"/>
      <c r="AW3" s="526"/>
      <c r="AX3" s="526"/>
      <c r="AY3" s="526"/>
      <c r="AZ3" s="526"/>
      <c r="BA3" s="526"/>
      <c r="BB3" s="526"/>
      <c r="BC3" s="526"/>
      <c r="BD3" s="526"/>
      <c r="BE3" s="526"/>
      <c r="BF3" s="526"/>
      <c r="BG3" s="526"/>
      <c r="BH3" s="526"/>
      <c r="BI3" s="526"/>
      <c r="BJ3" s="527"/>
      <c r="BK3" s="520" t="s">
        <v>59</v>
      </c>
      <c r="BL3" s="521"/>
      <c r="BM3" s="521"/>
      <c r="BN3" s="521"/>
      <c r="BO3" s="521"/>
      <c r="BP3" s="521"/>
      <c r="BQ3" s="521"/>
      <c r="BR3" s="521"/>
      <c r="BS3" s="521"/>
      <c r="BT3" s="521"/>
      <c r="BU3" s="521"/>
      <c r="BV3" s="521"/>
      <c r="BW3" s="521"/>
      <c r="BX3" s="521"/>
      <c r="BY3" s="521"/>
      <c r="BZ3" s="521"/>
      <c r="CA3" s="521"/>
      <c r="CB3" s="521"/>
      <c r="CC3" s="521"/>
      <c r="CD3" s="521"/>
      <c r="CE3" s="521"/>
      <c r="CF3" s="521"/>
      <c r="CG3" s="521"/>
      <c r="CH3" s="521"/>
      <c r="CI3" s="521"/>
      <c r="CJ3" s="521"/>
      <c r="CK3" s="521"/>
      <c r="CL3" s="521"/>
      <c r="CM3" s="521"/>
      <c r="CN3" s="522"/>
      <c r="CO3" s="520" t="s">
        <v>148</v>
      </c>
      <c r="CP3" s="521"/>
      <c r="CQ3" s="521"/>
      <c r="CR3" s="521"/>
      <c r="CS3" s="521"/>
      <c r="CT3" s="521"/>
      <c r="CU3" s="521"/>
      <c r="CV3" s="521"/>
      <c r="CW3" s="521"/>
      <c r="CX3" s="521"/>
      <c r="CY3" s="521"/>
      <c r="CZ3" s="521"/>
      <c r="DA3" s="521"/>
      <c r="DB3" s="521"/>
      <c r="DC3" s="521"/>
      <c r="DD3" s="521"/>
      <c r="DE3" s="521"/>
      <c r="DF3" s="521"/>
      <c r="DG3" s="521"/>
      <c r="DH3" s="521"/>
      <c r="DI3" s="521"/>
      <c r="DJ3" s="521"/>
      <c r="DK3" s="521"/>
      <c r="DL3" s="521"/>
      <c r="DM3" s="521"/>
      <c r="DN3" s="521"/>
      <c r="DO3" s="521"/>
      <c r="DP3" s="521"/>
      <c r="DQ3" s="521"/>
      <c r="DR3" s="522"/>
      <c r="DS3" s="428" t="s">
        <v>60</v>
      </c>
      <c r="DT3" s="429"/>
      <c r="DU3" s="429"/>
      <c r="DV3" s="429"/>
      <c r="DW3" s="429"/>
      <c r="DX3" s="429"/>
      <c r="DY3" s="429"/>
      <c r="DZ3" s="429"/>
      <c r="EA3" s="429"/>
      <c r="EB3" s="430"/>
    </row>
    <row r="4" spans="2:133" ht="21" customHeight="1" thickBot="1" x14ac:dyDescent="0.25">
      <c r="B4" s="524"/>
      <c r="C4" s="434"/>
      <c r="D4" s="435"/>
      <c r="E4" s="435"/>
      <c r="F4" s="435"/>
      <c r="G4" s="435"/>
      <c r="H4" s="435"/>
      <c r="I4" s="435"/>
      <c r="J4" s="435"/>
      <c r="K4" s="435"/>
      <c r="L4" s="435"/>
      <c r="M4" s="437" t="s">
        <v>39</v>
      </c>
      <c r="N4" s="438"/>
      <c r="O4" s="438"/>
      <c r="P4" s="438"/>
      <c r="Q4" s="438"/>
      <c r="R4" s="438"/>
      <c r="S4" s="438"/>
      <c r="T4" s="438"/>
      <c r="U4" s="438"/>
      <c r="V4" s="439"/>
      <c r="W4" s="437" t="s">
        <v>40</v>
      </c>
      <c r="X4" s="438"/>
      <c r="Y4" s="438"/>
      <c r="Z4" s="438"/>
      <c r="AA4" s="438"/>
      <c r="AB4" s="438"/>
      <c r="AC4" s="438"/>
      <c r="AD4" s="438"/>
      <c r="AE4" s="438"/>
      <c r="AF4" s="439"/>
      <c r="AG4" s="434"/>
      <c r="AH4" s="435"/>
      <c r="AI4" s="435"/>
      <c r="AJ4" s="435"/>
      <c r="AK4" s="435"/>
      <c r="AL4" s="435"/>
      <c r="AM4" s="435"/>
      <c r="AN4" s="435"/>
      <c r="AO4" s="435"/>
      <c r="AP4" s="435"/>
      <c r="AQ4" s="437" t="s">
        <v>39</v>
      </c>
      <c r="AR4" s="438"/>
      <c r="AS4" s="438"/>
      <c r="AT4" s="438"/>
      <c r="AU4" s="438"/>
      <c r="AV4" s="438"/>
      <c r="AW4" s="438"/>
      <c r="AX4" s="438"/>
      <c r="AY4" s="438"/>
      <c r="AZ4" s="439"/>
      <c r="BA4" s="437" t="s">
        <v>40</v>
      </c>
      <c r="BB4" s="438"/>
      <c r="BC4" s="438"/>
      <c r="BD4" s="438"/>
      <c r="BE4" s="438"/>
      <c r="BF4" s="438"/>
      <c r="BG4" s="438"/>
      <c r="BH4" s="438"/>
      <c r="BI4" s="438"/>
      <c r="BJ4" s="439"/>
      <c r="BK4" s="434"/>
      <c r="BL4" s="435"/>
      <c r="BM4" s="435"/>
      <c r="BN4" s="435"/>
      <c r="BO4" s="435"/>
      <c r="BP4" s="435"/>
      <c r="BQ4" s="435"/>
      <c r="BR4" s="435"/>
      <c r="BS4" s="435"/>
      <c r="BT4" s="435"/>
      <c r="BU4" s="437" t="s">
        <v>39</v>
      </c>
      <c r="BV4" s="438"/>
      <c r="BW4" s="438"/>
      <c r="BX4" s="438"/>
      <c r="BY4" s="438"/>
      <c r="BZ4" s="438"/>
      <c r="CA4" s="438"/>
      <c r="CB4" s="438"/>
      <c r="CC4" s="438"/>
      <c r="CD4" s="439"/>
      <c r="CE4" s="437" t="s">
        <v>40</v>
      </c>
      <c r="CF4" s="438"/>
      <c r="CG4" s="438"/>
      <c r="CH4" s="438"/>
      <c r="CI4" s="438"/>
      <c r="CJ4" s="438"/>
      <c r="CK4" s="438"/>
      <c r="CL4" s="438"/>
      <c r="CM4" s="438"/>
      <c r="CN4" s="439"/>
      <c r="CO4" s="434"/>
      <c r="CP4" s="435"/>
      <c r="CQ4" s="435"/>
      <c r="CR4" s="435"/>
      <c r="CS4" s="435"/>
      <c r="CT4" s="435"/>
      <c r="CU4" s="435"/>
      <c r="CV4" s="435"/>
      <c r="CW4" s="435"/>
      <c r="CX4" s="435"/>
      <c r="CY4" s="437" t="s">
        <v>39</v>
      </c>
      <c r="CZ4" s="438"/>
      <c r="DA4" s="438"/>
      <c r="DB4" s="438"/>
      <c r="DC4" s="438"/>
      <c r="DD4" s="438"/>
      <c r="DE4" s="438"/>
      <c r="DF4" s="438"/>
      <c r="DG4" s="438"/>
      <c r="DH4" s="439"/>
      <c r="DI4" s="437" t="s">
        <v>40</v>
      </c>
      <c r="DJ4" s="438"/>
      <c r="DK4" s="438"/>
      <c r="DL4" s="438"/>
      <c r="DM4" s="438"/>
      <c r="DN4" s="438"/>
      <c r="DO4" s="438"/>
      <c r="DP4" s="438"/>
      <c r="DQ4" s="438"/>
      <c r="DR4" s="439"/>
      <c r="DS4" s="434"/>
      <c r="DT4" s="435"/>
      <c r="DU4" s="435"/>
      <c r="DV4" s="435"/>
      <c r="DW4" s="435"/>
      <c r="DX4" s="435"/>
      <c r="DY4" s="435"/>
      <c r="DZ4" s="435"/>
      <c r="EA4" s="435"/>
      <c r="EB4" s="436"/>
    </row>
    <row r="5" spans="2:133" ht="21" customHeight="1" x14ac:dyDescent="0.2">
      <c r="B5" s="525"/>
      <c r="C5" s="503" t="s">
        <v>61</v>
      </c>
      <c r="D5" s="504"/>
      <c r="E5" s="505"/>
      <c r="F5" s="506" t="s">
        <v>62</v>
      </c>
      <c r="G5" s="507"/>
      <c r="H5" s="507"/>
      <c r="I5" s="507"/>
      <c r="J5" s="507"/>
      <c r="K5" s="508"/>
      <c r="L5" s="517" t="s">
        <v>52</v>
      </c>
      <c r="M5" s="519" t="s">
        <v>61</v>
      </c>
      <c r="N5" s="513"/>
      <c r="O5" s="514"/>
      <c r="P5" s="515" t="s">
        <v>62</v>
      </c>
      <c r="Q5" s="435"/>
      <c r="R5" s="435"/>
      <c r="S5" s="435"/>
      <c r="T5" s="435"/>
      <c r="U5" s="516"/>
      <c r="V5" s="511" t="s">
        <v>52</v>
      </c>
      <c r="W5" s="512" t="s">
        <v>61</v>
      </c>
      <c r="X5" s="513"/>
      <c r="Y5" s="514"/>
      <c r="Z5" s="515" t="s">
        <v>62</v>
      </c>
      <c r="AA5" s="435"/>
      <c r="AB5" s="435"/>
      <c r="AC5" s="435"/>
      <c r="AD5" s="435"/>
      <c r="AE5" s="516"/>
      <c r="AF5" s="511" t="s">
        <v>52</v>
      </c>
      <c r="AG5" s="503" t="s">
        <v>61</v>
      </c>
      <c r="AH5" s="504"/>
      <c r="AI5" s="505"/>
      <c r="AJ5" s="506" t="s">
        <v>62</v>
      </c>
      <c r="AK5" s="507"/>
      <c r="AL5" s="507"/>
      <c r="AM5" s="507"/>
      <c r="AN5" s="507"/>
      <c r="AO5" s="508"/>
      <c r="AP5" s="509" t="s">
        <v>52</v>
      </c>
      <c r="AQ5" s="519" t="s">
        <v>61</v>
      </c>
      <c r="AR5" s="513"/>
      <c r="AS5" s="514"/>
      <c r="AT5" s="515" t="s">
        <v>62</v>
      </c>
      <c r="AU5" s="435"/>
      <c r="AV5" s="435"/>
      <c r="AW5" s="435"/>
      <c r="AX5" s="435"/>
      <c r="AY5" s="516"/>
      <c r="AZ5" s="528" t="s">
        <v>52</v>
      </c>
      <c r="BA5" s="519" t="s">
        <v>61</v>
      </c>
      <c r="BB5" s="513"/>
      <c r="BC5" s="514"/>
      <c r="BD5" s="515" t="s">
        <v>62</v>
      </c>
      <c r="BE5" s="435"/>
      <c r="BF5" s="435"/>
      <c r="BG5" s="435"/>
      <c r="BH5" s="435"/>
      <c r="BI5" s="516"/>
      <c r="BJ5" s="511" t="s">
        <v>52</v>
      </c>
      <c r="BK5" s="503" t="s">
        <v>61</v>
      </c>
      <c r="BL5" s="504"/>
      <c r="BM5" s="505"/>
      <c r="BN5" s="506" t="s">
        <v>62</v>
      </c>
      <c r="BO5" s="507"/>
      <c r="BP5" s="507"/>
      <c r="BQ5" s="507"/>
      <c r="BR5" s="507"/>
      <c r="BS5" s="508"/>
      <c r="BT5" s="517" t="s">
        <v>52</v>
      </c>
      <c r="BU5" s="519" t="s">
        <v>61</v>
      </c>
      <c r="BV5" s="513"/>
      <c r="BW5" s="514"/>
      <c r="BX5" s="515" t="s">
        <v>62</v>
      </c>
      <c r="BY5" s="435"/>
      <c r="BZ5" s="435"/>
      <c r="CA5" s="435"/>
      <c r="CB5" s="435"/>
      <c r="CC5" s="516"/>
      <c r="CD5" s="511" t="s">
        <v>52</v>
      </c>
      <c r="CE5" s="512" t="s">
        <v>61</v>
      </c>
      <c r="CF5" s="513"/>
      <c r="CG5" s="514"/>
      <c r="CH5" s="515" t="s">
        <v>62</v>
      </c>
      <c r="CI5" s="435"/>
      <c r="CJ5" s="435"/>
      <c r="CK5" s="435"/>
      <c r="CL5" s="435"/>
      <c r="CM5" s="516"/>
      <c r="CN5" s="511" t="s">
        <v>52</v>
      </c>
      <c r="CO5" s="503" t="s">
        <v>61</v>
      </c>
      <c r="CP5" s="504"/>
      <c r="CQ5" s="505"/>
      <c r="CR5" s="506" t="s">
        <v>62</v>
      </c>
      <c r="CS5" s="507"/>
      <c r="CT5" s="507"/>
      <c r="CU5" s="507"/>
      <c r="CV5" s="507"/>
      <c r="CW5" s="508"/>
      <c r="CX5" s="517" t="s">
        <v>52</v>
      </c>
      <c r="CY5" s="519" t="s">
        <v>61</v>
      </c>
      <c r="CZ5" s="513"/>
      <c r="DA5" s="514"/>
      <c r="DB5" s="515" t="s">
        <v>62</v>
      </c>
      <c r="DC5" s="435"/>
      <c r="DD5" s="435"/>
      <c r="DE5" s="435"/>
      <c r="DF5" s="435"/>
      <c r="DG5" s="516"/>
      <c r="DH5" s="511" t="s">
        <v>52</v>
      </c>
      <c r="DI5" s="512" t="s">
        <v>61</v>
      </c>
      <c r="DJ5" s="513"/>
      <c r="DK5" s="514"/>
      <c r="DL5" s="515" t="s">
        <v>62</v>
      </c>
      <c r="DM5" s="435"/>
      <c r="DN5" s="435"/>
      <c r="DO5" s="435"/>
      <c r="DP5" s="435"/>
      <c r="DQ5" s="516"/>
      <c r="DR5" s="511" t="s">
        <v>52</v>
      </c>
      <c r="DS5" s="503" t="s">
        <v>61</v>
      </c>
      <c r="DT5" s="504"/>
      <c r="DU5" s="505"/>
      <c r="DV5" s="506" t="s">
        <v>62</v>
      </c>
      <c r="DW5" s="507"/>
      <c r="DX5" s="507"/>
      <c r="DY5" s="507"/>
      <c r="DZ5" s="507"/>
      <c r="EA5" s="508"/>
      <c r="EB5" s="509" t="s">
        <v>52</v>
      </c>
    </row>
    <row r="6" spans="2:133" ht="30" customHeight="1" thickBot="1" x14ac:dyDescent="0.25">
      <c r="B6" s="72" t="s">
        <v>42</v>
      </c>
      <c r="C6" s="229" t="s">
        <v>43</v>
      </c>
      <c r="D6" s="230" t="s">
        <v>44</v>
      </c>
      <c r="E6" s="230" t="s">
        <v>45</v>
      </c>
      <c r="F6" s="231" t="s">
        <v>47</v>
      </c>
      <c r="G6" s="232" t="s">
        <v>48</v>
      </c>
      <c r="H6" s="232" t="s">
        <v>49</v>
      </c>
      <c r="I6" s="233" t="s">
        <v>50</v>
      </c>
      <c r="J6" s="230" t="s">
        <v>51</v>
      </c>
      <c r="K6" s="234" t="s">
        <v>95</v>
      </c>
      <c r="L6" s="518"/>
      <c r="M6" s="229" t="s">
        <v>43</v>
      </c>
      <c r="N6" s="230" t="s">
        <v>44</v>
      </c>
      <c r="O6" s="234" t="s">
        <v>45</v>
      </c>
      <c r="P6" s="231" t="s">
        <v>47</v>
      </c>
      <c r="Q6" s="232" t="s">
        <v>48</v>
      </c>
      <c r="R6" s="232" t="s">
        <v>49</v>
      </c>
      <c r="S6" s="233" t="s">
        <v>50</v>
      </c>
      <c r="T6" s="230" t="s">
        <v>51</v>
      </c>
      <c r="U6" s="234" t="s">
        <v>45</v>
      </c>
      <c r="V6" s="510"/>
      <c r="W6" s="235" t="s">
        <v>43</v>
      </c>
      <c r="X6" s="230" t="s">
        <v>44</v>
      </c>
      <c r="Y6" s="234" t="s">
        <v>45</v>
      </c>
      <c r="Z6" s="235" t="s">
        <v>47</v>
      </c>
      <c r="AA6" s="232" t="s">
        <v>48</v>
      </c>
      <c r="AB6" s="232" t="s">
        <v>49</v>
      </c>
      <c r="AC6" s="233" t="s">
        <v>50</v>
      </c>
      <c r="AD6" s="230" t="s">
        <v>51</v>
      </c>
      <c r="AE6" s="234" t="s">
        <v>45</v>
      </c>
      <c r="AF6" s="510"/>
      <c r="AG6" s="229" t="s">
        <v>43</v>
      </c>
      <c r="AH6" s="230" t="s">
        <v>44</v>
      </c>
      <c r="AI6" s="234" t="s">
        <v>45</v>
      </c>
      <c r="AJ6" s="235" t="s">
        <v>47</v>
      </c>
      <c r="AK6" s="232" t="s">
        <v>48</v>
      </c>
      <c r="AL6" s="232" t="s">
        <v>49</v>
      </c>
      <c r="AM6" s="233" t="s">
        <v>50</v>
      </c>
      <c r="AN6" s="230" t="s">
        <v>51</v>
      </c>
      <c r="AO6" s="234" t="s">
        <v>45</v>
      </c>
      <c r="AP6" s="510"/>
      <c r="AQ6" s="229" t="s">
        <v>43</v>
      </c>
      <c r="AR6" s="230" t="s">
        <v>44</v>
      </c>
      <c r="AS6" s="234" t="s">
        <v>45</v>
      </c>
      <c r="AT6" s="231" t="s">
        <v>47</v>
      </c>
      <c r="AU6" s="232" t="s">
        <v>48</v>
      </c>
      <c r="AV6" s="232" t="s">
        <v>49</v>
      </c>
      <c r="AW6" s="233" t="s">
        <v>50</v>
      </c>
      <c r="AX6" s="230" t="s">
        <v>51</v>
      </c>
      <c r="AY6" s="234" t="s">
        <v>45</v>
      </c>
      <c r="AZ6" s="518"/>
      <c r="BA6" s="229" t="s">
        <v>43</v>
      </c>
      <c r="BB6" s="230" t="s">
        <v>44</v>
      </c>
      <c r="BC6" s="230" t="s">
        <v>45</v>
      </c>
      <c r="BD6" s="231" t="s">
        <v>47</v>
      </c>
      <c r="BE6" s="232" t="s">
        <v>48</v>
      </c>
      <c r="BF6" s="232" t="s">
        <v>49</v>
      </c>
      <c r="BG6" s="233" t="s">
        <v>50</v>
      </c>
      <c r="BH6" s="230" t="s">
        <v>51</v>
      </c>
      <c r="BI6" s="234" t="s">
        <v>45</v>
      </c>
      <c r="BJ6" s="510"/>
      <c r="BK6" s="229" t="s">
        <v>43</v>
      </c>
      <c r="BL6" s="230" t="s">
        <v>44</v>
      </c>
      <c r="BM6" s="230" t="s">
        <v>45</v>
      </c>
      <c r="BN6" s="231" t="s">
        <v>47</v>
      </c>
      <c r="BO6" s="232" t="s">
        <v>48</v>
      </c>
      <c r="BP6" s="232" t="s">
        <v>49</v>
      </c>
      <c r="BQ6" s="233" t="s">
        <v>50</v>
      </c>
      <c r="BR6" s="230" t="s">
        <v>51</v>
      </c>
      <c r="BS6" s="234" t="s">
        <v>45</v>
      </c>
      <c r="BT6" s="518"/>
      <c r="BU6" s="229" t="s">
        <v>43</v>
      </c>
      <c r="BV6" s="230" t="s">
        <v>44</v>
      </c>
      <c r="BW6" s="230" t="s">
        <v>45</v>
      </c>
      <c r="BX6" s="231" t="s">
        <v>47</v>
      </c>
      <c r="BY6" s="232" t="s">
        <v>48</v>
      </c>
      <c r="BZ6" s="232" t="s">
        <v>49</v>
      </c>
      <c r="CA6" s="233" t="s">
        <v>50</v>
      </c>
      <c r="CB6" s="230" t="s">
        <v>51</v>
      </c>
      <c r="CC6" s="234" t="s">
        <v>45</v>
      </c>
      <c r="CD6" s="510"/>
      <c r="CE6" s="235" t="s">
        <v>43</v>
      </c>
      <c r="CF6" s="230" t="s">
        <v>44</v>
      </c>
      <c r="CG6" s="230" t="s">
        <v>45</v>
      </c>
      <c r="CH6" s="231" t="s">
        <v>47</v>
      </c>
      <c r="CI6" s="232" t="s">
        <v>48</v>
      </c>
      <c r="CJ6" s="232" t="s">
        <v>49</v>
      </c>
      <c r="CK6" s="233" t="s">
        <v>50</v>
      </c>
      <c r="CL6" s="230" t="s">
        <v>51</v>
      </c>
      <c r="CM6" s="234" t="s">
        <v>45</v>
      </c>
      <c r="CN6" s="510"/>
      <c r="CO6" s="229" t="s">
        <v>43</v>
      </c>
      <c r="CP6" s="230" t="s">
        <v>44</v>
      </c>
      <c r="CQ6" s="230" t="s">
        <v>45</v>
      </c>
      <c r="CR6" s="231" t="s">
        <v>47</v>
      </c>
      <c r="CS6" s="232" t="s">
        <v>48</v>
      </c>
      <c r="CT6" s="232" t="s">
        <v>49</v>
      </c>
      <c r="CU6" s="233" t="s">
        <v>50</v>
      </c>
      <c r="CV6" s="230" t="s">
        <v>51</v>
      </c>
      <c r="CW6" s="234" t="s">
        <v>45</v>
      </c>
      <c r="CX6" s="518"/>
      <c r="CY6" s="229" t="s">
        <v>43</v>
      </c>
      <c r="CZ6" s="230" t="s">
        <v>44</v>
      </c>
      <c r="DA6" s="230" t="s">
        <v>45</v>
      </c>
      <c r="DB6" s="231" t="s">
        <v>47</v>
      </c>
      <c r="DC6" s="232" t="s">
        <v>48</v>
      </c>
      <c r="DD6" s="232" t="s">
        <v>49</v>
      </c>
      <c r="DE6" s="233" t="s">
        <v>50</v>
      </c>
      <c r="DF6" s="230" t="s">
        <v>51</v>
      </c>
      <c r="DG6" s="234" t="s">
        <v>45</v>
      </c>
      <c r="DH6" s="510"/>
      <c r="DI6" s="235" t="s">
        <v>43</v>
      </c>
      <c r="DJ6" s="230" t="s">
        <v>44</v>
      </c>
      <c r="DK6" s="230" t="s">
        <v>45</v>
      </c>
      <c r="DL6" s="231" t="s">
        <v>47</v>
      </c>
      <c r="DM6" s="232" t="s">
        <v>48</v>
      </c>
      <c r="DN6" s="232" t="s">
        <v>49</v>
      </c>
      <c r="DO6" s="233" t="s">
        <v>50</v>
      </c>
      <c r="DP6" s="230" t="s">
        <v>51</v>
      </c>
      <c r="DQ6" s="234" t="s">
        <v>45</v>
      </c>
      <c r="DR6" s="510"/>
      <c r="DS6" s="229" t="s">
        <v>43</v>
      </c>
      <c r="DT6" s="230" t="s">
        <v>44</v>
      </c>
      <c r="DU6" s="230" t="s">
        <v>45</v>
      </c>
      <c r="DV6" s="231" t="s">
        <v>47</v>
      </c>
      <c r="DW6" s="232" t="s">
        <v>48</v>
      </c>
      <c r="DX6" s="232" t="s">
        <v>49</v>
      </c>
      <c r="DY6" s="233" t="s">
        <v>50</v>
      </c>
      <c r="DZ6" s="230" t="s">
        <v>51</v>
      </c>
      <c r="EA6" s="234" t="s">
        <v>45</v>
      </c>
      <c r="EB6" s="510"/>
    </row>
    <row r="7" spans="2:133" ht="21" customHeight="1" x14ac:dyDescent="0.2">
      <c r="B7" s="84" t="s">
        <v>4</v>
      </c>
      <c r="C7" s="211">
        <v>0</v>
      </c>
      <c r="D7" s="213">
        <v>0</v>
      </c>
      <c r="E7" s="213">
        <v>0</v>
      </c>
      <c r="F7" s="214">
        <v>476</v>
      </c>
      <c r="G7" s="212">
        <v>1734</v>
      </c>
      <c r="H7" s="212">
        <v>10312</v>
      </c>
      <c r="I7" s="212">
        <v>14866</v>
      </c>
      <c r="J7" s="213">
        <v>9730</v>
      </c>
      <c r="K7" s="236">
        <v>37118</v>
      </c>
      <c r="L7" s="237">
        <v>37118</v>
      </c>
      <c r="M7" s="211">
        <v>0</v>
      </c>
      <c r="N7" s="213">
        <v>0</v>
      </c>
      <c r="O7" s="236">
        <v>0</v>
      </c>
      <c r="P7" s="214">
        <v>472</v>
      </c>
      <c r="Q7" s="212">
        <v>1720</v>
      </c>
      <c r="R7" s="212">
        <v>10238</v>
      </c>
      <c r="S7" s="212">
        <v>14731</v>
      </c>
      <c r="T7" s="213">
        <v>9590</v>
      </c>
      <c r="U7" s="236">
        <v>36751</v>
      </c>
      <c r="V7" s="238">
        <v>36751</v>
      </c>
      <c r="W7" s="216">
        <v>0</v>
      </c>
      <c r="X7" s="213">
        <v>0</v>
      </c>
      <c r="Y7" s="236">
        <v>0</v>
      </c>
      <c r="Z7" s="216">
        <v>4</v>
      </c>
      <c r="AA7" s="212">
        <v>14</v>
      </c>
      <c r="AB7" s="212">
        <v>74</v>
      </c>
      <c r="AC7" s="212">
        <v>135</v>
      </c>
      <c r="AD7" s="213">
        <v>140</v>
      </c>
      <c r="AE7" s="236">
        <v>367</v>
      </c>
      <c r="AF7" s="215">
        <v>367</v>
      </c>
      <c r="AG7" s="216">
        <v>0</v>
      </c>
      <c r="AH7" s="213">
        <v>0</v>
      </c>
      <c r="AI7" s="236">
        <v>0</v>
      </c>
      <c r="AJ7" s="216">
        <v>1625</v>
      </c>
      <c r="AK7" s="212">
        <v>3360</v>
      </c>
      <c r="AL7" s="212">
        <v>4819</v>
      </c>
      <c r="AM7" s="212">
        <v>5743</v>
      </c>
      <c r="AN7" s="213">
        <v>2918</v>
      </c>
      <c r="AO7" s="236">
        <v>18465</v>
      </c>
      <c r="AP7" s="215">
        <v>18465</v>
      </c>
      <c r="AQ7" s="216">
        <v>0</v>
      </c>
      <c r="AR7" s="213">
        <v>0</v>
      </c>
      <c r="AS7" s="236">
        <v>0</v>
      </c>
      <c r="AT7" s="214">
        <v>1607</v>
      </c>
      <c r="AU7" s="212">
        <v>3315</v>
      </c>
      <c r="AV7" s="212">
        <v>4729</v>
      </c>
      <c r="AW7" s="212">
        <v>5640</v>
      </c>
      <c r="AX7" s="213">
        <v>2847</v>
      </c>
      <c r="AY7" s="236">
        <v>18138</v>
      </c>
      <c r="AZ7" s="237">
        <v>18138</v>
      </c>
      <c r="BA7" s="211">
        <v>0</v>
      </c>
      <c r="BB7" s="213">
        <v>0</v>
      </c>
      <c r="BC7" s="213">
        <v>0</v>
      </c>
      <c r="BD7" s="214">
        <v>18</v>
      </c>
      <c r="BE7" s="212">
        <v>45</v>
      </c>
      <c r="BF7" s="212">
        <v>90</v>
      </c>
      <c r="BG7" s="212">
        <v>103</v>
      </c>
      <c r="BH7" s="213">
        <v>71</v>
      </c>
      <c r="BI7" s="236">
        <v>327</v>
      </c>
      <c r="BJ7" s="238">
        <v>327</v>
      </c>
      <c r="BK7" s="216">
        <v>0</v>
      </c>
      <c r="BL7" s="213">
        <v>0</v>
      </c>
      <c r="BM7" s="213">
        <v>0</v>
      </c>
      <c r="BN7" s="214">
        <v>0</v>
      </c>
      <c r="BO7" s="212">
        <v>0</v>
      </c>
      <c r="BP7" s="212">
        <v>0</v>
      </c>
      <c r="BQ7" s="212">
        <v>0</v>
      </c>
      <c r="BR7" s="213">
        <v>0</v>
      </c>
      <c r="BS7" s="236">
        <v>0</v>
      </c>
      <c r="BT7" s="237">
        <v>0</v>
      </c>
      <c r="BU7" s="211">
        <v>0</v>
      </c>
      <c r="BV7" s="213">
        <v>0</v>
      </c>
      <c r="BW7" s="213">
        <v>0</v>
      </c>
      <c r="BX7" s="214">
        <v>0</v>
      </c>
      <c r="BY7" s="212">
        <v>0</v>
      </c>
      <c r="BZ7" s="212">
        <v>0</v>
      </c>
      <c r="CA7" s="212">
        <v>0</v>
      </c>
      <c r="CB7" s="213">
        <v>0</v>
      </c>
      <c r="CC7" s="236">
        <v>0</v>
      </c>
      <c r="CD7" s="238">
        <v>0</v>
      </c>
      <c r="CE7" s="216">
        <v>0</v>
      </c>
      <c r="CF7" s="213">
        <v>0</v>
      </c>
      <c r="CG7" s="213">
        <v>0</v>
      </c>
      <c r="CH7" s="214">
        <v>0</v>
      </c>
      <c r="CI7" s="212">
        <v>0</v>
      </c>
      <c r="CJ7" s="212">
        <v>0</v>
      </c>
      <c r="CK7" s="212">
        <v>0</v>
      </c>
      <c r="CL7" s="213">
        <v>0</v>
      </c>
      <c r="CM7" s="236">
        <v>0</v>
      </c>
      <c r="CN7" s="238">
        <v>0</v>
      </c>
      <c r="CO7" s="216">
        <v>0</v>
      </c>
      <c r="CP7" s="213">
        <v>0</v>
      </c>
      <c r="CQ7" s="213">
        <v>0</v>
      </c>
      <c r="CR7" s="214">
        <v>18</v>
      </c>
      <c r="CS7" s="212">
        <v>21</v>
      </c>
      <c r="CT7" s="212">
        <v>64</v>
      </c>
      <c r="CU7" s="212">
        <v>373</v>
      </c>
      <c r="CV7" s="213">
        <v>508</v>
      </c>
      <c r="CW7" s="236">
        <v>984</v>
      </c>
      <c r="CX7" s="237">
        <v>984</v>
      </c>
      <c r="CY7" s="211">
        <v>0</v>
      </c>
      <c r="CZ7" s="213">
        <v>0</v>
      </c>
      <c r="DA7" s="213">
        <v>0</v>
      </c>
      <c r="DB7" s="214">
        <v>17</v>
      </c>
      <c r="DC7" s="212">
        <v>21</v>
      </c>
      <c r="DD7" s="212">
        <v>63</v>
      </c>
      <c r="DE7" s="212">
        <v>367</v>
      </c>
      <c r="DF7" s="213">
        <v>495</v>
      </c>
      <c r="DG7" s="236">
        <v>963</v>
      </c>
      <c r="DH7" s="238">
        <v>963</v>
      </c>
      <c r="DI7" s="216">
        <v>0</v>
      </c>
      <c r="DJ7" s="213">
        <v>0</v>
      </c>
      <c r="DK7" s="213">
        <v>0</v>
      </c>
      <c r="DL7" s="214">
        <v>1</v>
      </c>
      <c r="DM7" s="212">
        <v>0</v>
      </c>
      <c r="DN7" s="212">
        <v>1</v>
      </c>
      <c r="DO7" s="212">
        <v>6</v>
      </c>
      <c r="DP7" s="213">
        <v>13</v>
      </c>
      <c r="DQ7" s="236">
        <v>21</v>
      </c>
      <c r="DR7" s="238">
        <v>21</v>
      </c>
      <c r="DS7" s="216">
        <v>0</v>
      </c>
      <c r="DT7" s="213">
        <v>0</v>
      </c>
      <c r="DU7" s="213">
        <v>0</v>
      </c>
      <c r="DV7" s="214">
        <v>2119</v>
      </c>
      <c r="DW7" s="212">
        <v>5115</v>
      </c>
      <c r="DX7" s="212">
        <v>15180</v>
      </c>
      <c r="DY7" s="212">
        <v>20953</v>
      </c>
      <c r="DZ7" s="213">
        <v>13140</v>
      </c>
      <c r="EA7" s="236">
        <v>56507</v>
      </c>
      <c r="EB7" s="238">
        <v>56507</v>
      </c>
      <c r="EC7" s="239"/>
    </row>
    <row r="8" spans="2:133" ht="21" customHeight="1" x14ac:dyDescent="0.2">
      <c r="B8" s="95" t="s">
        <v>5</v>
      </c>
      <c r="C8" s="217">
        <v>0</v>
      </c>
      <c r="D8" s="219">
        <v>0</v>
      </c>
      <c r="E8" s="219">
        <v>0</v>
      </c>
      <c r="F8" s="220">
        <v>275</v>
      </c>
      <c r="G8" s="218">
        <v>1182</v>
      </c>
      <c r="H8" s="218">
        <v>4584</v>
      </c>
      <c r="I8" s="218">
        <v>6223</v>
      </c>
      <c r="J8" s="219">
        <v>4045</v>
      </c>
      <c r="K8" s="240">
        <v>16309</v>
      </c>
      <c r="L8" s="241">
        <v>16309</v>
      </c>
      <c r="M8" s="217">
        <v>0</v>
      </c>
      <c r="N8" s="219">
        <v>0</v>
      </c>
      <c r="O8" s="240">
        <v>0</v>
      </c>
      <c r="P8" s="220">
        <v>274</v>
      </c>
      <c r="Q8" s="218">
        <v>1174</v>
      </c>
      <c r="R8" s="218">
        <v>4545</v>
      </c>
      <c r="S8" s="218">
        <v>6168</v>
      </c>
      <c r="T8" s="219">
        <v>3969</v>
      </c>
      <c r="U8" s="240">
        <v>16130</v>
      </c>
      <c r="V8" s="242">
        <v>16130</v>
      </c>
      <c r="W8" s="222">
        <v>0</v>
      </c>
      <c r="X8" s="219">
        <v>0</v>
      </c>
      <c r="Y8" s="240">
        <v>0</v>
      </c>
      <c r="Z8" s="222">
        <v>1</v>
      </c>
      <c r="AA8" s="218">
        <v>8</v>
      </c>
      <c r="AB8" s="218">
        <v>39</v>
      </c>
      <c r="AC8" s="218">
        <v>55</v>
      </c>
      <c r="AD8" s="219">
        <v>76</v>
      </c>
      <c r="AE8" s="240">
        <v>179</v>
      </c>
      <c r="AF8" s="221">
        <v>179</v>
      </c>
      <c r="AG8" s="222">
        <v>0</v>
      </c>
      <c r="AH8" s="219">
        <v>0</v>
      </c>
      <c r="AI8" s="240">
        <v>0</v>
      </c>
      <c r="AJ8" s="222">
        <v>587</v>
      </c>
      <c r="AK8" s="218">
        <v>1544</v>
      </c>
      <c r="AL8" s="218">
        <v>2143</v>
      </c>
      <c r="AM8" s="218">
        <v>2617</v>
      </c>
      <c r="AN8" s="219">
        <v>1391</v>
      </c>
      <c r="AO8" s="240">
        <v>8282</v>
      </c>
      <c r="AP8" s="221">
        <v>8282</v>
      </c>
      <c r="AQ8" s="222">
        <v>0</v>
      </c>
      <c r="AR8" s="219">
        <v>0</v>
      </c>
      <c r="AS8" s="240">
        <v>0</v>
      </c>
      <c r="AT8" s="220">
        <v>583</v>
      </c>
      <c r="AU8" s="218">
        <v>1524</v>
      </c>
      <c r="AV8" s="218">
        <v>2115</v>
      </c>
      <c r="AW8" s="218">
        <v>2575</v>
      </c>
      <c r="AX8" s="219">
        <v>1364</v>
      </c>
      <c r="AY8" s="240">
        <v>8161</v>
      </c>
      <c r="AZ8" s="241">
        <v>8161</v>
      </c>
      <c r="BA8" s="217">
        <v>0</v>
      </c>
      <c r="BB8" s="219">
        <v>0</v>
      </c>
      <c r="BC8" s="219">
        <v>0</v>
      </c>
      <c r="BD8" s="220">
        <v>4</v>
      </c>
      <c r="BE8" s="218">
        <v>20</v>
      </c>
      <c r="BF8" s="218">
        <v>28</v>
      </c>
      <c r="BG8" s="218">
        <v>42</v>
      </c>
      <c r="BH8" s="219">
        <v>27</v>
      </c>
      <c r="BI8" s="240">
        <v>121</v>
      </c>
      <c r="BJ8" s="242">
        <v>121</v>
      </c>
      <c r="BK8" s="222">
        <v>0</v>
      </c>
      <c r="BL8" s="219">
        <v>0</v>
      </c>
      <c r="BM8" s="219">
        <v>0</v>
      </c>
      <c r="BN8" s="220">
        <v>0</v>
      </c>
      <c r="BO8" s="218">
        <v>0</v>
      </c>
      <c r="BP8" s="218">
        <v>0</v>
      </c>
      <c r="BQ8" s="218">
        <v>0</v>
      </c>
      <c r="BR8" s="219">
        <v>0</v>
      </c>
      <c r="BS8" s="240">
        <v>0</v>
      </c>
      <c r="BT8" s="241">
        <v>0</v>
      </c>
      <c r="BU8" s="217">
        <v>0</v>
      </c>
      <c r="BV8" s="219">
        <v>0</v>
      </c>
      <c r="BW8" s="219">
        <v>0</v>
      </c>
      <c r="BX8" s="220">
        <v>0</v>
      </c>
      <c r="BY8" s="218">
        <v>0</v>
      </c>
      <c r="BZ8" s="218">
        <v>0</v>
      </c>
      <c r="CA8" s="218">
        <v>0</v>
      </c>
      <c r="CB8" s="219">
        <v>0</v>
      </c>
      <c r="CC8" s="240">
        <v>0</v>
      </c>
      <c r="CD8" s="242">
        <v>0</v>
      </c>
      <c r="CE8" s="222">
        <v>0</v>
      </c>
      <c r="CF8" s="219">
        <v>0</v>
      </c>
      <c r="CG8" s="219">
        <v>0</v>
      </c>
      <c r="CH8" s="220">
        <v>0</v>
      </c>
      <c r="CI8" s="218">
        <v>0</v>
      </c>
      <c r="CJ8" s="218">
        <v>0</v>
      </c>
      <c r="CK8" s="218">
        <v>0</v>
      </c>
      <c r="CL8" s="219">
        <v>0</v>
      </c>
      <c r="CM8" s="240">
        <v>0</v>
      </c>
      <c r="CN8" s="242">
        <v>0</v>
      </c>
      <c r="CO8" s="222">
        <v>0</v>
      </c>
      <c r="CP8" s="219">
        <v>0</v>
      </c>
      <c r="CQ8" s="219">
        <v>0</v>
      </c>
      <c r="CR8" s="220">
        <v>2</v>
      </c>
      <c r="CS8" s="218">
        <v>1</v>
      </c>
      <c r="CT8" s="218">
        <v>13</v>
      </c>
      <c r="CU8" s="218">
        <v>104</v>
      </c>
      <c r="CV8" s="219">
        <v>127</v>
      </c>
      <c r="CW8" s="240">
        <v>247</v>
      </c>
      <c r="CX8" s="241">
        <v>247</v>
      </c>
      <c r="CY8" s="217">
        <v>0</v>
      </c>
      <c r="CZ8" s="219">
        <v>0</v>
      </c>
      <c r="DA8" s="219">
        <v>0</v>
      </c>
      <c r="DB8" s="220">
        <v>2</v>
      </c>
      <c r="DC8" s="218">
        <v>1</v>
      </c>
      <c r="DD8" s="218">
        <v>13</v>
      </c>
      <c r="DE8" s="218">
        <v>102</v>
      </c>
      <c r="DF8" s="219">
        <v>127</v>
      </c>
      <c r="DG8" s="240">
        <v>245</v>
      </c>
      <c r="DH8" s="242">
        <v>245</v>
      </c>
      <c r="DI8" s="222">
        <v>0</v>
      </c>
      <c r="DJ8" s="219">
        <v>0</v>
      </c>
      <c r="DK8" s="219">
        <v>0</v>
      </c>
      <c r="DL8" s="220">
        <v>0</v>
      </c>
      <c r="DM8" s="218">
        <v>0</v>
      </c>
      <c r="DN8" s="218">
        <v>0</v>
      </c>
      <c r="DO8" s="218">
        <v>2</v>
      </c>
      <c r="DP8" s="219">
        <v>0</v>
      </c>
      <c r="DQ8" s="240">
        <v>2</v>
      </c>
      <c r="DR8" s="242">
        <v>2</v>
      </c>
      <c r="DS8" s="222">
        <v>0</v>
      </c>
      <c r="DT8" s="219">
        <v>0</v>
      </c>
      <c r="DU8" s="219">
        <v>0</v>
      </c>
      <c r="DV8" s="220">
        <v>864</v>
      </c>
      <c r="DW8" s="218">
        <v>2727</v>
      </c>
      <c r="DX8" s="218">
        <v>6740</v>
      </c>
      <c r="DY8" s="218">
        <v>8944</v>
      </c>
      <c r="DZ8" s="219">
        <v>5563</v>
      </c>
      <c r="EA8" s="240">
        <v>24838</v>
      </c>
      <c r="EB8" s="242">
        <v>24838</v>
      </c>
      <c r="EC8" s="239"/>
    </row>
    <row r="9" spans="2:133" ht="21" customHeight="1" x14ac:dyDescent="0.2">
      <c r="B9" s="106" t="s">
        <v>6</v>
      </c>
      <c r="C9" s="217">
        <v>0</v>
      </c>
      <c r="D9" s="219">
        <v>0</v>
      </c>
      <c r="E9" s="219">
        <v>0</v>
      </c>
      <c r="F9" s="220">
        <v>94</v>
      </c>
      <c r="G9" s="218">
        <v>212</v>
      </c>
      <c r="H9" s="218">
        <v>1302</v>
      </c>
      <c r="I9" s="218">
        <v>1820</v>
      </c>
      <c r="J9" s="219">
        <v>1315</v>
      </c>
      <c r="K9" s="240">
        <v>4743</v>
      </c>
      <c r="L9" s="241">
        <v>4743</v>
      </c>
      <c r="M9" s="217">
        <v>0</v>
      </c>
      <c r="N9" s="219">
        <v>0</v>
      </c>
      <c r="O9" s="240">
        <v>0</v>
      </c>
      <c r="P9" s="220">
        <v>93</v>
      </c>
      <c r="Q9" s="218">
        <v>210</v>
      </c>
      <c r="R9" s="218">
        <v>1291</v>
      </c>
      <c r="S9" s="218">
        <v>1804</v>
      </c>
      <c r="T9" s="219">
        <v>1300</v>
      </c>
      <c r="U9" s="240">
        <v>4698</v>
      </c>
      <c r="V9" s="242">
        <v>4698</v>
      </c>
      <c r="W9" s="222">
        <v>0</v>
      </c>
      <c r="X9" s="219">
        <v>0</v>
      </c>
      <c r="Y9" s="240">
        <v>0</v>
      </c>
      <c r="Z9" s="222">
        <v>1</v>
      </c>
      <c r="AA9" s="218">
        <v>2</v>
      </c>
      <c r="AB9" s="218">
        <v>11</v>
      </c>
      <c r="AC9" s="218">
        <v>16</v>
      </c>
      <c r="AD9" s="219">
        <v>15</v>
      </c>
      <c r="AE9" s="240">
        <v>45</v>
      </c>
      <c r="AF9" s="221">
        <v>45</v>
      </c>
      <c r="AG9" s="222">
        <v>0</v>
      </c>
      <c r="AH9" s="219">
        <v>0</v>
      </c>
      <c r="AI9" s="240">
        <v>0</v>
      </c>
      <c r="AJ9" s="222">
        <v>223</v>
      </c>
      <c r="AK9" s="218">
        <v>333</v>
      </c>
      <c r="AL9" s="218">
        <v>543</v>
      </c>
      <c r="AM9" s="218">
        <v>673</v>
      </c>
      <c r="AN9" s="219">
        <v>343</v>
      </c>
      <c r="AO9" s="240">
        <v>2115</v>
      </c>
      <c r="AP9" s="221">
        <v>2115</v>
      </c>
      <c r="AQ9" s="222">
        <v>0</v>
      </c>
      <c r="AR9" s="219">
        <v>0</v>
      </c>
      <c r="AS9" s="240">
        <v>0</v>
      </c>
      <c r="AT9" s="220">
        <v>219</v>
      </c>
      <c r="AU9" s="218">
        <v>328</v>
      </c>
      <c r="AV9" s="218">
        <v>520</v>
      </c>
      <c r="AW9" s="218">
        <v>656</v>
      </c>
      <c r="AX9" s="219">
        <v>326</v>
      </c>
      <c r="AY9" s="240">
        <v>2049</v>
      </c>
      <c r="AZ9" s="241">
        <v>2049</v>
      </c>
      <c r="BA9" s="217">
        <v>0</v>
      </c>
      <c r="BB9" s="219">
        <v>0</v>
      </c>
      <c r="BC9" s="219">
        <v>0</v>
      </c>
      <c r="BD9" s="220">
        <v>4</v>
      </c>
      <c r="BE9" s="218">
        <v>5</v>
      </c>
      <c r="BF9" s="218">
        <v>23</v>
      </c>
      <c r="BG9" s="218">
        <v>17</v>
      </c>
      <c r="BH9" s="219">
        <v>17</v>
      </c>
      <c r="BI9" s="240">
        <v>66</v>
      </c>
      <c r="BJ9" s="242">
        <v>66</v>
      </c>
      <c r="BK9" s="222">
        <v>0</v>
      </c>
      <c r="BL9" s="219">
        <v>0</v>
      </c>
      <c r="BM9" s="219">
        <v>0</v>
      </c>
      <c r="BN9" s="220">
        <v>0</v>
      </c>
      <c r="BO9" s="218">
        <v>0</v>
      </c>
      <c r="BP9" s="218">
        <v>0</v>
      </c>
      <c r="BQ9" s="218">
        <v>0</v>
      </c>
      <c r="BR9" s="219">
        <v>0</v>
      </c>
      <c r="BS9" s="240">
        <v>0</v>
      </c>
      <c r="BT9" s="241">
        <v>0</v>
      </c>
      <c r="BU9" s="217">
        <v>0</v>
      </c>
      <c r="BV9" s="219">
        <v>0</v>
      </c>
      <c r="BW9" s="219">
        <v>0</v>
      </c>
      <c r="BX9" s="220">
        <v>0</v>
      </c>
      <c r="BY9" s="218">
        <v>0</v>
      </c>
      <c r="BZ9" s="218">
        <v>0</v>
      </c>
      <c r="CA9" s="218">
        <v>0</v>
      </c>
      <c r="CB9" s="219">
        <v>0</v>
      </c>
      <c r="CC9" s="240">
        <v>0</v>
      </c>
      <c r="CD9" s="242">
        <v>0</v>
      </c>
      <c r="CE9" s="222">
        <v>0</v>
      </c>
      <c r="CF9" s="219">
        <v>0</v>
      </c>
      <c r="CG9" s="219">
        <v>0</v>
      </c>
      <c r="CH9" s="220">
        <v>0</v>
      </c>
      <c r="CI9" s="218">
        <v>0</v>
      </c>
      <c r="CJ9" s="218">
        <v>0</v>
      </c>
      <c r="CK9" s="218">
        <v>0</v>
      </c>
      <c r="CL9" s="219">
        <v>0</v>
      </c>
      <c r="CM9" s="240">
        <v>0</v>
      </c>
      <c r="CN9" s="242">
        <v>0</v>
      </c>
      <c r="CO9" s="222">
        <v>0</v>
      </c>
      <c r="CP9" s="219">
        <v>0</v>
      </c>
      <c r="CQ9" s="219">
        <v>0</v>
      </c>
      <c r="CR9" s="220">
        <v>0</v>
      </c>
      <c r="CS9" s="218">
        <v>2</v>
      </c>
      <c r="CT9" s="218">
        <v>1</v>
      </c>
      <c r="CU9" s="218">
        <v>36</v>
      </c>
      <c r="CV9" s="219">
        <v>61</v>
      </c>
      <c r="CW9" s="240">
        <v>100</v>
      </c>
      <c r="CX9" s="241">
        <v>100</v>
      </c>
      <c r="CY9" s="217">
        <v>0</v>
      </c>
      <c r="CZ9" s="219">
        <v>0</v>
      </c>
      <c r="DA9" s="219">
        <v>0</v>
      </c>
      <c r="DB9" s="220">
        <v>0</v>
      </c>
      <c r="DC9" s="218">
        <v>2</v>
      </c>
      <c r="DD9" s="218">
        <v>1</v>
      </c>
      <c r="DE9" s="218">
        <v>35</v>
      </c>
      <c r="DF9" s="219">
        <v>59</v>
      </c>
      <c r="DG9" s="240">
        <v>97</v>
      </c>
      <c r="DH9" s="242">
        <v>97</v>
      </c>
      <c r="DI9" s="222">
        <v>0</v>
      </c>
      <c r="DJ9" s="219">
        <v>0</v>
      </c>
      <c r="DK9" s="219">
        <v>0</v>
      </c>
      <c r="DL9" s="220">
        <v>0</v>
      </c>
      <c r="DM9" s="218">
        <v>0</v>
      </c>
      <c r="DN9" s="218">
        <v>0</v>
      </c>
      <c r="DO9" s="218">
        <v>1</v>
      </c>
      <c r="DP9" s="219">
        <v>2</v>
      </c>
      <c r="DQ9" s="240">
        <v>3</v>
      </c>
      <c r="DR9" s="242">
        <v>3</v>
      </c>
      <c r="DS9" s="222">
        <v>0</v>
      </c>
      <c r="DT9" s="219">
        <v>0</v>
      </c>
      <c r="DU9" s="219">
        <v>0</v>
      </c>
      <c r="DV9" s="220">
        <v>317</v>
      </c>
      <c r="DW9" s="218">
        <v>547</v>
      </c>
      <c r="DX9" s="218">
        <v>1846</v>
      </c>
      <c r="DY9" s="218">
        <v>2529</v>
      </c>
      <c r="DZ9" s="219">
        <v>1719</v>
      </c>
      <c r="EA9" s="240">
        <v>6958</v>
      </c>
      <c r="EB9" s="242">
        <v>6958</v>
      </c>
      <c r="EC9" s="239"/>
    </row>
    <row r="10" spans="2:133" ht="21" customHeight="1" x14ac:dyDescent="0.2">
      <c r="B10" s="106" t="s">
        <v>14</v>
      </c>
      <c r="C10" s="217">
        <v>0</v>
      </c>
      <c r="D10" s="219">
        <v>0</v>
      </c>
      <c r="E10" s="219">
        <v>0</v>
      </c>
      <c r="F10" s="220">
        <v>9</v>
      </c>
      <c r="G10" s="218">
        <v>39</v>
      </c>
      <c r="H10" s="218">
        <v>838</v>
      </c>
      <c r="I10" s="218">
        <v>1243</v>
      </c>
      <c r="J10" s="219">
        <v>795</v>
      </c>
      <c r="K10" s="240">
        <v>2924</v>
      </c>
      <c r="L10" s="241">
        <v>2924</v>
      </c>
      <c r="M10" s="217">
        <v>0</v>
      </c>
      <c r="N10" s="219">
        <v>0</v>
      </c>
      <c r="O10" s="240">
        <v>0</v>
      </c>
      <c r="P10" s="220">
        <v>9</v>
      </c>
      <c r="Q10" s="218">
        <v>39</v>
      </c>
      <c r="R10" s="218">
        <v>833</v>
      </c>
      <c r="S10" s="218">
        <v>1231</v>
      </c>
      <c r="T10" s="219">
        <v>786</v>
      </c>
      <c r="U10" s="240">
        <v>2898</v>
      </c>
      <c r="V10" s="242">
        <v>2898</v>
      </c>
      <c r="W10" s="222">
        <v>0</v>
      </c>
      <c r="X10" s="219">
        <v>0</v>
      </c>
      <c r="Y10" s="240">
        <v>0</v>
      </c>
      <c r="Z10" s="222">
        <v>0</v>
      </c>
      <c r="AA10" s="218">
        <v>0</v>
      </c>
      <c r="AB10" s="218">
        <v>5</v>
      </c>
      <c r="AC10" s="218">
        <v>12</v>
      </c>
      <c r="AD10" s="219">
        <v>9</v>
      </c>
      <c r="AE10" s="240">
        <v>26</v>
      </c>
      <c r="AF10" s="221">
        <v>26</v>
      </c>
      <c r="AG10" s="222">
        <v>0</v>
      </c>
      <c r="AH10" s="219">
        <v>0</v>
      </c>
      <c r="AI10" s="240">
        <v>0</v>
      </c>
      <c r="AJ10" s="222">
        <v>66</v>
      </c>
      <c r="AK10" s="218">
        <v>200</v>
      </c>
      <c r="AL10" s="218">
        <v>294</v>
      </c>
      <c r="AM10" s="218">
        <v>378</v>
      </c>
      <c r="AN10" s="219">
        <v>186</v>
      </c>
      <c r="AO10" s="240">
        <v>1124</v>
      </c>
      <c r="AP10" s="221">
        <v>1124</v>
      </c>
      <c r="AQ10" s="222">
        <v>0</v>
      </c>
      <c r="AR10" s="219">
        <v>0</v>
      </c>
      <c r="AS10" s="240">
        <v>0</v>
      </c>
      <c r="AT10" s="220">
        <v>66</v>
      </c>
      <c r="AU10" s="218">
        <v>196</v>
      </c>
      <c r="AV10" s="218">
        <v>285</v>
      </c>
      <c r="AW10" s="218">
        <v>369</v>
      </c>
      <c r="AX10" s="219">
        <v>181</v>
      </c>
      <c r="AY10" s="240">
        <v>1097</v>
      </c>
      <c r="AZ10" s="241">
        <v>1097</v>
      </c>
      <c r="BA10" s="217">
        <v>0</v>
      </c>
      <c r="BB10" s="219">
        <v>0</v>
      </c>
      <c r="BC10" s="219">
        <v>0</v>
      </c>
      <c r="BD10" s="220">
        <v>0</v>
      </c>
      <c r="BE10" s="218">
        <v>4</v>
      </c>
      <c r="BF10" s="218">
        <v>9</v>
      </c>
      <c r="BG10" s="218">
        <v>9</v>
      </c>
      <c r="BH10" s="219">
        <v>5</v>
      </c>
      <c r="BI10" s="240">
        <v>27</v>
      </c>
      <c r="BJ10" s="242">
        <v>27</v>
      </c>
      <c r="BK10" s="222">
        <v>0</v>
      </c>
      <c r="BL10" s="219">
        <v>0</v>
      </c>
      <c r="BM10" s="219">
        <v>0</v>
      </c>
      <c r="BN10" s="220">
        <v>0</v>
      </c>
      <c r="BO10" s="218">
        <v>0</v>
      </c>
      <c r="BP10" s="218">
        <v>0</v>
      </c>
      <c r="BQ10" s="218">
        <v>0</v>
      </c>
      <c r="BR10" s="219">
        <v>0</v>
      </c>
      <c r="BS10" s="240">
        <v>0</v>
      </c>
      <c r="BT10" s="241">
        <v>0</v>
      </c>
      <c r="BU10" s="217">
        <v>0</v>
      </c>
      <c r="BV10" s="219">
        <v>0</v>
      </c>
      <c r="BW10" s="219">
        <v>0</v>
      </c>
      <c r="BX10" s="220">
        <v>0</v>
      </c>
      <c r="BY10" s="218">
        <v>0</v>
      </c>
      <c r="BZ10" s="218">
        <v>0</v>
      </c>
      <c r="CA10" s="218">
        <v>0</v>
      </c>
      <c r="CB10" s="219">
        <v>0</v>
      </c>
      <c r="CC10" s="240">
        <v>0</v>
      </c>
      <c r="CD10" s="242">
        <v>0</v>
      </c>
      <c r="CE10" s="222">
        <v>0</v>
      </c>
      <c r="CF10" s="219">
        <v>0</v>
      </c>
      <c r="CG10" s="219">
        <v>0</v>
      </c>
      <c r="CH10" s="220">
        <v>0</v>
      </c>
      <c r="CI10" s="218">
        <v>0</v>
      </c>
      <c r="CJ10" s="218">
        <v>0</v>
      </c>
      <c r="CK10" s="218">
        <v>0</v>
      </c>
      <c r="CL10" s="219">
        <v>0</v>
      </c>
      <c r="CM10" s="240">
        <v>0</v>
      </c>
      <c r="CN10" s="242">
        <v>0</v>
      </c>
      <c r="CO10" s="222">
        <v>0</v>
      </c>
      <c r="CP10" s="219">
        <v>0</v>
      </c>
      <c r="CQ10" s="219">
        <v>0</v>
      </c>
      <c r="CR10" s="220">
        <v>2</v>
      </c>
      <c r="CS10" s="218">
        <v>0</v>
      </c>
      <c r="CT10" s="218">
        <v>12</v>
      </c>
      <c r="CU10" s="218">
        <v>98</v>
      </c>
      <c r="CV10" s="219">
        <v>102</v>
      </c>
      <c r="CW10" s="240">
        <v>214</v>
      </c>
      <c r="CX10" s="241">
        <v>214</v>
      </c>
      <c r="CY10" s="217">
        <v>0</v>
      </c>
      <c r="CZ10" s="219">
        <v>0</v>
      </c>
      <c r="DA10" s="219">
        <v>0</v>
      </c>
      <c r="DB10" s="220">
        <v>2</v>
      </c>
      <c r="DC10" s="218">
        <v>0</v>
      </c>
      <c r="DD10" s="218">
        <v>11</v>
      </c>
      <c r="DE10" s="218">
        <v>98</v>
      </c>
      <c r="DF10" s="219">
        <v>98</v>
      </c>
      <c r="DG10" s="240">
        <v>209</v>
      </c>
      <c r="DH10" s="242">
        <v>209</v>
      </c>
      <c r="DI10" s="222">
        <v>0</v>
      </c>
      <c r="DJ10" s="219">
        <v>0</v>
      </c>
      <c r="DK10" s="219">
        <v>0</v>
      </c>
      <c r="DL10" s="220">
        <v>0</v>
      </c>
      <c r="DM10" s="218">
        <v>0</v>
      </c>
      <c r="DN10" s="218">
        <v>1</v>
      </c>
      <c r="DO10" s="218">
        <v>0</v>
      </c>
      <c r="DP10" s="219">
        <v>4</v>
      </c>
      <c r="DQ10" s="240">
        <v>5</v>
      </c>
      <c r="DR10" s="242">
        <v>5</v>
      </c>
      <c r="DS10" s="222">
        <v>0</v>
      </c>
      <c r="DT10" s="219">
        <v>0</v>
      </c>
      <c r="DU10" s="219">
        <v>0</v>
      </c>
      <c r="DV10" s="220">
        <v>77</v>
      </c>
      <c r="DW10" s="218">
        <v>239</v>
      </c>
      <c r="DX10" s="218">
        <v>1141</v>
      </c>
      <c r="DY10" s="218">
        <v>1716</v>
      </c>
      <c r="DZ10" s="219">
        <v>1080</v>
      </c>
      <c r="EA10" s="240">
        <v>4253</v>
      </c>
      <c r="EB10" s="242">
        <v>4253</v>
      </c>
      <c r="EC10" s="239"/>
    </row>
    <row r="11" spans="2:133" ht="21" customHeight="1" x14ac:dyDescent="0.2">
      <c r="B11" s="106" t="s">
        <v>7</v>
      </c>
      <c r="C11" s="217">
        <v>0</v>
      </c>
      <c r="D11" s="219">
        <v>0</v>
      </c>
      <c r="E11" s="219">
        <v>0</v>
      </c>
      <c r="F11" s="220">
        <v>27</v>
      </c>
      <c r="G11" s="218">
        <v>43</v>
      </c>
      <c r="H11" s="218">
        <v>606</v>
      </c>
      <c r="I11" s="218">
        <v>912</v>
      </c>
      <c r="J11" s="219">
        <v>535</v>
      </c>
      <c r="K11" s="240">
        <v>2123</v>
      </c>
      <c r="L11" s="241">
        <v>2123</v>
      </c>
      <c r="M11" s="217">
        <v>0</v>
      </c>
      <c r="N11" s="219">
        <v>0</v>
      </c>
      <c r="O11" s="240">
        <v>0</v>
      </c>
      <c r="P11" s="220">
        <v>26</v>
      </c>
      <c r="Q11" s="218">
        <v>42</v>
      </c>
      <c r="R11" s="218">
        <v>601</v>
      </c>
      <c r="S11" s="218">
        <v>898</v>
      </c>
      <c r="T11" s="219">
        <v>529</v>
      </c>
      <c r="U11" s="240">
        <v>2096</v>
      </c>
      <c r="V11" s="242">
        <v>2096</v>
      </c>
      <c r="W11" s="222">
        <v>0</v>
      </c>
      <c r="X11" s="219">
        <v>0</v>
      </c>
      <c r="Y11" s="240">
        <v>0</v>
      </c>
      <c r="Z11" s="222">
        <v>1</v>
      </c>
      <c r="AA11" s="218">
        <v>1</v>
      </c>
      <c r="AB11" s="218">
        <v>5</v>
      </c>
      <c r="AC11" s="218">
        <v>14</v>
      </c>
      <c r="AD11" s="219">
        <v>6</v>
      </c>
      <c r="AE11" s="240">
        <v>27</v>
      </c>
      <c r="AF11" s="221">
        <v>27</v>
      </c>
      <c r="AG11" s="222">
        <v>0</v>
      </c>
      <c r="AH11" s="219">
        <v>0</v>
      </c>
      <c r="AI11" s="240">
        <v>0</v>
      </c>
      <c r="AJ11" s="222">
        <v>162</v>
      </c>
      <c r="AK11" s="218">
        <v>195</v>
      </c>
      <c r="AL11" s="218">
        <v>255</v>
      </c>
      <c r="AM11" s="218">
        <v>291</v>
      </c>
      <c r="AN11" s="219">
        <v>100</v>
      </c>
      <c r="AO11" s="240">
        <v>1003</v>
      </c>
      <c r="AP11" s="221">
        <v>1003</v>
      </c>
      <c r="AQ11" s="222">
        <v>0</v>
      </c>
      <c r="AR11" s="219">
        <v>0</v>
      </c>
      <c r="AS11" s="240">
        <v>0</v>
      </c>
      <c r="AT11" s="220">
        <v>162</v>
      </c>
      <c r="AU11" s="218">
        <v>193</v>
      </c>
      <c r="AV11" s="218">
        <v>248</v>
      </c>
      <c r="AW11" s="218">
        <v>282</v>
      </c>
      <c r="AX11" s="219">
        <v>100</v>
      </c>
      <c r="AY11" s="240">
        <v>985</v>
      </c>
      <c r="AZ11" s="241">
        <v>985</v>
      </c>
      <c r="BA11" s="217">
        <v>0</v>
      </c>
      <c r="BB11" s="219">
        <v>0</v>
      </c>
      <c r="BC11" s="219">
        <v>0</v>
      </c>
      <c r="BD11" s="220">
        <v>0</v>
      </c>
      <c r="BE11" s="218">
        <v>2</v>
      </c>
      <c r="BF11" s="218">
        <v>7</v>
      </c>
      <c r="BG11" s="218">
        <v>9</v>
      </c>
      <c r="BH11" s="219">
        <v>0</v>
      </c>
      <c r="BI11" s="240">
        <v>18</v>
      </c>
      <c r="BJ11" s="242">
        <v>18</v>
      </c>
      <c r="BK11" s="222">
        <v>0</v>
      </c>
      <c r="BL11" s="219">
        <v>0</v>
      </c>
      <c r="BM11" s="219">
        <v>0</v>
      </c>
      <c r="BN11" s="220">
        <v>0</v>
      </c>
      <c r="BO11" s="218">
        <v>0</v>
      </c>
      <c r="BP11" s="218">
        <v>0</v>
      </c>
      <c r="BQ11" s="218">
        <v>0</v>
      </c>
      <c r="BR11" s="219">
        <v>0</v>
      </c>
      <c r="BS11" s="240">
        <v>0</v>
      </c>
      <c r="BT11" s="241">
        <v>0</v>
      </c>
      <c r="BU11" s="217">
        <v>0</v>
      </c>
      <c r="BV11" s="219">
        <v>0</v>
      </c>
      <c r="BW11" s="219">
        <v>0</v>
      </c>
      <c r="BX11" s="220">
        <v>0</v>
      </c>
      <c r="BY11" s="218">
        <v>0</v>
      </c>
      <c r="BZ11" s="218">
        <v>0</v>
      </c>
      <c r="CA11" s="218">
        <v>0</v>
      </c>
      <c r="CB11" s="219">
        <v>0</v>
      </c>
      <c r="CC11" s="240">
        <v>0</v>
      </c>
      <c r="CD11" s="242">
        <v>0</v>
      </c>
      <c r="CE11" s="222">
        <v>0</v>
      </c>
      <c r="CF11" s="219">
        <v>0</v>
      </c>
      <c r="CG11" s="219">
        <v>0</v>
      </c>
      <c r="CH11" s="220">
        <v>0</v>
      </c>
      <c r="CI11" s="218">
        <v>0</v>
      </c>
      <c r="CJ11" s="218">
        <v>0</v>
      </c>
      <c r="CK11" s="218">
        <v>0</v>
      </c>
      <c r="CL11" s="219">
        <v>0</v>
      </c>
      <c r="CM11" s="240">
        <v>0</v>
      </c>
      <c r="CN11" s="242">
        <v>0</v>
      </c>
      <c r="CO11" s="222">
        <v>0</v>
      </c>
      <c r="CP11" s="219">
        <v>0</v>
      </c>
      <c r="CQ11" s="219">
        <v>0</v>
      </c>
      <c r="CR11" s="220">
        <v>0</v>
      </c>
      <c r="CS11" s="218">
        <v>0</v>
      </c>
      <c r="CT11" s="218">
        <v>1</v>
      </c>
      <c r="CU11" s="218">
        <v>3</v>
      </c>
      <c r="CV11" s="219">
        <v>4</v>
      </c>
      <c r="CW11" s="240">
        <v>8</v>
      </c>
      <c r="CX11" s="241">
        <v>8</v>
      </c>
      <c r="CY11" s="217">
        <v>0</v>
      </c>
      <c r="CZ11" s="219">
        <v>0</v>
      </c>
      <c r="DA11" s="219">
        <v>0</v>
      </c>
      <c r="DB11" s="220">
        <v>0</v>
      </c>
      <c r="DC11" s="218">
        <v>0</v>
      </c>
      <c r="DD11" s="218">
        <v>1</v>
      </c>
      <c r="DE11" s="218">
        <v>3</v>
      </c>
      <c r="DF11" s="219">
        <v>4</v>
      </c>
      <c r="DG11" s="240">
        <v>8</v>
      </c>
      <c r="DH11" s="242">
        <v>8</v>
      </c>
      <c r="DI11" s="222">
        <v>0</v>
      </c>
      <c r="DJ11" s="219">
        <v>0</v>
      </c>
      <c r="DK11" s="219">
        <v>0</v>
      </c>
      <c r="DL11" s="220">
        <v>0</v>
      </c>
      <c r="DM11" s="218">
        <v>0</v>
      </c>
      <c r="DN11" s="218">
        <v>0</v>
      </c>
      <c r="DO11" s="218">
        <v>0</v>
      </c>
      <c r="DP11" s="219">
        <v>0</v>
      </c>
      <c r="DQ11" s="240">
        <v>0</v>
      </c>
      <c r="DR11" s="242">
        <v>0</v>
      </c>
      <c r="DS11" s="222">
        <v>0</v>
      </c>
      <c r="DT11" s="219">
        <v>0</v>
      </c>
      <c r="DU11" s="219">
        <v>0</v>
      </c>
      <c r="DV11" s="220">
        <v>189</v>
      </c>
      <c r="DW11" s="218">
        <v>238</v>
      </c>
      <c r="DX11" s="218">
        <v>862</v>
      </c>
      <c r="DY11" s="218">
        <v>1199</v>
      </c>
      <c r="DZ11" s="219">
        <v>637</v>
      </c>
      <c r="EA11" s="240">
        <v>3125</v>
      </c>
      <c r="EB11" s="242">
        <v>3125</v>
      </c>
      <c r="EC11" s="239"/>
    </row>
    <row r="12" spans="2:133" ht="21" customHeight="1" x14ac:dyDescent="0.2">
      <c r="B12" s="106" t="s">
        <v>8</v>
      </c>
      <c r="C12" s="217">
        <v>0</v>
      </c>
      <c r="D12" s="219">
        <v>0</v>
      </c>
      <c r="E12" s="219">
        <v>0</v>
      </c>
      <c r="F12" s="220">
        <v>10</v>
      </c>
      <c r="G12" s="218">
        <v>57</v>
      </c>
      <c r="H12" s="218">
        <v>392</v>
      </c>
      <c r="I12" s="218">
        <v>429</v>
      </c>
      <c r="J12" s="219">
        <v>251</v>
      </c>
      <c r="K12" s="240">
        <v>1139</v>
      </c>
      <c r="L12" s="241">
        <v>1139</v>
      </c>
      <c r="M12" s="217">
        <v>0</v>
      </c>
      <c r="N12" s="219">
        <v>0</v>
      </c>
      <c r="O12" s="240">
        <v>0</v>
      </c>
      <c r="P12" s="220">
        <v>10</v>
      </c>
      <c r="Q12" s="218">
        <v>56</v>
      </c>
      <c r="R12" s="218">
        <v>391</v>
      </c>
      <c r="S12" s="218">
        <v>425</v>
      </c>
      <c r="T12" s="219">
        <v>248</v>
      </c>
      <c r="U12" s="240">
        <v>1130</v>
      </c>
      <c r="V12" s="242">
        <v>1130</v>
      </c>
      <c r="W12" s="222">
        <v>0</v>
      </c>
      <c r="X12" s="219">
        <v>0</v>
      </c>
      <c r="Y12" s="240">
        <v>0</v>
      </c>
      <c r="Z12" s="222">
        <v>0</v>
      </c>
      <c r="AA12" s="218">
        <v>1</v>
      </c>
      <c r="AB12" s="218">
        <v>1</v>
      </c>
      <c r="AC12" s="218">
        <v>4</v>
      </c>
      <c r="AD12" s="219">
        <v>3</v>
      </c>
      <c r="AE12" s="240">
        <v>9</v>
      </c>
      <c r="AF12" s="221">
        <v>9</v>
      </c>
      <c r="AG12" s="222">
        <v>0</v>
      </c>
      <c r="AH12" s="219">
        <v>0</v>
      </c>
      <c r="AI12" s="240">
        <v>0</v>
      </c>
      <c r="AJ12" s="222">
        <v>42</v>
      </c>
      <c r="AK12" s="218">
        <v>86</v>
      </c>
      <c r="AL12" s="218">
        <v>139</v>
      </c>
      <c r="AM12" s="218">
        <v>142</v>
      </c>
      <c r="AN12" s="219">
        <v>82</v>
      </c>
      <c r="AO12" s="240">
        <v>491</v>
      </c>
      <c r="AP12" s="221">
        <v>491</v>
      </c>
      <c r="AQ12" s="222">
        <v>0</v>
      </c>
      <c r="AR12" s="219">
        <v>0</v>
      </c>
      <c r="AS12" s="240">
        <v>0</v>
      </c>
      <c r="AT12" s="220">
        <v>42</v>
      </c>
      <c r="AU12" s="218">
        <v>86</v>
      </c>
      <c r="AV12" s="218">
        <v>137</v>
      </c>
      <c r="AW12" s="218">
        <v>141</v>
      </c>
      <c r="AX12" s="219">
        <v>80</v>
      </c>
      <c r="AY12" s="240">
        <v>486</v>
      </c>
      <c r="AZ12" s="241">
        <v>486</v>
      </c>
      <c r="BA12" s="217">
        <v>0</v>
      </c>
      <c r="BB12" s="219">
        <v>0</v>
      </c>
      <c r="BC12" s="219">
        <v>0</v>
      </c>
      <c r="BD12" s="220">
        <v>0</v>
      </c>
      <c r="BE12" s="218">
        <v>0</v>
      </c>
      <c r="BF12" s="218">
        <v>2</v>
      </c>
      <c r="BG12" s="218">
        <v>1</v>
      </c>
      <c r="BH12" s="219">
        <v>2</v>
      </c>
      <c r="BI12" s="240">
        <v>5</v>
      </c>
      <c r="BJ12" s="242">
        <v>5</v>
      </c>
      <c r="BK12" s="222">
        <v>0</v>
      </c>
      <c r="BL12" s="219">
        <v>0</v>
      </c>
      <c r="BM12" s="219">
        <v>0</v>
      </c>
      <c r="BN12" s="220">
        <v>0</v>
      </c>
      <c r="BO12" s="218">
        <v>0</v>
      </c>
      <c r="BP12" s="218">
        <v>0</v>
      </c>
      <c r="BQ12" s="218">
        <v>0</v>
      </c>
      <c r="BR12" s="219">
        <v>0</v>
      </c>
      <c r="BS12" s="240">
        <v>0</v>
      </c>
      <c r="BT12" s="241">
        <v>0</v>
      </c>
      <c r="BU12" s="217">
        <v>0</v>
      </c>
      <c r="BV12" s="219">
        <v>0</v>
      </c>
      <c r="BW12" s="219">
        <v>0</v>
      </c>
      <c r="BX12" s="220">
        <v>0</v>
      </c>
      <c r="BY12" s="218">
        <v>0</v>
      </c>
      <c r="BZ12" s="218">
        <v>0</v>
      </c>
      <c r="CA12" s="218">
        <v>0</v>
      </c>
      <c r="CB12" s="219">
        <v>0</v>
      </c>
      <c r="CC12" s="240">
        <v>0</v>
      </c>
      <c r="CD12" s="242">
        <v>0</v>
      </c>
      <c r="CE12" s="222">
        <v>0</v>
      </c>
      <c r="CF12" s="219">
        <v>0</v>
      </c>
      <c r="CG12" s="219">
        <v>0</v>
      </c>
      <c r="CH12" s="220">
        <v>0</v>
      </c>
      <c r="CI12" s="218">
        <v>0</v>
      </c>
      <c r="CJ12" s="218">
        <v>0</v>
      </c>
      <c r="CK12" s="218">
        <v>0</v>
      </c>
      <c r="CL12" s="219">
        <v>0</v>
      </c>
      <c r="CM12" s="240">
        <v>0</v>
      </c>
      <c r="CN12" s="242">
        <v>0</v>
      </c>
      <c r="CO12" s="222">
        <v>0</v>
      </c>
      <c r="CP12" s="219">
        <v>0</v>
      </c>
      <c r="CQ12" s="219">
        <v>0</v>
      </c>
      <c r="CR12" s="220">
        <v>1</v>
      </c>
      <c r="CS12" s="218">
        <v>0</v>
      </c>
      <c r="CT12" s="218">
        <v>1</v>
      </c>
      <c r="CU12" s="218">
        <v>8</v>
      </c>
      <c r="CV12" s="219">
        <v>8</v>
      </c>
      <c r="CW12" s="240">
        <v>18</v>
      </c>
      <c r="CX12" s="241">
        <v>18</v>
      </c>
      <c r="CY12" s="217">
        <v>0</v>
      </c>
      <c r="CZ12" s="219">
        <v>0</v>
      </c>
      <c r="DA12" s="219">
        <v>0</v>
      </c>
      <c r="DB12" s="220">
        <v>1</v>
      </c>
      <c r="DC12" s="218">
        <v>0</v>
      </c>
      <c r="DD12" s="218">
        <v>1</v>
      </c>
      <c r="DE12" s="218">
        <v>8</v>
      </c>
      <c r="DF12" s="219">
        <v>7</v>
      </c>
      <c r="DG12" s="240">
        <v>17</v>
      </c>
      <c r="DH12" s="242">
        <v>17</v>
      </c>
      <c r="DI12" s="222">
        <v>0</v>
      </c>
      <c r="DJ12" s="219">
        <v>0</v>
      </c>
      <c r="DK12" s="219">
        <v>0</v>
      </c>
      <c r="DL12" s="220">
        <v>0</v>
      </c>
      <c r="DM12" s="218">
        <v>0</v>
      </c>
      <c r="DN12" s="218">
        <v>0</v>
      </c>
      <c r="DO12" s="218">
        <v>0</v>
      </c>
      <c r="DP12" s="219">
        <v>1</v>
      </c>
      <c r="DQ12" s="240">
        <v>1</v>
      </c>
      <c r="DR12" s="242">
        <v>1</v>
      </c>
      <c r="DS12" s="222">
        <v>0</v>
      </c>
      <c r="DT12" s="219">
        <v>0</v>
      </c>
      <c r="DU12" s="219">
        <v>0</v>
      </c>
      <c r="DV12" s="220">
        <v>53</v>
      </c>
      <c r="DW12" s="218">
        <v>143</v>
      </c>
      <c r="DX12" s="218">
        <v>532</v>
      </c>
      <c r="DY12" s="218">
        <v>579</v>
      </c>
      <c r="DZ12" s="219">
        <v>341</v>
      </c>
      <c r="EA12" s="240">
        <v>1648</v>
      </c>
      <c r="EB12" s="242">
        <v>1648</v>
      </c>
      <c r="EC12" s="239"/>
    </row>
    <row r="13" spans="2:133" ht="21" customHeight="1" x14ac:dyDescent="0.2">
      <c r="B13" s="106" t="s">
        <v>9</v>
      </c>
      <c r="C13" s="217">
        <v>0</v>
      </c>
      <c r="D13" s="219">
        <v>0</v>
      </c>
      <c r="E13" s="219">
        <v>0</v>
      </c>
      <c r="F13" s="220">
        <v>2</v>
      </c>
      <c r="G13" s="218">
        <v>6</v>
      </c>
      <c r="H13" s="218">
        <v>205</v>
      </c>
      <c r="I13" s="218">
        <v>335</v>
      </c>
      <c r="J13" s="219">
        <v>267</v>
      </c>
      <c r="K13" s="240">
        <v>815</v>
      </c>
      <c r="L13" s="241">
        <v>815</v>
      </c>
      <c r="M13" s="217">
        <v>0</v>
      </c>
      <c r="N13" s="219">
        <v>0</v>
      </c>
      <c r="O13" s="240">
        <v>0</v>
      </c>
      <c r="P13" s="220">
        <v>2</v>
      </c>
      <c r="Q13" s="218">
        <v>6</v>
      </c>
      <c r="R13" s="218">
        <v>204</v>
      </c>
      <c r="S13" s="218">
        <v>333</v>
      </c>
      <c r="T13" s="219">
        <v>265</v>
      </c>
      <c r="U13" s="240">
        <v>810</v>
      </c>
      <c r="V13" s="242">
        <v>810</v>
      </c>
      <c r="W13" s="222">
        <v>0</v>
      </c>
      <c r="X13" s="219">
        <v>0</v>
      </c>
      <c r="Y13" s="240">
        <v>0</v>
      </c>
      <c r="Z13" s="222">
        <v>0</v>
      </c>
      <c r="AA13" s="218">
        <v>0</v>
      </c>
      <c r="AB13" s="218">
        <v>1</v>
      </c>
      <c r="AC13" s="218">
        <v>2</v>
      </c>
      <c r="AD13" s="219">
        <v>2</v>
      </c>
      <c r="AE13" s="240">
        <v>5</v>
      </c>
      <c r="AF13" s="221">
        <v>5</v>
      </c>
      <c r="AG13" s="222">
        <v>0</v>
      </c>
      <c r="AH13" s="219">
        <v>0</v>
      </c>
      <c r="AI13" s="240">
        <v>0</v>
      </c>
      <c r="AJ13" s="222">
        <v>37</v>
      </c>
      <c r="AK13" s="218">
        <v>56</v>
      </c>
      <c r="AL13" s="218">
        <v>100</v>
      </c>
      <c r="AM13" s="218">
        <v>106</v>
      </c>
      <c r="AN13" s="219">
        <v>76</v>
      </c>
      <c r="AO13" s="240">
        <v>375</v>
      </c>
      <c r="AP13" s="221">
        <v>375</v>
      </c>
      <c r="AQ13" s="222">
        <v>0</v>
      </c>
      <c r="AR13" s="219">
        <v>0</v>
      </c>
      <c r="AS13" s="240">
        <v>0</v>
      </c>
      <c r="AT13" s="220">
        <v>37</v>
      </c>
      <c r="AU13" s="218">
        <v>55</v>
      </c>
      <c r="AV13" s="218">
        <v>97</v>
      </c>
      <c r="AW13" s="218">
        <v>104</v>
      </c>
      <c r="AX13" s="219">
        <v>75</v>
      </c>
      <c r="AY13" s="240">
        <v>368</v>
      </c>
      <c r="AZ13" s="241">
        <v>368</v>
      </c>
      <c r="BA13" s="217">
        <v>0</v>
      </c>
      <c r="BB13" s="219">
        <v>0</v>
      </c>
      <c r="BC13" s="219">
        <v>0</v>
      </c>
      <c r="BD13" s="220">
        <v>0</v>
      </c>
      <c r="BE13" s="218">
        <v>1</v>
      </c>
      <c r="BF13" s="218">
        <v>3</v>
      </c>
      <c r="BG13" s="218">
        <v>2</v>
      </c>
      <c r="BH13" s="219">
        <v>1</v>
      </c>
      <c r="BI13" s="240">
        <v>7</v>
      </c>
      <c r="BJ13" s="242">
        <v>7</v>
      </c>
      <c r="BK13" s="222">
        <v>0</v>
      </c>
      <c r="BL13" s="219">
        <v>0</v>
      </c>
      <c r="BM13" s="219">
        <v>0</v>
      </c>
      <c r="BN13" s="220">
        <v>0</v>
      </c>
      <c r="BO13" s="218">
        <v>0</v>
      </c>
      <c r="BP13" s="218">
        <v>0</v>
      </c>
      <c r="BQ13" s="218">
        <v>0</v>
      </c>
      <c r="BR13" s="219">
        <v>0</v>
      </c>
      <c r="BS13" s="240">
        <v>0</v>
      </c>
      <c r="BT13" s="241">
        <v>0</v>
      </c>
      <c r="BU13" s="217">
        <v>0</v>
      </c>
      <c r="BV13" s="219">
        <v>0</v>
      </c>
      <c r="BW13" s="219">
        <v>0</v>
      </c>
      <c r="BX13" s="220">
        <v>0</v>
      </c>
      <c r="BY13" s="218">
        <v>0</v>
      </c>
      <c r="BZ13" s="218">
        <v>0</v>
      </c>
      <c r="CA13" s="218">
        <v>0</v>
      </c>
      <c r="CB13" s="219">
        <v>0</v>
      </c>
      <c r="CC13" s="240">
        <v>0</v>
      </c>
      <c r="CD13" s="242">
        <v>0</v>
      </c>
      <c r="CE13" s="222">
        <v>0</v>
      </c>
      <c r="CF13" s="219">
        <v>0</v>
      </c>
      <c r="CG13" s="219">
        <v>0</v>
      </c>
      <c r="CH13" s="220">
        <v>0</v>
      </c>
      <c r="CI13" s="218">
        <v>0</v>
      </c>
      <c r="CJ13" s="218">
        <v>0</v>
      </c>
      <c r="CK13" s="218">
        <v>0</v>
      </c>
      <c r="CL13" s="219">
        <v>0</v>
      </c>
      <c r="CM13" s="240">
        <v>0</v>
      </c>
      <c r="CN13" s="242">
        <v>0</v>
      </c>
      <c r="CO13" s="222">
        <v>0</v>
      </c>
      <c r="CP13" s="219">
        <v>0</v>
      </c>
      <c r="CQ13" s="219">
        <v>0</v>
      </c>
      <c r="CR13" s="220">
        <v>0</v>
      </c>
      <c r="CS13" s="218">
        <v>0</v>
      </c>
      <c r="CT13" s="218">
        <v>0</v>
      </c>
      <c r="CU13" s="218">
        <v>2</v>
      </c>
      <c r="CV13" s="219">
        <v>8</v>
      </c>
      <c r="CW13" s="240">
        <v>10</v>
      </c>
      <c r="CX13" s="241">
        <v>10</v>
      </c>
      <c r="CY13" s="217">
        <v>0</v>
      </c>
      <c r="CZ13" s="219">
        <v>0</v>
      </c>
      <c r="DA13" s="219">
        <v>0</v>
      </c>
      <c r="DB13" s="220">
        <v>0</v>
      </c>
      <c r="DC13" s="218">
        <v>0</v>
      </c>
      <c r="DD13" s="218">
        <v>0</v>
      </c>
      <c r="DE13" s="218">
        <v>2</v>
      </c>
      <c r="DF13" s="219">
        <v>8</v>
      </c>
      <c r="DG13" s="240">
        <v>10</v>
      </c>
      <c r="DH13" s="242">
        <v>10</v>
      </c>
      <c r="DI13" s="222">
        <v>0</v>
      </c>
      <c r="DJ13" s="219">
        <v>0</v>
      </c>
      <c r="DK13" s="219">
        <v>0</v>
      </c>
      <c r="DL13" s="220">
        <v>0</v>
      </c>
      <c r="DM13" s="218">
        <v>0</v>
      </c>
      <c r="DN13" s="218">
        <v>0</v>
      </c>
      <c r="DO13" s="218">
        <v>0</v>
      </c>
      <c r="DP13" s="219">
        <v>0</v>
      </c>
      <c r="DQ13" s="240">
        <v>0</v>
      </c>
      <c r="DR13" s="242">
        <v>0</v>
      </c>
      <c r="DS13" s="222">
        <v>0</v>
      </c>
      <c r="DT13" s="219">
        <v>0</v>
      </c>
      <c r="DU13" s="219">
        <v>0</v>
      </c>
      <c r="DV13" s="220">
        <v>39</v>
      </c>
      <c r="DW13" s="218">
        <v>62</v>
      </c>
      <c r="DX13" s="218">
        <v>303</v>
      </c>
      <c r="DY13" s="218">
        <v>443</v>
      </c>
      <c r="DZ13" s="219">
        <v>348</v>
      </c>
      <c r="EA13" s="240">
        <v>1195</v>
      </c>
      <c r="EB13" s="242">
        <v>1195</v>
      </c>
      <c r="EC13" s="239"/>
    </row>
    <row r="14" spans="2:133" ht="21" customHeight="1" x14ac:dyDescent="0.2">
      <c r="B14" s="106" t="s">
        <v>10</v>
      </c>
      <c r="C14" s="217">
        <v>0</v>
      </c>
      <c r="D14" s="219">
        <v>0</v>
      </c>
      <c r="E14" s="219">
        <v>0</v>
      </c>
      <c r="F14" s="220">
        <v>15</v>
      </c>
      <c r="G14" s="218">
        <v>49</v>
      </c>
      <c r="H14" s="218">
        <v>318</v>
      </c>
      <c r="I14" s="218">
        <v>619</v>
      </c>
      <c r="J14" s="219">
        <v>437</v>
      </c>
      <c r="K14" s="240">
        <v>1438</v>
      </c>
      <c r="L14" s="241">
        <v>1438</v>
      </c>
      <c r="M14" s="217">
        <v>0</v>
      </c>
      <c r="N14" s="219">
        <v>0</v>
      </c>
      <c r="O14" s="240">
        <v>0</v>
      </c>
      <c r="P14" s="220">
        <v>15</v>
      </c>
      <c r="Q14" s="218">
        <v>48</v>
      </c>
      <c r="R14" s="218">
        <v>314</v>
      </c>
      <c r="S14" s="218">
        <v>613</v>
      </c>
      <c r="T14" s="219">
        <v>431</v>
      </c>
      <c r="U14" s="240">
        <v>1421</v>
      </c>
      <c r="V14" s="242">
        <v>1421</v>
      </c>
      <c r="W14" s="222">
        <v>0</v>
      </c>
      <c r="X14" s="219">
        <v>0</v>
      </c>
      <c r="Y14" s="240">
        <v>0</v>
      </c>
      <c r="Z14" s="222">
        <v>0</v>
      </c>
      <c r="AA14" s="218">
        <v>1</v>
      </c>
      <c r="AB14" s="218">
        <v>4</v>
      </c>
      <c r="AC14" s="218">
        <v>6</v>
      </c>
      <c r="AD14" s="219">
        <v>6</v>
      </c>
      <c r="AE14" s="240">
        <v>17</v>
      </c>
      <c r="AF14" s="221">
        <v>17</v>
      </c>
      <c r="AG14" s="222">
        <v>0</v>
      </c>
      <c r="AH14" s="219">
        <v>0</v>
      </c>
      <c r="AI14" s="240">
        <v>0</v>
      </c>
      <c r="AJ14" s="222">
        <v>86</v>
      </c>
      <c r="AK14" s="218">
        <v>106</v>
      </c>
      <c r="AL14" s="218">
        <v>140</v>
      </c>
      <c r="AM14" s="218">
        <v>188</v>
      </c>
      <c r="AN14" s="219">
        <v>89</v>
      </c>
      <c r="AO14" s="240">
        <v>609</v>
      </c>
      <c r="AP14" s="221">
        <v>609</v>
      </c>
      <c r="AQ14" s="222">
        <v>0</v>
      </c>
      <c r="AR14" s="219">
        <v>0</v>
      </c>
      <c r="AS14" s="240">
        <v>0</v>
      </c>
      <c r="AT14" s="220">
        <v>82</v>
      </c>
      <c r="AU14" s="218">
        <v>106</v>
      </c>
      <c r="AV14" s="218">
        <v>136</v>
      </c>
      <c r="AW14" s="218">
        <v>186</v>
      </c>
      <c r="AX14" s="219">
        <v>86</v>
      </c>
      <c r="AY14" s="240">
        <v>596</v>
      </c>
      <c r="AZ14" s="241">
        <v>596</v>
      </c>
      <c r="BA14" s="217">
        <v>0</v>
      </c>
      <c r="BB14" s="219">
        <v>0</v>
      </c>
      <c r="BC14" s="219">
        <v>0</v>
      </c>
      <c r="BD14" s="220">
        <v>4</v>
      </c>
      <c r="BE14" s="218">
        <v>0</v>
      </c>
      <c r="BF14" s="218">
        <v>4</v>
      </c>
      <c r="BG14" s="218">
        <v>2</v>
      </c>
      <c r="BH14" s="219">
        <v>3</v>
      </c>
      <c r="BI14" s="240">
        <v>13</v>
      </c>
      <c r="BJ14" s="242">
        <v>13</v>
      </c>
      <c r="BK14" s="222">
        <v>0</v>
      </c>
      <c r="BL14" s="219">
        <v>0</v>
      </c>
      <c r="BM14" s="219">
        <v>0</v>
      </c>
      <c r="BN14" s="220">
        <v>0</v>
      </c>
      <c r="BO14" s="218">
        <v>0</v>
      </c>
      <c r="BP14" s="218">
        <v>0</v>
      </c>
      <c r="BQ14" s="218">
        <v>0</v>
      </c>
      <c r="BR14" s="219">
        <v>0</v>
      </c>
      <c r="BS14" s="240">
        <v>0</v>
      </c>
      <c r="BT14" s="241">
        <v>0</v>
      </c>
      <c r="BU14" s="217">
        <v>0</v>
      </c>
      <c r="BV14" s="219">
        <v>0</v>
      </c>
      <c r="BW14" s="219">
        <v>0</v>
      </c>
      <c r="BX14" s="220">
        <v>0</v>
      </c>
      <c r="BY14" s="218">
        <v>0</v>
      </c>
      <c r="BZ14" s="218">
        <v>0</v>
      </c>
      <c r="CA14" s="218">
        <v>0</v>
      </c>
      <c r="CB14" s="219">
        <v>0</v>
      </c>
      <c r="CC14" s="240">
        <v>0</v>
      </c>
      <c r="CD14" s="242">
        <v>0</v>
      </c>
      <c r="CE14" s="222">
        <v>0</v>
      </c>
      <c r="CF14" s="219">
        <v>0</v>
      </c>
      <c r="CG14" s="219">
        <v>0</v>
      </c>
      <c r="CH14" s="220">
        <v>0</v>
      </c>
      <c r="CI14" s="218">
        <v>0</v>
      </c>
      <c r="CJ14" s="218">
        <v>0</v>
      </c>
      <c r="CK14" s="218">
        <v>0</v>
      </c>
      <c r="CL14" s="219">
        <v>0</v>
      </c>
      <c r="CM14" s="240">
        <v>0</v>
      </c>
      <c r="CN14" s="242">
        <v>0</v>
      </c>
      <c r="CO14" s="222">
        <v>0</v>
      </c>
      <c r="CP14" s="219">
        <v>0</v>
      </c>
      <c r="CQ14" s="219">
        <v>0</v>
      </c>
      <c r="CR14" s="220">
        <v>1</v>
      </c>
      <c r="CS14" s="218">
        <v>0</v>
      </c>
      <c r="CT14" s="218">
        <v>2</v>
      </c>
      <c r="CU14" s="218">
        <v>5</v>
      </c>
      <c r="CV14" s="219">
        <v>25</v>
      </c>
      <c r="CW14" s="240">
        <v>33</v>
      </c>
      <c r="CX14" s="241">
        <v>33</v>
      </c>
      <c r="CY14" s="217">
        <v>0</v>
      </c>
      <c r="CZ14" s="219">
        <v>0</v>
      </c>
      <c r="DA14" s="219">
        <v>0</v>
      </c>
      <c r="DB14" s="220">
        <v>1</v>
      </c>
      <c r="DC14" s="218">
        <v>0</v>
      </c>
      <c r="DD14" s="218">
        <v>2</v>
      </c>
      <c r="DE14" s="218">
        <v>5</v>
      </c>
      <c r="DF14" s="219">
        <v>25</v>
      </c>
      <c r="DG14" s="240">
        <v>33</v>
      </c>
      <c r="DH14" s="242">
        <v>33</v>
      </c>
      <c r="DI14" s="222">
        <v>0</v>
      </c>
      <c r="DJ14" s="219">
        <v>0</v>
      </c>
      <c r="DK14" s="219">
        <v>0</v>
      </c>
      <c r="DL14" s="220">
        <v>0</v>
      </c>
      <c r="DM14" s="218">
        <v>0</v>
      </c>
      <c r="DN14" s="218">
        <v>0</v>
      </c>
      <c r="DO14" s="218">
        <v>0</v>
      </c>
      <c r="DP14" s="219">
        <v>0</v>
      </c>
      <c r="DQ14" s="240">
        <v>0</v>
      </c>
      <c r="DR14" s="242">
        <v>0</v>
      </c>
      <c r="DS14" s="222">
        <v>0</v>
      </c>
      <c r="DT14" s="219">
        <v>0</v>
      </c>
      <c r="DU14" s="219">
        <v>0</v>
      </c>
      <c r="DV14" s="220">
        <v>102</v>
      </c>
      <c r="DW14" s="218">
        <v>155</v>
      </c>
      <c r="DX14" s="218">
        <v>459</v>
      </c>
      <c r="DY14" s="218">
        <v>808</v>
      </c>
      <c r="DZ14" s="219">
        <v>550</v>
      </c>
      <c r="EA14" s="240">
        <v>2074</v>
      </c>
      <c r="EB14" s="242">
        <v>2074</v>
      </c>
      <c r="EC14" s="239"/>
    </row>
    <row r="15" spans="2:133" ht="21" customHeight="1" x14ac:dyDescent="0.2">
      <c r="B15" s="106" t="s">
        <v>11</v>
      </c>
      <c r="C15" s="217">
        <v>0</v>
      </c>
      <c r="D15" s="219">
        <v>0</v>
      </c>
      <c r="E15" s="219">
        <v>0</v>
      </c>
      <c r="F15" s="220">
        <v>2</v>
      </c>
      <c r="G15" s="218">
        <v>5</v>
      </c>
      <c r="H15" s="218">
        <v>191</v>
      </c>
      <c r="I15" s="218">
        <v>372</v>
      </c>
      <c r="J15" s="219">
        <v>204</v>
      </c>
      <c r="K15" s="240">
        <v>774</v>
      </c>
      <c r="L15" s="241">
        <v>774</v>
      </c>
      <c r="M15" s="217">
        <v>0</v>
      </c>
      <c r="N15" s="219">
        <v>0</v>
      </c>
      <c r="O15" s="240">
        <v>0</v>
      </c>
      <c r="P15" s="220">
        <v>2</v>
      </c>
      <c r="Q15" s="218">
        <v>5</v>
      </c>
      <c r="R15" s="218">
        <v>190</v>
      </c>
      <c r="S15" s="218">
        <v>370</v>
      </c>
      <c r="T15" s="219">
        <v>203</v>
      </c>
      <c r="U15" s="240">
        <v>770</v>
      </c>
      <c r="V15" s="242">
        <v>770</v>
      </c>
      <c r="W15" s="222">
        <v>0</v>
      </c>
      <c r="X15" s="219">
        <v>0</v>
      </c>
      <c r="Y15" s="240">
        <v>0</v>
      </c>
      <c r="Z15" s="222">
        <v>0</v>
      </c>
      <c r="AA15" s="218">
        <v>0</v>
      </c>
      <c r="AB15" s="218">
        <v>1</v>
      </c>
      <c r="AC15" s="218">
        <v>2</v>
      </c>
      <c r="AD15" s="219">
        <v>1</v>
      </c>
      <c r="AE15" s="240">
        <v>4</v>
      </c>
      <c r="AF15" s="221">
        <v>4</v>
      </c>
      <c r="AG15" s="222">
        <v>0</v>
      </c>
      <c r="AH15" s="219">
        <v>0</v>
      </c>
      <c r="AI15" s="240">
        <v>0</v>
      </c>
      <c r="AJ15" s="222">
        <v>44</v>
      </c>
      <c r="AK15" s="218">
        <v>91</v>
      </c>
      <c r="AL15" s="218">
        <v>127</v>
      </c>
      <c r="AM15" s="218">
        <v>149</v>
      </c>
      <c r="AN15" s="219">
        <v>78</v>
      </c>
      <c r="AO15" s="240">
        <v>489</v>
      </c>
      <c r="AP15" s="221">
        <v>489</v>
      </c>
      <c r="AQ15" s="222">
        <v>0</v>
      </c>
      <c r="AR15" s="219">
        <v>0</v>
      </c>
      <c r="AS15" s="240">
        <v>0</v>
      </c>
      <c r="AT15" s="220">
        <v>44</v>
      </c>
      <c r="AU15" s="218">
        <v>90</v>
      </c>
      <c r="AV15" s="218">
        <v>125</v>
      </c>
      <c r="AW15" s="218">
        <v>147</v>
      </c>
      <c r="AX15" s="219">
        <v>77</v>
      </c>
      <c r="AY15" s="240">
        <v>483</v>
      </c>
      <c r="AZ15" s="241">
        <v>483</v>
      </c>
      <c r="BA15" s="217">
        <v>0</v>
      </c>
      <c r="BB15" s="219">
        <v>0</v>
      </c>
      <c r="BC15" s="219">
        <v>0</v>
      </c>
      <c r="BD15" s="220">
        <v>0</v>
      </c>
      <c r="BE15" s="218">
        <v>1</v>
      </c>
      <c r="BF15" s="218">
        <v>2</v>
      </c>
      <c r="BG15" s="218">
        <v>2</v>
      </c>
      <c r="BH15" s="219">
        <v>1</v>
      </c>
      <c r="BI15" s="240">
        <v>6</v>
      </c>
      <c r="BJ15" s="242">
        <v>6</v>
      </c>
      <c r="BK15" s="222">
        <v>0</v>
      </c>
      <c r="BL15" s="219">
        <v>0</v>
      </c>
      <c r="BM15" s="219">
        <v>0</v>
      </c>
      <c r="BN15" s="220">
        <v>0</v>
      </c>
      <c r="BO15" s="218">
        <v>0</v>
      </c>
      <c r="BP15" s="218">
        <v>0</v>
      </c>
      <c r="BQ15" s="218">
        <v>0</v>
      </c>
      <c r="BR15" s="219">
        <v>0</v>
      </c>
      <c r="BS15" s="240">
        <v>0</v>
      </c>
      <c r="BT15" s="241">
        <v>0</v>
      </c>
      <c r="BU15" s="217">
        <v>0</v>
      </c>
      <c r="BV15" s="219">
        <v>0</v>
      </c>
      <c r="BW15" s="219">
        <v>0</v>
      </c>
      <c r="BX15" s="220">
        <v>0</v>
      </c>
      <c r="BY15" s="218">
        <v>0</v>
      </c>
      <c r="BZ15" s="218">
        <v>0</v>
      </c>
      <c r="CA15" s="218">
        <v>0</v>
      </c>
      <c r="CB15" s="219">
        <v>0</v>
      </c>
      <c r="CC15" s="240">
        <v>0</v>
      </c>
      <c r="CD15" s="242">
        <v>0</v>
      </c>
      <c r="CE15" s="222">
        <v>0</v>
      </c>
      <c r="CF15" s="219">
        <v>0</v>
      </c>
      <c r="CG15" s="219">
        <v>0</v>
      </c>
      <c r="CH15" s="220">
        <v>0</v>
      </c>
      <c r="CI15" s="218">
        <v>0</v>
      </c>
      <c r="CJ15" s="218">
        <v>0</v>
      </c>
      <c r="CK15" s="218">
        <v>0</v>
      </c>
      <c r="CL15" s="219">
        <v>0</v>
      </c>
      <c r="CM15" s="240">
        <v>0</v>
      </c>
      <c r="CN15" s="242">
        <v>0</v>
      </c>
      <c r="CO15" s="222">
        <v>0</v>
      </c>
      <c r="CP15" s="219">
        <v>0</v>
      </c>
      <c r="CQ15" s="219">
        <v>0</v>
      </c>
      <c r="CR15" s="220">
        <v>3</v>
      </c>
      <c r="CS15" s="218">
        <v>7</v>
      </c>
      <c r="CT15" s="218">
        <v>9</v>
      </c>
      <c r="CU15" s="218">
        <v>14</v>
      </c>
      <c r="CV15" s="219">
        <v>37</v>
      </c>
      <c r="CW15" s="240">
        <v>70</v>
      </c>
      <c r="CX15" s="241">
        <v>70</v>
      </c>
      <c r="CY15" s="217">
        <v>0</v>
      </c>
      <c r="CZ15" s="219">
        <v>0</v>
      </c>
      <c r="DA15" s="219">
        <v>0</v>
      </c>
      <c r="DB15" s="220">
        <v>3</v>
      </c>
      <c r="DC15" s="218">
        <v>7</v>
      </c>
      <c r="DD15" s="218">
        <v>9</v>
      </c>
      <c r="DE15" s="218">
        <v>14</v>
      </c>
      <c r="DF15" s="219">
        <v>36</v>
      </c>
      <c r="DG15" s="240">
        <v>69</v>
      </c>
      <c r="DH15" s="242">
        <v>69</v>
      </c>
      <c r="DI15" s="222">
        <v>0</v>
      </c>
      <c r="DJ15" s="219">
        <v>0</v>
      </c>
      <c r="DK15" s="219">
        <v>0</v>
      </c>
      <c r="DL15" s="220">
        <v>0</v>
      </c>
      <c r="DM15" s="218">
        <v>0</v>
      </c>
      <c r="DN15" s="218">
        <v>0</v>
      </c>
      <c r="DO15" s="218">
        <v>0</v>
      </c>
      <c r="DP15" s="219">
        <v>1</v>
      </c>
      <c r="DQ15" s="240">
        <v>1</v>
      </c>
      <c r="DR15" s="242">
        <v>1</v>
      </c>
      <c r="DS15" s="222">
        <v>0</v>
      </c>
      <c r="DT15" s="219">
        <v>0</v>
      </c>
      <c r="DU15" s="219">
        <v>0</v>
      </c>
      <c r="DV15" s="220">
        <v>49</v>
      </c>
      <c r="DW15" s="218">
        <v>103</v>
      </c>
      <c r="DX15" s="218">
        <v>325</v>
      </c>
      <c r="DY15" s="218">
        <v>532</v>
      </c>
      <c r="DZ15" s="219">
        <v>319</v>
      </c>
      <c r="EA15" s="240">
        <v>1328</v>
      </c>
      <c r="EB15" s="242">
        <v>1328</v>
      </c>
      <c r="EC15" s="239"/>
    </row>
    <row r="16" spans="2:133" ht="21" customHeight="1" x14ac:dyDescent="0.2">
      <c r="B16" s="106" t="s">
        <v>12</v>
      </c>
      <c r="C16" s="217">
        <v>0</v>
      </c>
      <c r="D16" s="219">
        <v>0</v>
      </c>
      <c r="E16" s="219">
        <v>0</v>
      </c>
      <c r="F16" s="220">
        <v>2</v>
      </c>
      <c r="G16" s="218">
        <v>11</v>
      </c>
      <c r="H16" s="218">
        <v>194</v>
      </c>
      <c r="I16" s="218">
        <v>328</v>
      </c>
      <c r="J16" s="219">
        <v>200</v>
      </c>
      <c r="K16" s="240">
        <v>735</v>
      </c>
      <c r="L16" s="241">
        <v>735</v>
      </c>
      <c r="M16" s="217">
        <v>0</v>
      </c>
      <c r="N16" s="219">
        <v>0</v>
      </c>
      <c r="O16" s="240">
        <v>0</v>
      </c>
      <c r="P16" s="220">
        <v>2</v>
      </c>
      <c r="Q16" s="218">
        <v>11</v>
      </c>
      <c r="R16" s="218">
        <v>194</v>
      </c>
      <c r="S16" s="218">
        <v>327</v>
      </c>
      <c r="T16" s="219">
        <v>199</v>
      </c>
      <c r="U16" s="240">
        <v>733</v>
      </c>
      <c r="V16" s="242">
        <v>733</v>
      </c>
      <c r="W16" s="222">
        <v>0</v>
      </c>
      <c r="X16" s="219">
        <v>0</v>
      </c>
      <c r="Y16" s="240">
        <v>0</v>
      </c>
      <c r="Z16" s="222">
        <v>0</v>
      </c>
      <c r="AA16" s="218">
        <v>0</v>
      </c>
      <c r="AB16" s="218">
        <v>0</v>
      </c>
      <c r="AC16" s="218">
        <v>1</v>
      </c>
      <c r="AD16" s="219">
        <v>1</v>
      </c>
      <c r="AE16" s="240">
        <v>2</v>
      </c>
      <c r="AF16" s="221">
        <v>2</v>
      </c>
      <c r="AG16" s="222">
        <v>0</v>
      </c>
      <c r="AH16" s="219">
        <v>0</v>
      </c>
      <c r="AI16" s="240">
        <v>0</v>
      </c>
      <c r="AJ16" s="222">
        <v>36</v>
      </c>
      <c r="AK16" s="218">
        <v>87</v>
      </c>
      <c r="AL16" s="218">
        <v>159</v>
      </c>
      <c r="AM16" s="218">
        <v>173</v>
      </c>
      <c r="AN16" s="219">
        <v>75</v>
      </c>
      <c r="AO16" s="240">
        <v>530</v>
      </c>
      <c r="AP16" s="221">
        <v>530</v>
      </c>
      <c r="AQ16" s="222">
        <v>0</v>
      </c>
      <c r="AR16" s="219">
        <v>0</v>
      </c>
      <c r="AS16" s="240">
        <v>0</v>
      </c>
      <c r="AT16" s="220">
        <v>35</v>
      </c>
      <c r="AU16" s="218">
        <v>87</v>
      </c>
      <c r="AV16" s="218">
        <v>157</v>
      </c>
      <c r="AW16" s="218">
        <v>172</v>
      </c>
      <c r="AX16" s="219">
        <v>73</v>
      </c>
      <c r="AY16" s="240">
        <v>524</v>
      </c>
      <c r="AZ16" s="241">
        <v>524</v>
      </c>
      <c r="BA16" s="217">
        <v>0</v>
      </c>
      <c r="BB16" s="219">
        <v>0</v>
      </c>
      <c r="BC16" s="219">
        <v>0</v>
      </c>
      <c r="BD16" s="220">
        <v>1</v>
      </c>
      <c r="BE16" s="218">
        <v>0</v>
      </c>
      <c r="BF16" s="218">
        <v>2</v>
      </c>
      <c r="BG16" s="218">
        <v>1</v>
      </c>
      <c r="BH16" s="219">
        <v>2</v>
      </c>
      <c r="BI16" s="240">
        <v>6</v>
      </c>
      <c r="BJ16" s="242">
        <v>6</v>
      </c>
      <c r="BK16" s="222">
        <v>0</v>
      </c>
      <c r="BL16" s="219">
        <v>0</v>
      </c>
      <c r="BM16" s="219">
        <v>0</v>
      </c>
      <c r="BN16" s="220">
        <v>0</v>
      </c>
      <c r="BO16" s="218">
        <v>0</v>
      </c>
      <c r="BP16" s="218">
        <v>0</v>
      </c>
      <c r="BQ16" s="218">
        <v>0</v>
      </c>
      <c r="BR16" s="219">
        <v>0</v>
      </c>
      <c r="BS16" s="240">
        <v>0</v>
      </c>
      <c r="BT16" s="241">
        <v>0</v>
      </c>
      <c r="BU16" s="217">
        <v>0</v>
      </c>
      <c r="BV16" s="219">
        <v>0</v>
      </c>
      <c r="BW16" s="219">
        <v>0</v>
      </c>
      <c r="BX16" s="220">
        <v>0</v>
      </c>
      <c r="BY16" s="218">
        <v>0</v>
      </c>
      <c r="BZ16" s="218">
        <v>0</v>
      </c>
      <c r="CA16" s="218">
        <v>0</v>
      </c>
      <c r="CB16" s="219">
        <v>0</v>
      </c>
      <c r="CC16" s="240">
        <v>0</v>
      </c>
      <c r="CD16" s="242">
        <v>0</v>
      </c>
      <c r="CE16" s="222">
        <v>0</v>
      </c>
      <c r="CF16" s="219">
        <v>0</v>
      </c>
      <c r="CG16" s="219">
        <v>0</v>
      </c>
      <c r="CH16" s="220">
        <v>0</v>
      </c>
      <c r="CI16" s="218">
        <v>0</v>
      </c>
      <c r="CJ16" s="218">
        <v>0</v>
      </c>
      <c r="CK16" s="218">
        <v>0</v>
      </c>
      <c r="CL16" s="219">
        <v>0</v>
      </c>
      <c r="CM16" s="240">
        <v>0</v>
      </c>
      <c r="CN16" s="242">
        <v>0</v>
      </c>
      <c r="CO16" s="222">
        <v>0</v>
      </c>
      <c r="CP16" s="219">
        <v>0</v>
      </c>
      <c r="CQ16" s="219">
        <v>0</v>
      </c>
      <c r="CR16" s="220">
        <v>0</v>
      </c>
      <c r="CS16" s="218">
        <v>0</v>
      </c>
      <c r="CT16" s="218">
        <v>3</v>
      </c>
      <c r="CU16" s="218">
        <v>17</v>
      </c>
      <c r="CV16" s="219">
        <v>10</v>
      </c>
      <c r="CW16" s="240">
        <v>30</v>
      </c>
      <c r="CX16" s="241">
        <v>30</v>
      </c>
      <c r="CY16" s="217">
        <v>0</v>
      </c>
      <c r="CZ16" s="219">
        <v>0</v>
      </c>
      <c r="DA16" s="219">
        <v>0</v>
      </c>
      <c r="DB16" s="220">
        <v>0</v>
      </c>
      <c r="DC16" s="218">
        <v>0</v>
      </c>
      <c r="DD16" s="218">
        <v>3</v>
      </c>
      <c r="DE16" s="218">
        <v>17</v>
      </c>
      <c r="DF16" s="219">
        <v>10</v>
      </c>
      <c r="DG16" s="240">
        <v>30</v>
      </c>
      <c r="DH16" s="242">
        <v>30</v>
      </c>
      <c r="DI16" s="222">
        <v>0</v>
      </c>
      <c r="DJ16" s="219">
        <v>0</v>
      </c>
      <c r="DK16" s="219">
        <v>0</v>
      </c>
      <c r="DL16" s="220">
        <v>0</v>
      </c>
      <c r="DM16" s="218">
        <v>0</v>
      </c>
      <c r="DN16" s="218">
        <v>0</v>
      </c>
      <c r="DO16" s="218">
        <v>0</v>
      </c>
      <c r="DP16" s="219">
        <v>0</v>
      </c>
      <c r="DQ16" s="240">
        <v>0</v>
      </c>
      <c r="DR16" s="242">
        <v>0</v>
      </c>
      <c r="DS16" s="222">
        <v>0</v>
      </c>
      <c r="DT16" s="219">
        <v>0</v>
      </c>
      <c r="DU16" s="219">
        <v>0</v>
      </c>
      <c r="DV16" s="220">
        <v>38</v>
      </c>
      <c r="DW16" s="218">
        <v>98</v>
      </c>
      <c r="DX16" s="218">
        <v>355</v>
      </c>
      <c r="DY16" s="218">
        <v>517</v>
      </c>
      <c r="DZ16" s="219">
        <v>284</v>
      </c>
      <c r="EA16" s="240">
        <v>1292</v>
      </c>
      <c r="EB16" s="242">
        <v>1292</v>
      </c>
      <c r="EC16" s="239"/>
    </row>
    <row r="17" spans="2:133" ht="21" customHeight="1" x14ac:dyDescent="0.2">
      <c r="B17" s="106" t="s">
        <v>13</v>
      </c>
      <c r="C17" s="217">
        <v>0</v>
      </c>
      <c r="D17" s="219">
        <v>0</v>
      </c>
      <c r="E17" s="219">
        <v>0</v>
      </c>
      <c r="F17" s="220">
        <v>1</v>
      </c>
      <c r="G17" s="218">
        <v>4</v>
      </c>
      <c r="H17" s="218">
        <v>67</v>
      </c>
      <c r="I17" s="218">
        <v>130</v>
      </c>
      <c r="J17" s="219">
        <v>126</v>
      </c>
      <c r="K17" s="240">
        <v>328</v>
      </c>
      <c r="L17" s="241">
        <v>328</v>
      </c>
      <c r="M17" s="217">
        <v>0</v>
      </c>
      <c r="N17" s="219">
        <v>0</v>
      </c>
      <c r="O17" s="240">
        <v>0</v>
      </c>
      <c r="P17" s="220">
        <v>1</v>
      </c>
      <c r="Q17" s="218">
        <v>4</v>
      </c>
      <c r="R17" s="218">
        <v>66</v>
      </c>
      <c r="S17" s="218">
        <v>130</v>
      </c>
      <c r="T17" s="219">
        <v>125</v>
      </c>
      <c r="U17" s="240">
        <v>326</v>
      </c>
      <c r="V17" s="242">
        <v>326</v>
      </c>
      <c r="W17" s="222">
        <v>0</v>
      </c>
      <c r="X17" s="219">
        <v>0</v>
      </c>
      <c r="Y17" s="240">
        <v>0</v>
      </c>
      <c r="Z17" s="222">
        <v>0</v>
      </c>
      <c r="AA17" s="218">
        <v>0</v>
      </c>
      <c r="AB17" s="218">
        <v>1</v>
      </c>
      <c r="AC17" s="218">
        <v>0</v>
      </c>
      <c r="AD17" s="219">
        <v>1</v>
      </c>
      <c r="AE17" s="240">
        <v>2</v>
      </c>
      <c r="AF17" s="221">
        <v>2</v>
      </c>
      <c r="AG17" s="222">
        <v>0</v>
      </c>
      <c r="AH17" s="219">
        <v>0</v>
      </c>
      <c r="AI17" s="240">
        <v>0</v>
      </c>
      <c r="AJ17" s="222">
        <v>12</v>
      </c>
      <c r="AK17" s="218">
        <v>14</v>
      </c>
      <c r="AL17" s="218">
        <v>36</v>
      </c>
      <c r="AM17" s="218">
        <v>36</v>
      </c>
      <c r="AN17" s="219">
        <v>25</v>
      </c>
      <c r="AO17" s="240">
        <v>123</v>
      </c>
      <c r="AP17" s="221">
        <v>123</v>
      </c>
      <c r="AQ17" s="222">
        <v>0</v>
      </c>
      <c r="AR17" s="219">
        <v>0</v>
      </c>
      <c r="AS17" s="240">
        <v>0</v>
      </c>
      <c r="AT17" s="220">
        <v>11</v>
      </c>
      <c r="AU17" s="218">
        <v>13</v>
      </c>
      <c r="AV17" s="218">
        <v>36</v>
      </c>
      <c r="AW17" s="218">
        <v>35</v>
      </c>
      <c r="AX17" s="219">
        <v>24</v>
      </c>
      <c r="AY17" s="240">
        <v>119</v>
      </c>
      <c r="AZ17" s="241">
        <v>119</v>
      </c>
      <c r="BA17" s="217">
        <v>0</v>
      </c>
      <c r="BB17" s="219">
        <v>0</v>
      </c>
      <c r="BC17" s="219">
        <v>0</v>
      </c>
      <c r="BD17" s="220">
        <v>1</v>
      </c>
      <c r="BE17" s="218">
        <v>1</v>
      </c>
      <c r="BF17" s="218">
        <v>0</v>
      </c>
      <c r="BG17" s="218">
        <v>1</v>
      </c>
      <c r="BH17" s="219">
        <v>1</v>
      </c>
      <c r="BI17" s="240">
        <v>4</v>
      </c>
      <c r="BJ17" s="242">
        <v>4</v>
      </c>
      <c r="BK17" s="222">
        <v>0</v>
      </c>
      <c r="BL17" s="219">
        <v>0</v>
      </c>
      <c r="BM17" s="219">
        <v>0</v>
      </c>
      <c r="BN17" s="220">
        <v>0</v>
      </c>
      <c r="BO17" s="218">
        <v>0</v>
      </c>
      <c r="BP17" s="218">
        <v>0</v>
      </c>
      <c r="BQ17" s="218">
        <v>0</v>
      </c>
      <c r="BR17" s="219">
        <v>0</v>
      </c>
      <c r="BS17" s="240">
        <v>0</v>
      </c>
      <c r="BT17" s="241">
        <v>0</v>
      </c>
      <c r="BU17" s="217">
        <v>0</v>
      </c>
      <c r="BV17" s="219">
        <v>0</v>
      </c>
      <c r="BW17" s="219">
        <v>0</v>
      </c>
      <c r="BX17" s="220">
        <v>0</v>
      </c>
      <c r="BY17" s="218">
        <v>0</v>
      </c>
      <c r="BZ17" s="218">
        <v>0</v>
      </c>
      <c r="CA17" s="218">
        <v>0</v>
      </c>
      <c r="CB17" s="219">
        <v>0</v>
      </c>
      <c r="CC17" s="240">
        <v>0</v>
      </c>
      <c r="CD17" s="242">
        <v>0</v>
      </c>
      <c r="CE17" s="222">
        <v>0</v>
      </c>
      <c r="CF17" s="219">
        <v>0</v>
      </c>
      <c r="CG17" s="219">
        <v>0</v>
      </c>
      <c r="CH17" s="220">
        <v>0</v>
      </c>
      <c r="CI17" s="218">
        <v>0</v>
      </c>
      <c r="CJ17" s="218">
        <v>0</v>
      </c>
      <c r="CK17" s="218">
        <v>0</v>
      </c>
      <c r="CL17" s="219">
        <v>0</v>
      </c>
      <c r="CM17" s="240">
        <v>0</v>
      </c>
      <c r="CN17" s="242">
        <v>0</v>
      </c>
      <c r="CO17" s="222">
        <v>0</v>
      </c>
      <c r="CP17" s="219">
        <v>0</v>
      </c>
      <c r="CQ17" s="219">
        <v>0</v>
      </c>
      <c r="CR17" s="220">
        <v>0</v>
      </c>
      <c r="CS17" s="218">
        <v>0</v>
      </c>
      <c r="CT17" s="218">
        <v>0</v>
      </c>
      <c r="CU17" s="218">
        <v>0</v>
      </c>
      <c r="CV17" s="219">
        <v>0</v>
      </c>
      <c r="CW17" s="240">
        <v>0</v>
      </c>
      <c r="CX17" s="241">
        <v>0</v>
      </c>
      <c r="CY17" s="217">
        <v>0</v>
      </c>
      <c r="CZ17" s="219">
        <v>0</v>
      </c>
      <c r="DA17" s="219">
        <v>0</v>
      </c>
      <c r="DB17" s="220">
        <v>0</v>
      </c>
      <c r="DC17" s="218">
        <v>0</v>
      </c>
      <c r="DD17" s="218">
        <v>0</v>
      </c>
      <c r="DE17" s="218">
        <v>0</v>
      </c>
      <c r="DF17" s="219">
        <v>0</v>
      </c>
      <c r="DG17" s="240">
        <v>0</v>
      </c>
      <c r="DH17" s="242">
        <v>0</v>
      </c>
      <c r="DI17" s="222">
        <v>0</v>
      </c>
      <c r="DJ17" s="219">
        <v>0</v>
      </c>
      <c r="DK17" s="219">
        <v>0</v>
      </c>
      <c r="DL17" s="220">
        <v>0</v>
      </c>
      <c r="DM17" s="218">
        <v>0</v>
      </c>
      <c r="DN17" s="218">
        <v>0</v>
      </c>
      <c r="DO17" s="218">
        <v>0</v>
      </c>
      <c r="DP17" s="219">
        <v>0</v>
      </c>
      <c r="DQ17" s="240">
        <v>0</v>
      </c>
      <c r="DR17" s="242">
        <v>0</v>
      </c>
      <c r="DS17" s="222">
        <v>0</v>
      </c>
      <c r="DT17" s="219">
        <v>0</v>
      </c>
      <c r="DU17" s="219">
        <v>0</v>
      </c>
      <c r="DV17" s="220">
        <v>13</v>
      </c>
      <c r="DW17" s="218">
        <v>18</v>
      </c>
      <c r="DX17" s="218">
        <v>103</v>
      </c>
      <c r="DY17" s="218">
        <v>166</v>
      </c>
      <c r="DZ17" s="219">
        <v>151</v>
      </c>
      <c r="EA17" s="240">
        <v>451</v>
      </c>
      <c r="EB17" s="242">
        <v>451</v>
      </c>
      <c r="EC17" s="239"/>
    </row>
    <row r="18" spans="2:133" ht="21" customHeight="1" x14ac:dyDescent="0.2">
      <c r="B18" s="106" t="s">
        <v>15</v>
      </c>
      <c r="C18" s="217">
        <v>0</v>
      </c>
      <c r="D18" s="219">
        <v>0</v>
      </c>
      <c r="E18" s="219">
        <v>0</v>
      </c>
      <c r="F18" s="220">
        <v>1</v>
      </c>
      <c r="G18" s="218">
        <v>1</v>
      </c>
      <c r="H18" s="218">
        <v>84</v>
      </c>
      <c r="I18" s="218">
        <v>160</v>
      </c>
      <c r="J18" s="219">
        <v>65</v>
      </c>
      <c r="K18" s="240">
        <v>311</v>
      </c>
      <c r="L18" s="241">
        <v>311</v>
      </c>
      <c r="M18" s="217">
        <v>0</v>
      </c>
      <c r="N18" s="219">
        <v>0</v>
      </c>
      <c r="O18" s="240">
        <v>0</v>
      </c>
      <c r="P18" s="220">
        <v>1</v>
      </c>
      <c r="Q18" s="218">
        <v>1</v>
      </c>
      <c r="R18" s="218">
        <v>84</v>
      </c>
      <c r="S18" s="218">
        <v>158</v>
      </c>
      <c r="T18" s="219">
        <v>63</v>
      </c>
      <c r="U18" s="240">
        <v>307</v>
      </c>
      <c r="V18" s="242">
        <v>307</v>
      </c>
      <c r="W18" s="222">
        <v>0</v>
      </c>
      <c r="X18" s="219">
        <v>0</v>
      </c>
      <c r="Y18" s="240">
        <v>0</v>
      </c>
      <c r="Z18" s="222">
        <v>0</v>
      </c>
      <c r="AA18" s="218">
        <v>0</v>
      </c>
      <c r="AB18" s="218">
        <v>0</v>
      </c>
      <c r="AC18" s="218">
        <v>2</v>
      </c>
      <c r="AD18" s="219">
        <v>2</v>
      </c>
      <c r="AE18" s="240">
        <v>4</v>
      </c>
      <c r="AF18" s="221">
        <v>4</v>
      </c>
      <c r="AG18" s="222">
        <v>0</v>
      </c>
      <c r="AH18" s="219">
        <v>0</v>
      </c>
      <c r="AI18" s="240">
        <v>0</v>
      </c>
      <c r="AJ18" s="222">
        <v>18</v>
      </c>
      <c r="AK18" s="218">
        <v>31</v>
      </c>
      <c r="AL18" s="218">
        <v>40</v>
      </c>
      <c r="AM18" s="218">
        <v>60</v>
      </c>
      <c r="AN18" s="219">
        <v>22</v>
      </c>
      <c r="AO18" s="240">
        <v>171</v>
      </c>
      <c r="AP18" s="221">
        <v>171</v>
      </c>
      <c r="AQ18" s="222">
        <v>0</v>
      </c>
      <c r="AR18" s="219">
        <v>0</v>
      </c>
      <c r="AS18" s="240">
        <v>0</v>
      </c>
      <c r="AT18" s="220">
        <v>18</v>
      </c>
      <c r="AU18" s="218">
        <v>31</v>
      </c>
      <c r="AV18" s="218">
        <v>40</v>
      </c>
      <c r="AW18" s="218">
        <v>59</v>
      </c>
      <c r="AX18" s="219">
        <v>21</v>
      </c>
      <c r="AY18" s="240">
        <v>169</v>
      </c>
      <c r="AZ18" s="241">
        <v>169</v>
      </c>
      <c r="BA18" s="217">
        <v>0</v>
      </c>
      <c r="BB18" s="219">
        <v>0</v>
      </c>
      <c r="BC18" s="219">
        <v>0</v>
      </c>
      <c r="BD18" s="220">
        <v>0</v>
      </c>
      <c r="BE18" s="218">
        <v>0</v>
      </c>
      <c r="BF18" s="218">
        <v>0</v>
      </c>
      <c r="BG18" s="218">
        <v>1</v>
      </c>
      <c r="BH18" s="219">
        <v>1</v>
      </c>
      <c r="BI18" s="240">
        <v>2</v>
      </c>
      <c r="BJ18" s="242">
        <v>2</v>
      </c>
      <c r="BK18" s="222">
        <v>0</v>
      </c>
      <c r="BL18" s="219">
        <v>0</v>
      </c>
      <c r="BM18" s="219">
        <v>0</v>
      </c>
      <c r="BN18" s="220">
        <v>0</v>
      </c>
      <c r="BO18" s="218">
        <v>0</v>
      </c>
      <c r="BP18" s="218">
        <v>0</v>
      </c>
      <c r="BQ18" s="218">
        <v>0</v>
      </c>
      <c r="BR18" s="219">
        <v>0</v>
      </c>
      <c r="BS18" s="240">
        <v>0</v>
      </c>
      <c r="BT18" s="241">
        <v>0</v>
      </c>
      <c r="BU18" s="217">
        <v>0</v>
      </c>
      <c r="BV18" s="219">
        <v>0</v>
      </c>
      <c r="BW18" s="219">
        <v>0</v>
      </c>
      <c r="BX18" s="220">
        <v>0</v>
      </c>
      <c r="BY18" s="218">
        <v>0</v>
      </c>
      <c r="BZ18" s="218">
        <v>0</v>
      </c>
      <c r="CA18" s="218">
        <v>0</v>
      </c>
      <c r="CB18" s="219">
        <v>0</v>
      </c>
      <c r="CC18" s="240">
        <v>0</v>
      </c>
      <c r="CD18" s="242">
        <v>0</v>
      </c>
      <c r="CE18" s="222">
        <v>0</v>
      </c>
      <c r="CF18" s="219">
        <v>0</v>
      </c>
      <c r="CG18" s="219">
        <v>0</v>
      </c>
      <c r="CH18" s="220">
        <v>0</v>
      </c>
      <c r="CI18" s="218">
        <v>0</v>
      </c>
      <c r="CJ18" s="218">
        <v>0</v>
      </c>
      <c r="CK18" s="218">
        <v>0</v>
      </c>
      <c r="CL18" s="219">
        <v>0</v>
      </c>
      <c r="CM18" s="240">
        <v>0</v>
      </c>
      <c r="CN18" s="242">
        <v>0</v>
      </c>
      <c r="CO18" s="222">
        <v>0</v>
      </c>
      <c r="CP18" s="219">
        <v>0</v>
      </c>
      <c r="CQ18" s="219">
        <v>0</v>
      </c>
      <c r="CR18" s="220">
        <v>0</v>
      </c>
      <c r="CS18" s="218">
        <v>0</v>
      </c>
      <c r="CT18" s="218">
        <v>0</v>
      </c>
      <c r="CU18" s="218">
        <v>0</v>
      </c>
      <c r="CV18" s="219">
        <v>0</v>
      </c>
      <c r="CW18" s="240">
        <v>0</v>
      </c>
      <c r="CX18" s="241">
        <v>0</v>
      </c>
      <c r="CY18" s="217">
        <v>0</v>
      </c>
      <c r="CZ18" s="219">
        <v>0</v>
      </c>
      <c r="DA18" s="219">
        <v>0</v>
      </c>
      <c r="DB18" s="220">
        <v>0</v>
      </c>
      <c r="DC18" s="218">
        <v>0</v>
      </c>
      <c r="DD18" s="218">
        <v>0</v>
      </c>
      <c r="DE18" s="218">
        <v>0</v>
      </c>
      <c r="DF18" s="219">
        <v>0</v>
      </c>
      <c r="DG18" s="240">
        <v>0</v>
      </c>
      <c r="DH18" s="242">
        <v>0</v>
      </c>
      <c r="DI18" s="222">
        <v>0</v>
      </c>
      <c r="DJ18" s="219">
        <v>0</v>
      </c>
      <c r="DK18" s="219">
        <v>0</v>
      </c>
      <c r="DL18" s="220">
        <v>0</v>
      </c>
      <c r="DM18" s="218">
        <v>0</v>
      </c>
      <c r="DN18" s="218">
        <v>0</v>
      </c>
      <c r="DO18" s="218">
        <v>0</v>
      </c>
      <c r="DP18" s="219">
        <v>0</v>
      </c>
      <c r="DQ18" s="240">
        <v>0</v>
      </c>
      <c r="DR18" s="242">
        <v>0</v>
      </c>
      <c r="DS18" s="222">
        <v>0</v>
      </c>
      <c r="DT18" s="219">
        <v>0</v>
      </c>
      <c r="DU18" s="219">
        <v>0</v>
      </c>
      <c r="DV18" s="220">
        <v>19</v>
      </c>
      <c r="DW18" s="218">
        <v>32</v>
      </c>
      <c r="DX18" s="218">
        <v>124</v>
      </c>
      <c r="DY18" s="218">
        <v>220</v>
      </c>
      <c r="DZ18" s="219">
        <v>87</v>
      </c>
      <c r="EA18" s="240">
        <v>482</v>
      </c>
      <c r="EB18" s="242">
        <v>482</v>
      </c>
      <c r="EC18" s="239"/>
    </row>
    <row r="19" spans="2:133" ht="21" customHeight="1" x14ac:dyDescent="0.2">
      <c r="B19" s="106" t="s">
        <v>16</v>
      </c>
      <c r="C19" s="217">
        <v>0</v>
      </c>
      <c r="D19" s="219">
        <v>0</v>
      </c>
      <c r="E19" s="219">
        <v>0</v>
      </c>
      <c r="F19" s="220">
        <v>4</v>
      </c>
      <c r="G19" s="218">
        <v>13</v>
      </c>
      <c r="H19" s="218">
        <v>214</v>
      </c>
      <c r="I19" s="218">
        <v>309</v>
      </c>
      <c r="J19" s="219">
        <v>173</v>
      </c>
      <c r="K19" s="240">
        <v>713</v>
      </c>
      <c r="L19" s="241">
        <v>713</v>
      </c>
      <c r="M19" s="217">
        <v>0</v>
      </c>
      <c r="N19" s="219">
        <v>0</v>
      </c>
      <c r="O19" s="240">
        <v>0</v>
      </c>
      <c r="P19" s="220">
        <v>4</v>
      </c>
      <c r="Q19" s="218">
        <v>12</v>
      </c>
      <c r="R19" s="218">
        <v>214</v>
      </c>
      <c r="S19" s="218">
        <v>307</v>
      </c>
      <c r="T19" s="219">
        <v>171</v>
      </c>
      <c r="U19" s="240">
        <v>708</v>
      </c>
      <c r="V19" s="242">
        <v>708</v>
      </c>
      <c r="W19" s="222">
        <v>0</v>
      </c>
      <c r="X19" s="219">
        <v>0</v>
      </c>
      <c r="Y19" s="240">
        <v>0</v>
      </c>
      <c r="Z19" s="222">
        <v>0</v>
      </c>
      <c r="AA19" s="218">
        <v>1</v>
      </c>
      <c r="AB19" s="218">
        <v>0</v>
      </c>
      <c r="AC19" s="218">
        <v>2</v>
      </c>
      <c r="AD19" s="219">
        <v>2</v>
      </c>
      <c r="AE19" s="240">
        <v>5</v>
      </c>
      <c r="AF19" s="221">
        <v>5</v>
      </c>
      <c r="AG19" s="222">
        <v>0</v>
      </c>
      <c r="AH19" s="219">
        <v>0</v>
      </c>
      <c r="AI19" s="240">
        <v>0</v>
      </c>
      <c r="AJ19" s="222">
        <v>54</v>
      </c>
      <c r="AK19" s="218">
        <v>89</v>
      </c>
      <c r="AL19" s="218">
        <v>130</v>
      </c>
      <c r="AM19" s="218">
        <v>137</v>
      </c>
      <c r="AN19" s="219">
        <v>59</v>
      </c>
      <c r="AO19" s="240">
        <v>469</v>
      </c>
      <c r="AP19" s="221">
        <v>469</v>
      </c>
      <c r="AQ19" s="222">
        <v>0</v>
      </c>
      <c r="AR19" s="219">
        <v>0</v>
      </c>
      <c r="AS19" s="240">
        <v>0</v>
      </c>
      <c r="AT19" s="220">
        <v>54</v>
      </c>
      <c r="AU19" s="218">
        <v>88</v>
      </c>
      <c r="AV19" s="218">
        <v>128</v>
      </c>
      <c r="AW19" s="218">
        <v>136</v>
      </c>
      <c r="AX19" s="219">
        <v>58</v>
      </c>
      <c r="AY19" s="240">
        <v>464</v>
      </c>
      <c r="AZ19" s="241">
        <v>464</v>
      </c>
      <c r="BA19" s="217">
        <v>0</v>
      </c>
      <c r="BB19" s="219">
        <v>0</v>
      </c>
      <c r="BC19" s="219">
        <v>0</v>
      </c>
      <c r="BD19" s="220">
        <v>0</v>
      </c>
      <c r="BE19" s="218">
        <v>1</v>
      </c>
      <c r="BF19" s="218">
        <v>2</v>
      </c>
      <c r="BG19" s="218">
        <v>1</v>
      </c>
      <c r="BH19" s="219">
        <v>1</v>
      </c>
      <c r="BI19" s="240">
        <v>5</v>
      </c>
      <c r="BJ19" s="242">
        <v>5</v>
      </c>
      <c r="BK19" s="222">
        <v>0</v>
      </c>
      <c r="BL19" s="219">
        <v>0</v>
      </c>
      <c r="BM19" s="219">
        <v>0</v>
      </c>
      <c r="BN19" s="220">
        <v>0</v>
      </c>
      <c r="BO19" s="218">
        <v>0</v>
      </c>
      <c r="BP19" s="218">
        <v>0</v>
      </c>
      <c r="BQ19" s="218">
        <v>0</v>
      </c>
      <c r="BR19" s="219">
        <v>0</v>
      </c>
      <c r="BS19" s="240">
        <v>0</v>
      </c>
      <c r="BT19" s="241">
        <v>0</v>
      </c>
      <c r="BU19" s="217">
        <v>0</v>
      </c>
      <c r="BV19" s="219">
        <v>0</v>
      </c>
      <c r="BW19" s="219">
        <v>0</v>
      </c>
      <c r="BX19" s="220">
        <v>0</v>
      </c>
      <c r="BY19" s="218">
        <v>0</v>
      </c>
      <c r="BZ19" s="218">
        <v>0</v>
      </c>
      <c r="CA19" s="218">
        <v>0</v>
      </c>
      <c r="CB19" s="219">
        <v>0</v>
      </c>
      <c r="CC19" s="240">
        <v>0</v>
      </c>
      <c r="CD19" s="242">
        <v>0</v>
      </c>
      <c r="CE19" s="222">
        <v>0</v>
      </c>
      <c r="CF19" s="219">
        <v>0</v>
      </c>
      <c r="CG19" s="219">
        <v>0</v>
      </c>
      <c r="CH19" s="220">
        <v>0</v>
      </c>
      <c r="CI19" s="218">
        <v>0</v>
      </c>
      <c r="CJ19" s="218">
        <v>0</v>
      </c>
      <c r="CK19" s="218">
        <v>0</v>
      </c>
      <c r="CL19" s="219">
        <v>0</v>
      </c>
      <c r="CM19" s="240">
        <v>0</v>
      </c>
      <c r="CN19" s="242">
        <v>0</v>
      </c>
      <c r="CO19" s="222">
        <v>0</v>
      </c>
      <c r="CP19" s="219">
        <v>0</v>
      </c>
      <c r="CQ19" s="219">
        <v>0</v>
      </c>
      <c r="CR19" s="220">
        <v>0</v>
      </c>
      <c r="CS19" s="218">
        <v>0</v>
      </c>
      <c r="CT19" s="218">
        <v>2</v>
      </c>
      <c r="CU19" s="218">
        <v>12</v>
      </c>
      <c r="CV19" s="219">
        <v>10</v>
      </c>
      <c r="CW19" s="240">
        <v>24</v>
      </c>
      <c r="CX19" s="241">
        <v>24</v>
      </c>
      <c r="CY19" s="217">
        <v>0</v>
      </c>
      <c r="CZ19" s="219">
        <v>0</v>
      </c>
      <c r="DA19" s="219">
        <v>0</v>
      </c>
      <c r="DB19" s="220">
        <v>0</v>
      </c>
      <c r="DC19" s="218">
        <v>0</v>
      </c>
      <c r="DD19" s="218">
        <v>2</v>
      </c>
      <c r="DE19" s="218">
        <v>12</v>
      </c>
      <c r="DF19" s="219">
        <v>10</v>
      </c>
      <c r="DG19" s="240">
        <v>24</v>
      </c>
      <c r="DH19" s="242">
        <v>24</v>
      </c>
      <c r="DI19" s="222">
        <v>0</v>
      </c>
      <c r="DJ19" s="219">
        <v>0</v>
      </c>
      <c r="DK19" s="219">
        <v>0</v>
      </c>
      <c r="DL19" s="220">
        <v>0</v>
      </c>
      <c r="DM19" s="218">
        <v>0</v>
      </c>
      <c r="DN19" s="218">
        <v>0</v>
      </c>
      <c r="DO19" s="218">
        <v>0</v>
      </c>
      <c r="DP19" s="219">
        <v>0</v>
      </c>
      <c r="DQ19" s="240">
        <v>0</v>
      </c>
      <c r="DR19" s="242">
        <v>0</v>
      </c>
      <c r="DS19" s="222">
        <v>0</v>
      </c>
      <c r="DT19" s="219">
        <v>0</v>
      </c>
      <c r="DU19" s="219">
        <v>0</v>
      </c>
      <c r="DV19" s="220">
        <v>58</v>
      </c>
      <c r="DW19" s="218">
        <v>102</v>
      </c>
      <c r="DX19" s="218">
        <v>344</v>
      </c>
      <c r="DY19" s="218">
        <v>457</v>
      </c>
      <c r="DZ19" s="219">
        <v>240</v>
      </c>
      <c r="EA19" s="240">
        <v>1201</v>
      </c>
      <c r="EB19" s="242">
        <v>1201</v>
      </c>
      <c r="EC19" s="239"/>
    </row>
    <row r="20" spans="2:133" ht="21" customHeight="1" x14ac:dyDescent="0.2">
      <c r="B20" s="106" t="s">
        <v>17</v>
      </c>
      <c r="C20" s="217">
        <v>0</v>
      </c>
      <c r="D20" s="219">
        <v>0</v>
      </c>
      <c r="E20" s="219">
        <v>0</v>
      </c>
      <c r="F20" s="220">
        <v>6</v>
      </c>
      <c r="G20" s="218">
        <v>12</v>
      </c>
      <c r="H20" s="218">
        <v>207</v>
      </c>
      <c r="I20" s="218">
        <v>291</v>
      </c>
      <c r="J20" s="219">
        <v>225</v>
      </c>
      <c r="K20" s="240">
        <v>741</v>
      </c>
      <c r="L20" s="241">
        <v>741</v>
      </c>
      <c r="M20" s="217">
        <v>0</v>
      </c>
      <c r="N20" s="219">
        <v>0</v>
      </c>
      <c r="O20" s="240">
        <v>0</v>
      </c>
      <c r="P20" s="220">
        <v>6</v>
      </c>
      <c r="Q20" s="218">
        <v>12</v>
      </c>
      <c r="R20" s="218">
        <v>207</v>
      </c>
      <c r="S20" s="218">
        <v>288</v>
      </c>
      <c r="T20" s="219">
        <v>221</v>
      </c>
      <c r="U20" s="240">
        <v>734</v>
      </c>
      <c r="V20" s="242">
        <v>734</v>
      </c>
      <c r="W20" s="222">
        <v>0</v>
      </c>
      <c r="X20" s="219">
        <v>0</v>
      </c>
      <c r="Y20" s="240">
        <v>0</v>
      </c>
      <c r="Z20" s="222">
        <v>0</v>
      </c>
      <c r="AA20" s="218">
        <v>0</v>
      </c>
      <c r="AB20" s="218">
        <v>0</v>
      </c>
      <c r="AC20" s="218">
        <v>3</v>
      </c>
      <c r="AD20" s="219">
        <v>4</v>
      </c>
      <c r="AE20" s="240">
        <v>7</v>
      </c>
      <c r="AF20" s="221">
        <v>7</v>
      </c>
      <c r="AG20" s="222">
        <v>0</v>
      </c>
      <c r="AH20" s="219">
        <v>0</v>
      </c>
      <c r="AI20" s="240">
        <v>0</v>
      </c>
      <c r="AJ20" s="222">
        <v>38</v>
      </c>
      <c r="AK20" s="218">
        <v>120</v>
      </c>
      <c r="AL20" s="218">
        <v>156</v>
      </c>
      <c r="AM20" s="218">
        <v>146</v>
      </c>
      <c r="AN20" s="219">
        <v>77</v>
      </c>
      <c r="AO20" s="240">
        <v>537</v>
      </c>
      <c r="AP20" s="221">
        <v>537</v>
      </c>
      <c r="AQ20" s="222">
        <v>0</v>
      </c>
      <c r="AR20" s="219">
        <v>0</v>
      </c>
      <c r="AS20" s="240">
        <v>0</v>
      </c>
      <c r="AT20" s="220">
        <v>38</v>
      </c>
      <c r="AU20" s="218">
        <v>118</v>
      </c>
      <c r="AV20" s="218">
        <v>154</v>
      </c>
      <c r="AW20" s="218">
        <v>144</v>
      </c>
      <c r="AX20" s="219">
        <v>76</v>
      </c>
      <c r="AY20" s="240">
        <v>530</v>
      </c>
      <c r="AZ20" s="241">
        <v>530</v>
      </c>
      <c r="BA20" s="217">
        <v>0</v>
      </c>
      <c r="BB20" s="219">
        <v>0</v>
      </c>
      <c r="BC20" s="219">
        <v>0</v>
      </c>
      <c r="BD20" s="220">
        <v>0</v>
      </c>
      <c r="BE20" s="218">
        <v>2</v>
      </c>
      <c r="BF20" s="218">
        <v>2</v>
      </c>
      <c r="BG20" s="218">
        <v>2</v>
      </c>
      <c r="BH20" s="219">
        <v>1</v>
      </c>
      <c r="BI20" s="240">
        <v>7</v>
      </c>
      <c r="BJ20" s="242">
        <v>7</v>
      </c>
      <c r="BK20" s="222">
        <v>0</v>
      </c>
      <c r="BL20" s="219">
        <v>0</v>
      </c>
      <c r="BM20" s="219">
        <v>0</v>
      </c>
      <c r="BN20" s="220">
        <v>0</v>
      </c>
      <c r="BO20" s="218">
        <v>0</v>
      </c>
      <c r="BP20" s="218">
        <v>0</v>
      </c>
      <c r="BQ20" s="218">
        <v>0</v>
      </c>
      <c r="BR20" s="219">
        <v>0</v>
      </c>
      <c r="BS20" s="240">
        <v>0</v>
      </c>
      <c r="BT20" s="241">
        <v>0</v>
      </c>
      <c r="BU20" s="217">
        <v>0</v>
      </c>
      <c r="BV20" s="219">
        <v>0</v>
      </c>
      <c r="BW20" s="219">
        <v>0</v>
      </c>
      <c r="BX20" s="220">
        <v>0</v>
      </c>
      <c r="BY20" s="218">
        <v>0</v>
      </c>
      <c r="BZ20" s="218">
        <v>0</v>
      </c>
      <c r="CA20" s="218">
        <v>0</v>
      </c>
      <c r="CB20" s="219">
        <v>0</v>
      </c>
      <c r="CC20" s="240">
        <v>0</v>
      </c>
      <c r="CD20" s="242">
        <v>0</v>
      </c>
      <c r="CE20" s="222">
        <v>0</v>
      </c>
      <c r="CF20" s="219">
        <v>0</v>
      </c>
      <c r="CG20" s="219">
        <v>0</v>
      </c>
      <c r="CH20" s="220">
        <v>0</v>
      </c>
      <c r="CI20" s="218">
        <v>0</v>
      </c>
      <c r="CJ20" s="218">
        <v>0</v>
      </c>
      <c r="CK20" s="218">
        <v>0</v>
      </c>
      <c r="CL20" s="219">
        <v>0</v>
      </c>
      <c r="CM20" s="240">
        <v>0</v>
      </c>
      <c r="CN20" s="242">
        <v>0</v>
      </c>
      <c r="CO20" s="222">
        <v>0</v>
      </c>
      <c r="CP20" s="219">
        <v>0</v>
      </c>
      <c r="CQ20" s="219">
        <v>0</v>
      </c>
      <c r="CR20" s="220">
        <v>0</v>
      </c>
      <c r="CS20" s="218">
        <v>0</v>
      </c>
      <c r="CT20" s="218">
        <v>0</v>
      </c>
      <c r="CU20" s="218">
        <v>8</v>
      </c>
      <c r="CV20" s="219">
        <v>18</v>
      </c>
      <c r="CW20" s="240">
        <v>26</v>
      </c>
      <c r="CX20" s="241">
        <v>26</v>
      </c>
      <c r="CY20" s="217">
        <v>0</v>
      </c>
      <c r="CZ20" s="219">
        <v>0</v>
      </c>
      <c r="DA20" s="219">
        <v>0</v>
      </c>
      <c r="DB20" s="220">
        <v>0</v>
      </c>
      <c r="DC20" s="218">
        <v>0</v>
      </c>
      <c r="DD20" s="218">
        <v>0</v>
      </c>
      <c r="DE20" s="218">
        <v>8</v>
      </c>
      <c r="DF20" s="219">
        <v>16</v>
      </c>
      <c r="DG20" s="240">
        <v>24</v>
      </c>
      <c r="DH20" s="242">
        <v>24</v>
      </c>
      <c r="DI20" s="222">
        <v>0</v>
      </c>
      <c r="DJ20" s="219">
        <v>0</v>
      </c>
      <c r="DK20" s="219">
        <v>0</v>
      </c>
      <c r="DL20" s="220">
        <v>0</v>
      </c>
      <c r="DM20" s="218">
        <v>0</v>
      </c>
      <c r="DN20" s="218">
        <v>0</v>
      </c>
      <c r="DO20" s="218">
        <v>0</v>
      </c>
      <c r="DP20" s="219">
        <v>2</v>
      </c>
      <c r="DQ20" s="240">
        <v>2</v>
      </c>
      <c r="DR20" s="242">
        <v>2</v>
      </c>
      <c r="DS20" s="222">
        <v>0</v>
      </c>
      <c r="DT20" s="219">
        <v>0</v>
      </c>
      <c r="DU20" s="219">
        <v>0</v>
      </c>
      <c r="DV20" s="220">
        <v>44</v>
      </c>
      <c r="DW20" s="218">
        <v>132</v>
      </c>
      <c r="DX20" s="218">
        <v>363</v>
      </c>
      <c r="DY20" s="218">
        <v>445</v>
      </c>
      <c r="DZ20" s="219">
        <v>320</v>
      </c>
      <c r="EA20" s="240">
        <v>1304</v>
      </c>
      <c r="EB20" s="242">
        <v>1304</v>
      </c>
      <c r="EC20" s="239"/>
    </row>
    <row r="21" spans="2:133" ht="21" customHeight="1" x14ac:dyDescent="0.2">
      <c r="B21" s="106" t="s">
        <v>18</v>
      </c>
      <c r="C21" s="217">
        <v>0</v>
      </c>
      <c r="D21" s="219">
        <v>0</v>
      </c>
      <c r="E21" s="219">
        <v>0</v>
      </c>
      <c r="F21" s="220">
        <v>4</v>
      </c>
      <c r="G21" s="218">
        <v>11</v>
      </c>
      <c r="H21" s="218">
        <v>190</v>
      </c>
      <c r="I21" s="218">
        <v>381</v>
      </c>
      <c r="J21" s="219">
        <v>240</v>
      </c>
      <c r="K21" s="240">
        <v>826</v>
      </c>
      <c r="L21" s="241">
        <v>826</v>
      </c>
      <c r="M21" s="217">
        <v>0</v>
      </c>
      <c r="N21" s="219">
        <v>0</v>
      </c>
      <c r="O21" s="240">
        <v>0</v>
      </c>
      <c r="P21" s="220">
        <v>4</v>
      </c>
      <c r="Q21" s="218">
        <v>11</v>
      </c>
      <c r="R21" s="218">
        <v>188</v>
      </c>
      <c r="S21" s="218">
        <v>375</v>
      </c>
      <c r="T21" s="219">
        <v>238</v>
      </c>
      <c r="U21" s="240">
        <v>816</v>
      </c>
      <c r="V21" s="242">
        <v>816</v>
      </c>
      <c r="W21" s="222">
        <v>0</v>
      </c>
      <c r="X21" s="219">
        <v>0</v>
      </c>
      <c r="Y21" s="240">
        <v>0</v>
      </c>
      <c r="Z21" s="222">
        <v>0</v>
      </c>
      <c r="AA21" s="218">
        <v>0</v>
      </c>
      <c r="AB21" s="218">
        <v>2</v>
      </c>
      <c r="AC21" s="218">
        <v>6</v>
      </c>
      <c r="AD21" s="219">
        <v>2</v>
      </c>
      <c r="AE21" s="240">
        <v>10</v>
      </c>
      <c r="AF21" s="221">
        <v>10</v>
      </c>
      <c r="AG21" s="222">
        <v>0</v>
      </c>
      <c r="AH21" s="219">
        <v>0</v>
      </c>
      <c r="AI21" s="240">
        <v>0</v>
      </c>
      <c r="AJ21" s="222">
        <v>29</v>
      </c>
      <c r="AK21" s="218">
        <v>67</v>
      </c>
      <c r="AL21" s="218">
        <v>114</v>
      </c>
      <c r="AM21" s="218">
        <v>112</v>
      </c>
      <c r="AN21" s="219">
        <v>73</v>
      </c>
      <c r="AO21" s="240">
        <v>395</v>
      </c>
      <c r="AP21" s="221">
        <v>395</v>
      </c>
      <c r="AQ21" s="222">
        <v>0</v>
      </c>
      <c r="AR21" s="219">
        <v>0</v>
      </c>
      <c r="AS21" s="240">
        <v>0</v>
      </c>
      <c r="AT21" s="220">
        <v>28</v>
      </c>
      <c r="AU21" s="218">
        <v>64</v>
      </c>
      <c r="AV21" s="218">
        <v>112</v>
      </c>
      <c r="AW21" s="218">
        <v>110</v>
      </c>
      <c r="AX21" s="219">
        <v>70</v>
      </c>
      <c r="AY21" s="240">
        <v>384</v>
      </c>
      <c r="AZ21" s="241">
        <v>384</v>
      </c>
      <c r="BA21" s="217">
        <v>0</v>
      </c>
      <c r="BB21" s="219">
        <v>0</v>
      </c>
      <c r="BC21" s="219">
        <v>0</v>
      </c>
      <c r="BD21" s="220">
        <v>1</v>
      </c>
      <c r="BE21" s="218">
        <v>3</v>
      </c>
      <c r="BF21" s="218">
        <v>2</v>
      </c>
      <c r="BG21" s="218">
        <v>2</v>
      </c>
      <c r="BH21" s="219">
        <v>3</v>
      </c>
      <c r="BI21" s="240">
        <v>11</v>
      </c>
      <c r="BJ21" s="242">
        <v>11</v>
      </c>
      <c r="BK21" s="222">
        <v>0</v>
      </c>
      <c r="BL21" s="219">
        <v>0</v>
      </c>
      <c r="BM21" s="219">
        <v>0</v>
      </c>
      <c r="BN21" s="220">
        <v>0</v>
      </c>
      <c r="BO21" s="218">
        <v>0</v>
      </c>
      <c r="BP21" s="218">
        <v>0</v>
      </c>
      <c r="BQ21" s="218">
        <v>0</v>
      </c>
      <c r="BR21" s="219">
        <v>0</v>
      </c>
      <c r="BS21" s="240">
        <v>0</v>
      </c>
      <c r="BT21" s="241">
        <v>0</v>
      </c>
      <c r="BU21" s="217">
        <v>0</v>
      </c>
      <c r="BV21" s="219">
        <v>0</v>
      </c>
      <c r="BW21" s="219">
        <v>0</v>
      </c>
      <c r="BX21" s="220">
        <v>0</v>
      </c>
      <c r="BY21" s="218">
        <v>0</v>
      </c>
      <c r="BZ21" s="218">
        <v>0</v>
      </c>
      <c r="CA21" s="218">
        <v>0</v>
      </c>
      <c r="CB21" s="219">
        <v>0</v>
      </c>
      <c r="CC21" s="240">
        <v>0</v>
      </c>
      <c r="CD21" s="242">
        <v>0</v>
      </c>
      <c r="CE21" s="222">
        <v>0</v>
      </c>
      <c r="CF21" s="219">
        <v>0</v>
      </c>
      <c r="CG21" s="219">
        <v>0</v>
      </c>
      <c r="CH21" s="220">
        <v>0</v>
      </c>
      <c r="CI21" s="218">
        <v>0</v>
      </c>
      <c r="CJ21" s="218">
        <v>0</v>
      </c>
      <c r="CK21" s="218">
        <v>0</v>
      </c>
      <c r="CL21" s="219">
        <v>0</v>
      </c>
      <c r="CM21" s="240">
        <v>0</v>
      </c>
      <c r="CN21" s="242">
        <v>0</v>
      </c>
      <c r="CO21" s="222">
        <v>0</v>
      </c>
      <c r="CP21" s="219">
        <v>0</v>
      </c>
      <c r="CQ21" s="219">
        <v>0</v>
      </c>
      <c r="CR21" s="220">
        <v>0</v>
      </c>
      <c r="CS21" s="218">
        <v>1</v>
      </c>
      <c r="CT21" s="218">
        <v>1</v>
      </c>
      <c r="CU21" s="218">
        <v>15</v>
      </c>
      <c r="CV21" s="219">
        <v>17</v>
      </c>
      <c r="CW21" s="240">
        <v>34</v>
      </c>
      <c r="CX21" s="241">
        <v>34</v>
      </c>
      <c r="CY21" s="217">
        <v>0</v>
      </c>
      <c r="CZ21" s="219">
        <v>0</v>
      </c>
      <c r="DA21" s="219">
        <v>0</v>
      </c>
      <c r="DB21" s="220">
        <v>0</v>
      </c>
      <c r="DC21" s="218">
        <v>1</v>
      </c>
      <c r="DD21" s="218">
        <v>1</v>
      </c>
      <c r="DE21" s="218">
        <v>14</v>
      </c>
      <c r="DF21" s="219">
        <v>17</v>
      </c>
      <c r="DG21" s="240">
        <v>33</v>
      </c>
      <c r="DH21" s="242">
        <v>33</v>
      </c>
      <c r="DI21" s="222">
        <v>0</v>
      </c>
      <c r="DJ21" s="219">
        <v>0</v>
      </c>
      <c r="DK21" s="219">
        <v>0</v>
      </c>
      <c r="DL21" s="220">
        <v>0</v>
      </c>
      <c r="DM21" s="218">
        <v>0</v>
      </c>
      <c r="DN21" s="218">
        <v>0</v>
      </c>
      <c r="DO21" s="218">
        <v>1</v>
      </c>
      <c r="DP21" s="219">
        <v>0</v>
      </c>
      <c r="DQ21" s="240">
        <v>1</v>
      </c>
      <c r="DR21" s="242">
        <v>1</v>
      </c>
      <c r="DS21" s="222">
        <v>0</v>
      </c>
      <c r="DT21" s="219">
        <v>0</v>
      </c>
      <c r="DU21" s="219">
        <v>0</v>
      </c>
      <c r="DV21" s="220">
        <v>33</v>
      </c>
      <c r="DW21" s="218">
        <v>79</v>
      </c>
      <c r="DX21" s="218">
        <v>305</v>
      </c>
      <c r="DY21" s="218">
        <v>505</v>
      </c>
      <c r="DZ21" s="219">
        <v>328</v>
      </c>
      <c r="EA21" s="240">
        <v>1250</v>
      </c>
      <c r="EB21" s="242">
        <v>1250</v>
      </c>
      <c r="EC21" s="239"/>
    </row>
    <row r="22" spans="2:133" ht="21" customHeight="1" x14ac:dyDescent="0.2">
      <c r="B22" s="106" t="s">
        <v>19</v>
      </c>
      <c r="C22" s="217">
        <v>0</v>
      </c>
      <c r="D22" s="219">
        <v>0</v>
      </c>
      <c r="E22" s="219">
        <v>0</v>
      </c>
      <c r="F22" s="220">
        <v>0</v>
      </c>
      <c r="G22" s="218">
        <v>6</v>
      </c>
      <c r="H22" s="218">
        <v>139</v>
      </c>
      <c r="I22" s="218">
        <v>120</v>
      </c>
      <c r="J22" s="219">
        <v>115</v>
      </c>
      <c r="K22" s="240">
        <v>380</v>
      </c>
      <c r="L22" s="241">
        <v>380</v>
      </c>
      <c r="M22" s="217">
        <v>0</v>
      </c>
      <c r="N22" s="219">
        <v>0</v>
      </c>
      <c r="O22" s="240">
        <v>0</v>
      </c>
      <c r="P22" s="220">
        <v>0</v>
      </c>
      <c r="Q22" s="218">
        <v>6</v>
      </c>
      <c r="R22" s="218">
        <v>137</v>
      </c>
      <c r="S22" s="218">
        <v>120</v>
      </c>
      <c r="T22" s="219">
        <v>114</v>
      </c>
      <c r="U22" s="240">
        <v>377</v>
      </c>
      <c r="V22" s="242">
        <v>377</v>
      </c>
      <c r="W22" s="222">
        <v>0</v>
      </c>
      <c r="X22" s="219">
        <v>0</v>
      </c>
      <c r="Y22" s="240">
        <v>0</v>
      </c>
      <c r="Z22" s="222">
        <v>0</v>
      </c>
      <c r="AA22" s="218">
        <v>0</v>
      </c>
      <c r="AB22" s="218">
        <v>2</v>
      </c>
      <c r="AC22" s="218">
        <v>0</v>
      </c>
      <c r="AD22" s="219">
        <v>1</v>
      </c>
      <c r="AE22" s="240">
        <v>3</v>
      </c>
      <c r="AF22" s="221">
        <v>3</v>
      </c>
      <c r="AG22" s="222">
        <v>0</v>
      </c>
      <c r="AH22" s="219">
        <v>0</v>
      </c>
      <c r="AI22" s="240">
        <v>0</v>
      </c>
      <c r="AJ22" s="222">
        <v>31</v>
      </c>
      <c r="AK22" s="218">
        <v>45</v>
      </c>
      <c r="AL22" s="218">
        <v>72</v>
      </c>
      <c r="AM22" s="218">
        <v>58</v>
      </c>
      <c r="AN22" s="219">
        <v>26</v>
      </c>
      <c r="AO22" s="240">
        <v>232</v>
      </c>
      <c r="AP22" s="221">
        <v>232</v>
      </c>
      <c r="AQ22" s="222">
        <v>0</v>
      </c>
      <c r="AR22" s="219">
        <v>0</v>
      </c>
      <c r="AS22" s="240">
        <v>0</v>
      </c>
      <c r="AT22" s="220">
        <v>30</v>
      </c>
      <c r="AU22" s="218">
        <v>45</v>
      </c>
      <c r="AV22" s="218">
        <v>69</v>
      </c>
      <c r="AW22" s="218">
        <v>56</v>
      </c>
      <c r="AX22" s="219">
        <v>26</v>
      </c>
      <c r="AY22" s="240">
        <v>226</v>
      </c>
      <c r="AZ22" s="241">
        <v>226</v>
      </c>
      <c r="BA22" s="217">
        <v>0</v>
      </c>
      <c r="BB22" s="219">
        <v>0</v>
      </c>
      <c r="BC22" s="219">
        <v>0</v>
      </c>
      <c r="BD22" s="220">
        <v>1</v>
      </c>
      <c r="BE22" s="218">
        <v>0</v>
      </c>
      <c r="BF22" s="218">
        <v>3</v>
      </c>
      <c r="BG22" s="218">
        <v>2</v>
      </c>
      <c r="BH22" s="219">
        <v>0</v>
      </c>
      <c r="BI22" s="240">
        <v>6</v>
      </c>
      <c r="BJ22" s="242">
        <v>6</v>
      </c>
      <c r="BK22" s="222">
        <v>0</v>
      </c>
      <c r="BL22" s="219">
        <v>0</v>
      </c>
      <c r="BM22" s="219">
        <v>0</v>
      </c>
      <c r="BN22" s="220">
        <v>0</v>
      </c>
      <c r="BO22" s="218">
        <v>0</v>
      </c>
      <c r="BP22" s="218">
        <v>0</v>
      </c>
      <c r="BQ22" s="218">
        <v>0</v>
      </c>
      <c r="BR22" s="219">
        <v>0</v>
      </c>
      <c r="BS22" s="240">
        <v>0</v>
      </c>
      <c r="BT22" s="241">
        <v>0</v>
      </c>
      <c r="BU22" s="217">
        <v>0</v>
      </c>
      <c r="BV22" s="219">
        <v>0</v>
      </c>
      <c r="BW22" s="219">
        <v>0</v>
      </c>
      <c r="BX22" s="220">
        <v>0</v>
      </c>
      <c r="BY22" s="218">
        <v>0</v>
      </c>
      <c r="BZ22" s="218">
        <v>0</v>
      </c>
      <c r="CA22" s="218">
        <v>0</v>
      </c>
      <c r="CB22" s="219">
        <v>0</v>
      </c>
      <c r="CC22" s="240">
        <v>0</v>
      </c>
      <c r="CD22" s="242">
        <v>0</v>
      </c>
      <c r="CE22" s="222">
        <v>0</v>
      </c>
      <c r="CF22" s="219">
        <v>0</v>
      </c>
      <c r="CG22" s="219">
        <v>0</v>
      </c>
      <c r="CH22" s="220">
        <v>0</v>
      </c>
      <c r="CI22" s="218">
        <v>0</v>
      </c>
      <c r="CJ22" s="218">
        <v>0</v>
      </c>
      <c r="CK22" s="218">
        <v>0</v>
      </c>
      <c r="CL22" s="219">
        <v>0</v>
      </c>
      <c r="CM22" s="240">
        <v>0</v>
      </c>
      <c r="CN22" s="242">
        <v>0</v>
      </c>
      <c r="CO22" s="222">
        <v>0</v>
      </c>
      <c r="CP22" s="219">
        <v>0</v>
      </c>
      <c r="CQ22" s="219">
        <v>0</v>
      </c>
      <c r="CR22" s="220">
        <v>0</v>
      </c>
      <c r="CS22" s="218">
        <v>0</v>
      </c>
      <c r="CT22" s="218">
        <v>0</v>
      </c>
      <c r="CU22" s="218">
        <v>3</v>
      </c>
      <c r="CV22" s="219">
        <v>6</v>
      </c>
      <c r="CW22" s="240">
        <v>9</v>
      </c>
      <c r="CX22" s="241">
        <v>9</v>
      </c>
      <c r="CY22" s="217">
        <v>0</v>
      </c>
      <c r="CZ22" s="219">
        <v>0</v>
      </c>
      <c r="DA22" s="219">
        <v>0</v>
      </c>
      <c r="DB22" s="220">
        <v>0</v>
      </c>
      <c r="DC22" s="218">
        <v>0</v>
      </c>
      <c r="DD22" s="218">
        <v>0</v>
      </c>
      <c r="DE22" s="218">
        <v>3</v>
      </c>
      <c r="DF22" s="219">
        <v>6</v>
      </c>
      <c r="DG22" s="240">
        <v>9</v>
      </c>
      <c r="DH22" s="242">
        <v>9</v>
      </c>
      <c r="DI22" s="222">
        <v>0</v>
      </c>
      <c r="DJ22" s="219">
        <v>0</v>
      </c>
      <c r="DK22" s="219">
        <v>0</v>
      </c>
      <c r="DL22" s="220">
        <v>0</v>
      </c>
      <c r="DM22" s="218">
        <v>0</v>
      </c>
      <c r="DN22" s="218">
        <v>0</v>
      </c>
      <c r="DO22" s="218">
        <v>0</v>
      </c>
      <c r="DP22" s="219">
        <v>0</v>
      </c>
      <c r="DQ22" s="240">
        <v>0</v>
      </c>
      <c r="DR22" s="242">
        <v>0</v>
      </c>
      <c r="DS22" s="222">
        <v>0</v>
      </c>
      <c r="DT22" s="219">
        <v>0</v>
      </c>
      <c r="DU22" s="219">
        <v>0</v>
      </c>
      <c r="DV22" s="220">
        <v>31</v>
      </c>
      <c r="DW22" s="218">
        <v>51</v>
      </c>
      <c r="DX22" s="218">
        <v>208</v>
      </c>
      <c r="DY22" s="218">
        <v>180</v>
      </c>
      <c r="DZ22" s="219">
        <v>146</v>
      </c>
      <c r="EA22" s="240">
        <v>616</v>
      </c>
      <c r="EB22" s="242">
        <v>616</v>
      </c>
      <c r="EC22" s="239"/>
    </row>
    <row r="23" spans="2:133" ht="21" customHeight="1" x14ac:dyDescent="0.2">
      <c r="B23" s="106" t="s">
        <v>20</v>
      </c>
      <c r="C23" s="217">
        <v>0</v>
      </c>
      <c r="D23" s="219">
        <v>0</v>
      </c>
      <c r="E23" s="219">
        <v>0</v>
      </c>
      <c r="F23" s="220">
        <v>3</v>
      </c>
      <c r="G23" s="218">
        <v>22</v>
      </c>
      <c r="H23" s="218">
        <v>146</v>
      </c>
      <c r="I23" s="218">
        <v>213</v>
      </c>
      <c r="J23" s="219">
        <v>109</v>
      </c>
      <c r="K23" s="240">
        <v>493</v>
      </c>
      <c r="L23" s="241">
        <v>493</v>
      </c>
      <c r="M23" s="217">
        <v>0</v>
      </c>
      <c r="N23" s="219">
        <v>0</v>
      </c>
      <c r="O23" s="240">
        <v>0</v>
      </c>
      <c r="P23" s="220">
        <v>3</v>
      </c>
      <c r="Q23" s="218">
        <v>22</v>
      </c>
      <c r="R23" s="218">
        <v>146</v>
      </c>
      <c r="S23" s="218">
        <v>212</v>
      </c>
      <c r="T23" s="219">
        <v>107</v>
      </c>
      <c r="U23" s="240">
        <v>490</v>
      </c>
      <c r="V23" s="242">
        <v>490</v>
      </c>
      <c r="W23" s="222">
        <v>0</v>
      </c>
      <c r="X23" s="219">
        <v>0</v>
      </c>
      <c r="Y23" s="240">
        <v>0</v>
      </c>
      <c r="Z23" s="222">
        <v>0</v>
      </c>
      <c r="AA23" s="218">
        <v>0</v>
      </c>
      <c r="AB23" s="218">
        <v>0</v>
      </c>
      <c r="AC23" s="218">
        <v>1</v>
      </c>
      <c r="AD23" s="219">
        <v>2</v>
      </c>
      <c r="AE23" s="240">
        <v>3</v>
      </c>
      <c r="AF23" s="221">
        <v>3</v>
      </c>
      <c r="AG23" s="222">
        <v>0</v>
      </c>
      <c r="AH23" s="219">
        <v>0</v>
      </c>
      <c r="AI23" s="240">
        <v>0</v>
      </c>
      <c r="AJ23" s="222">
        <v>13</v>
      </c>
      <c r="AK23" s="218">
        <v>35</v>
      </c>
      <c r="AL23" s="218">
        <v>33</v>
      </c>
      <c r="AM23" s="218">
        <v>53</v>
      </c>
      <c r="AN23" s="219">
        <v>24</v>
      </c>
      <c r="AO23" s="240">
        <v>158</v>
      </c>
      <c r="AP23" s="221">
        <v>158</v>
      </c>
      <c r="AQ23" s="222">
        <v>0</v>
      </c>
      <c r="AR23" s="219">
        <v>0</v>
      </c>
      <c r="AS23" s="240">
        <v>0</v>
      </c>
      <c r="AT23" s="220">
        <v>13</v>
      </c>
      <c r="AU23" s="218">
        <v>35</v>
      </c>
      <c r="AV23" s="218">
        <v>33</v>
      </c>
      <c r="AW23" s="218">
        <v>53</v>
      </c>
      <c r="AX23" s="219">
        <v>24</v>
      </c>
      <c r="AY23" s="240">
        <v>158</v>
      </c>
      <c r="AZ23" s="241">
        <v>158</v>
      </c>
      <c r="BA23" s="217">
        <v>0</v>
      </c>
      <c r="BB23" s="219">
        <v>0</v>
      </c>
      <c r="BC23" s="219">
        <v>0</v>
      </c>
      <c r="BD23" s="220">
        <v>0</v>
      </c>
      <c r="BE23" s="218">
        <v>0</v>
      </c>
      <c r="BF23" s="218">
        <v>0</v>
      </c>
      <c r="BG23" s="218">
        <v>0</v>
      </c>
      <c r="BH23" s="219">
        <v>0</v>
      </c>
      <c r="BI23" s="240">
        <v>0</v>
      </c>
      <c r="BJ23" s="242">
        <v>0</v>
      </c>
      <c r="BK23" s="222">
        <v>0</v>
      </c>
      <c r="BL23" s="219">
        <v>0</v>
      </c>
      <c r="BM23" s="219">
        <v>0</v>
      </c>
      <c r="BN23" s="220">
        <v>0</v>
      </c>
      <c r="BO23" s="218">
        <v>0</v>
      </c>
      <c r="BP23" s="218">
        <v>0</v>
      </c>
      <c r="BQ23" s="218">
        <v>0</v>
      </c>
      <c r="BR23" s="219">
        <v>0</v>
      </c>
      <c r="BS23" s="240">
        <v>0</v>
      </c>
      <c r="BT23" s="241">
        <v>0</v>
      </c>
      <c r="BU23" s="217">
        <v>0</v>
      </c>
      <c r="BV23" s="219">
        <v>0</v>
      </c>
      <c r="BW23" s="219">
        <v>0</v>
      </c>
      <c r="BX23" s="220">
        <v>0</v>
      </c>
      <c r="BY23" s="218">
        <v>0</v>
      </c>
      <c r="BZ23" s="218">
        <v>0</v>
      </c>
      <c r="CA23" s="218">
        <v>0</v>
      </c>
      <c r="CB23" s="219">
        <v>0</v>
      </c>
      <c r="CC23" s="240">
        <v>0</v>
      </c>
      <c r="CD23" s="242">
        <v>0</v>
      </c>
      <c r="CE23" s="222">
        <v>0</v>
      </c>
      <c r="CF23" s="219">
        <v>0</v>
      </c>
      <c r="CG23" s="219">
        <v>0</v>
      </c>
      <c r="CH23" s="220">
        <v>0</v>
      </c>
      <c r="CI23" s="218">
        <v>0</v>
      </c>
      <c r="CJ23" s="218">
        <v>0</v>
      </c>
      <c r="CK23" s="218">
        <v>0</v>
      </c>
      <c r="CL23" s="219">
        <v>0</v>
      </c>
      <c r="CM23" s="240">
        <v>0</v>
      </c>
      <c r="CN23" s="242">
        <v>0</v>
      </c>
      <c r="CO23" s="222">
        <v>0</v>
      </c>
      <c r="CP23" s="219">
        <v>0</v>
      </c>
      <c r="CQ23" s="219">
        <v>0</v>
      </c>
      <c r="CR23" s="220">
        <v>0</v>
      </c>
      <c r="CS23" s="218">
        <v>0</v>
      </c>
      <c r="CT23" s="218">
        <v>1</v>
      </c>
      <c r="CU23" s="218">
        <v>3</v>
      </c>
      <c r="CV23" s="219">
        <v>4</v>
      </c>
      <c r="CW23" s="240">
        <v>8</v>
      </c>
      <c r="CX23" s="241">
        <v>8</v>
      </c>
      <c r="CY23" s="217">
        <v>0</v>
      </c>
      <c r="CZ23" s="219">
        <v>0</v>
      </c>
      <c r="DA23" s="219">
        <v>0</v>
      </c>
      <c r="DB23" s="220">
        <v>0</v>
      </c>
      <c r="DC23" s="218">
        <v>0</v>
      </c>
      <c r="DD23" s="218">
        <v>1</v>
      </c>
      <c r="DE23" s="218">
        <v>3</v>
      </c>
      <c r="DF23" s="219">
        <v>4</v>
      </c>
      <c r="DG23" s="240">
        <v>8</v>
      </c>
      <c r="DH23" s="242">
        <v>8</v>
      </c>
      <c r="DI23" s="222">
        <v>0</v>
      </c>
      <c r="DJ23" s="219">
        <v>0</v>
      </c>
      <c r="DK23" s="219">
        <v>0</v>
      </c>
      <c r="DL23" s="220">
        <v>0</v>
      </c>
      <c r="DM23" s="218">
        <v>0</v>
      </c>
      <c r="DN23" s="218">
        <v>0</v>
      </c>
      <c r="DO23" s="218">
        <v>0</v>
      </c>
      <c r="DP23" s="219">
        <v>0</v>
      </c>
      <c r="DQ23" s="240">
        <v>0</v>
      </c>
      <c r="DR23" s="242">
        <v>0</v>
      </c>
      <c r="DS23" s="222">
        <v>0</v>
      </c>
      <c r="DT23" s="219">
        <v>0</v>
      </c>
      <c r="DU23" s="219">
        <v>0</v>
      </c>
      <c r="DV23" s="220">
        <v>16</v>
      </c>
      <c r="DW23" s="218">
        <v>57</v>
      </c>
      <c r="DX23" s="218">
        <v>180</v>
      </c>
      <c r="DY23" s="218">
        <v>269</v>
      </c>
      <c r="DZ23" s="219">
        <v>136</v>
      </c>
      <c r="EA23" s="240">
        <v>658</v>
      </c>
      <c r="EB23" s="242">
        <v>658</v>
      </c>
      <c r="EC23" s="239"/>
    </row>
    <row r="24" spans="2:133" ht="21" customHeight="1" x14ac:dyDescent="0.2">
      <c r="B24" s="106" t="s">
        <v>21</v>
      </c>
      <c r="C24" s="217">
        <v>0</v>
      </c>
      <c r="D24" s="219">
        <v>0</v>
      </c>
      <c r="E24" s="219">
        <v>0</v>
      </c>
      <c r="F24" s="220">
        <v>5</v>
      </c>
      <c r="G24" s="218">
        <v>13</v>
      </c>
      <c r="H24" s="218">
        <v>124</v>
      </c>
      <c r="I24" s="218">
        <v>144</v>
      </c>
      <c r="J24" s="219">
        <v>95</v>
      </c>
      <c r="K24" s="240">
        <v>381</v>
      </c>
      <c r="L24" s="241">
        <v>381</v>
      </c>
      <c r="M24" s="217">
        <v>0</v>
      </c>
      <c r="N24" s="219">
        <v>0</v>
      </c>
      <c r="O24" s="240">
        <v>0</v>
      </c>
      <c r="P24" s="220">
        <v>4</v>
      </c>
      <c r="Q24" s="218">
        <v>13</v>
      </c>
      <c r="R24" s="218">
        <v>124</v>
      </c>
      <c r="S24" s="218">
        <v>144</v>
      </c>
      <c r="T24" s="219">
        <v>95</v>
      </c>
      <c r="U24" s="240">
        <v>380</v>
      </c>
      <c r="V24" s="242">
        <v>380</v>
      </c>
      <c r="W24" s="222">
        <v>0</v>
      </c>
      <c r="X24" s="219">
        <v>0</v>
      </c>
      <c r="Y24" s="240">
        <v>0</v>
      </c>
      <c r="Z24" s="222">
        <v>1</v>
      </c>
      <c r="AA24" s="218">
        <v>0</v>
      </c>
      <c r="AB24" s="218">
        <v>0</v>
      </c>
      <c r="AC24" s="218">
        <v>0</v>
      </c>
      <c r="AD24" s="219">
        <v>0</v>
      </c>
      <c r="AE24" s="240">
        <v>1</v>
      </c>
      <c r="AF24" s="221">
        <v>1</v>
      </c>
      <c r="AG24" s="222">
        <v>0</v>
      </c>
      <c r="AH24" s="219">
        <v>0</v>
      </c>
      <c r="AI24" s="240">
        <v>0</v>
      </c>
      <c r="AJ24" s="222">
        <v>18</v>
      </c>
      <c r="AK24" s="218">
        <v>29</v>
      </c>
      <c r="AL24" s="218">
        <v>42</v>
      </c>
      <c r="AM24" s="218">
        <v>46</v>
      </c>
      <c r="AN24" s="219">
        <v>26</v>
      </c>
      <c r="AO24" s="240">
        <v>161</v>
      </c>
      <c r="AP24" s="221">
        <v>161</v>
      </c>
      <c r="AQ24" s="222">
        <v>0</v>
      </c>
      <c r="AR24" s="219">
        <v>0</v>
      </c>
      <c r="AS24" s="240">
        <v>0</v>
      </c>
      <c r="AT24" s="220">
        <v>18</v>
      </c>
      <c r="AU24" s="218">
        <v>29</v>
      </c>
      <c r="AV24" s="218">
        <v>41</v>
      </c>
      <c r="AW24" s="218">
        <v>43</v>
      </c>
      <c r="AX24" s="219">
        <v>25</v>
      </c>
      <c r="AY24" s="240">
        <v>156</v>
      </c>
      <c r="AZ24" s="241">
        <v>156</v>
      </c>
      <c r="BA24" s="217">
        <v>0</v>
      </c>
      <c r="BB24" s="219">
        <v>0</v>
      </c>
      <c r="BC24" s="219">
        <v>0</v>
      </c>
      <c r="BD24" s="220">
        <v>0</v>
      </c>
      <c r="BE24" s="218">
        <v>0</v>
      </c>
      <c r="BF24" s="218">
        <v>1</v>
      </c>
      <c r="BG24" s="218">
        <v>3</v>
      </c>
      <c r="BH24" s="219">
        <v>1</v>
      </c>
      <c r="BI24" s="240">
        <v>5</v>
      </c>
      <c r="BJ24" s="242">
        <v>5</v>
      </c>
      <c r="BK24" s="222">
        <v>0</v>
      </c>
      <c r="BL24" s="219">
        <v>0</v>
      </c>
      <c r="BM24" s="219">
        <v>0</v>
      </c>
      <c r="BN24" s="220">
        <v>0</v>
      </c>
      <c r="BO24" s="218">
        <v>0</v>
      </c>
      <c r="BP24" s="218">
        <v>0</v>
      </c>
      <c r="BQ24" s="218">
        <v>0</v>
      </c>
      <c r="BR24" s="219">
        <v>0</v>
      </c>
      <c r="BS24" s="240">
        <v>0</v>
      </c>
      <c r="BT24" s="241">
        <v>0</v>
      </c>
      <c r="BU24" s="217">
        <v>0</v>
      </c>
      <c r="BV24" s="219">
        <v>0</v>
      </c>
      <c r="BW24" s="219">
        <v>0</v>
      </c>
      <c r="BX24" s="220">
        <v>0</v>
      </c>
      <c r="BY24" s="218">
        <v>0</v>
      </c>
      <c r="BZ24" s="218">
        <v>0</v>
      </c>
      <c r="CA24" s="218">
        <v>0</v>
      </c>
      <c r="CB24" s="219">
        <v>0</v>
      </c>
      <c r="CC24" s="240">
        <v>0</v>
      </c>
      <c r="CD24" s="242">
        <v>0</v>
      </c>
      <c r="CE24" s="222">
        <v>0</v>
      </c>
      <c r="CF24" s="219">
        <v>0</v>
      </c>
      <c r="CG24" s="219">
        <v>0</v>
      </c>
      <c r="CH24" s="220">
        <v>0</v>
      </c>
      <c r="CI24" s="218">
        <v>0</v>
      </c>
      <c r="CJ24" s="218">
        <v>0</v>
      </c>
      <c r="CK24" s="218">
        <v>0</v>
      </c>
      <c r="CL24" s="219">
        <v>0</v>
      </c>
      <c r="CM24" s="240">
        <v>0</v>
      </c>
      <c r="CN24" s="242">
        <v>0</v>
      </c>
      <c r="CO24" s="222">
        <v>0</v>
      </c>
      <c r="CP24" s="219">
        <v>0</v>
      </c>
      <c r="CQ24" s="219">
        <v>0</v>
      </c>
      <c r="CR24" s="220">
        <v>0</v>
      </c>
      <c r="CS24" s="218">
        <v>0</v>
      </c>
      <c r="CT24" s="218">
        <v>0</v>
      </c>
      <c r="CU24" s="218">
        <v>14</v>
      </c>
      <c r="CV24" s="219">
        <v>17</v>
      </c>
      <c r="CW24" s="240">
        <v>31</v>
      </c>
      <c r="CX24" s="241">
        <v>31</v>
      </c>
      <c r="CY24" s="217">
        <v>0</v>
      </c>
      <c r="CZ24" s="219">
        <v>0</v>
      </c>
      <c r="DA24" s="219">
        <v>0</v>
      </c>
      <c r="DB24" s="220">
        <v>0</v>
      </c>
      <c r="DC24" s="218">
        <v>0</v>
      </c>
      <c r="DD24" s="218">
        <v>0</v>
      </c>
      <c r="DE24" s="218">
        <v>14</v>
      </c>
      <c r="DF24" s="219">
        <v>17</v>
      </c>
      <c r="DG24" s="240">
        <v>31</v>
      </c>
      <c r="DH24" s="242">
        <v>31</v>
      </c>
      <c r="DI24" s="222">
        <v>0</v>
      </c>
      <c r="DJ24" s="219">
        <v>0</v>
      </c>
      <c r="DK24" s="219">
        <v>0</v>
      </c>
      <c r="DL24" s="220">
        <v>0</v>
      </c>
      <c r="DM24" s="218">
        <v>0</v>
      </c>
      <c r="DN24" s="218">
        <v>0</v>
      </c>
      <c r="DO24" s="218">
        <v>0</v>
      </c>
      <c r="DP24" s="219">
        <v>0</v>
      </c>
      <c r="DQ24" s="240">
        <v>0</v>
      </c>
      <c r="DR24" s="242">
        <v>0</v>
      </c>
      <c r="DS24" s="222">
        <v>0</v>
      </c>
      <c r="DT24" s="219">
        <v>0</v>
      </c>
      <c r="DU24" s="219">
        <v>0</v>
      </c>
      <c r="DV24" s="220">
        <v>23</v>
      </c>
      <c r="DW24" s="218">
        <v>42</v>
      </c>
      <c r="DX24" s="218">
        <v>166</v>
      </c>
      <c r="DY24" s="218">
        <v>204</v>
      </c>
      <c r="DZ24" s="219">
        <v>138</v>
      </c>
      <c r="EA24" s="240">
        <v>573</v>
      </c>
      <c r="EB24" s="242">
        <v>573</v>
      </c>
      <c r="EC24" s="239"/>
    </row>
    <row r="25" spans="2:133" ht="21" customHeight="1" x14ac:dyDescent="0.2">
      <c r="B25" s="106" t="s">
        <v>22</v>
      </c>
      <c r="C25" s="217">
        <v>0</v>
      </c>
      <c r="D25" s="219">
        <v>0</v>
      </c>
      <c r="E25" s="219">
        <v>0</v>
      </c>
      <c r="F25" s="220">
        <v>2</v>
      </c>
      <c r="G25" s="218">
        <v>6</v>
      </c>
      <c r="H25" s="218">
        <v>46</v>
      </c>
      <c r="I25" s="218">
        <v>66</v>
      </c>
      <c r="J25" s="219">
        <v>32</v>
      </c>
      <c r="K25" s="240">
        <v>152</v>
      </c>
      <c r="L25" s="241">
        <v>152</v>
      </c>
      <c r="M25" s="217">
        <v>0</v>
      </c>
      <c r="N25" s="219">
        <v>0</v>
      </c>
      <c r="O25" s="240">
        <v>0</v>
      </c>
      <c r="P25" s="220">
        <v>2</v>
      </c>
      <c r="Q25" s="218">
        <v>6</v>
      </c>
      <c r="R25" s="218">
        <v>46</v>
      </c>
      <c r="S25" s="218">
        <v>66</v>
      </c>
      <c r="T25" s="219">
        <v>32</v>
      </c>
      <c r="U25" s="240">
        <v>152</v>
      </c>
      <c r="V25" s="242">
        <v>152</v>
      </c>
      <c r="W25" s="222">
        <v>0</v>
      </c>
      <c r="X25" s="219">
        <v>0</v>
      </c>
      <c r="Y25" s="240">
        <v>0</v>
      </c>
      <c r="Z25" s="222">
        <v>0</v>
      </c>
      <c r="AA25" s="218">
        <v>0</v>
      </c>
      <c r="AB25" s="218">
        <v>0</v>
      </c>
      <c r="AC25" s="218">
        <v>0</v>
      </c>
      <c r="AD25" s="219">
        <v>0</v>
      </c>
      <c r="AE25" s="240">
        <v>0</v>
      </c>
      <c r="AF25" s="221">
        <v>0</v>
      </c>
      <c r="AG25" s="222">
        <v>0</v>
      </c>
      <c r="AH25" s="219">
        <v>0</v>
      </c>
      <c r="AI25" s="240">
        <v>0</v>
      </c>
      <c r="AJ25" s="222">
        <v>9</v>
      </c>
      <c r="AK25" s="218">
        <v>22</v>
      </c>
      <c r="AL25" s="218">
        <v>28</v>
      </c>
      <c r="AM25" s="218">
        <v>40</v>
      </c>
      <c r="AN25" s="219">
        <v>20</v>
      </c>
      <c r="AO25" s="240">
        <v>119</v>
      </c>
      <c r="AP25" s="221">
        <v>119</v>
      </c>
      <c r="AQ25" s="222">
        <v>0</v>
      </c>
      <c r="AR25" s="219">
        <v>0</v>
      </c>
      <c r="AS25" s="240">
        <v>0</v>
      </c>
      <c r="AT25" s="220">
        <v>9</v>
      </c>
      <c r="AU25" s="218">
        <v>22</v>
      </c>
      <c r="AV25" s="218">
        <v>28</v>
      </c>
      <c r="AW25" s="218">
        <v>40</v>
      </c>
      <c r="AX25" s="219">
        <v>20</v>
      </c>
      <c r="AY25" s="240">
        <v>119</v>
      </c>
      <c r="AZ25" s="241">
        <v>119</v>
      </c>
      <c r="BA25" s="217">
        <v>0</v>
      </c>
      <c r="BB25" s="219">
        <v>0</v>
      </c>
      <c r="BC25" s="219">
        <v>0</v>
      </c>
      <c r="BD25" s="220">
        <v>0</v>
      </c>
      <c r="BE25" s="218">
        <v>0</v>
      </c>
      <c r="BF25" s="218">
        <v>0</v>
      </c>
      <c r="BG25" s="218">
        <v>0</v>
      </c>
      <c r="BH25" s="219">
        <v>0</v>
      </c>
      <c r="BI25" s="240">
        <v>0</v>
      </c>
      <c r="BJ25" s="242">
        <v>0</v>
      </c>
      <c r="BK25" s="222">
        <v>0</v>
      </c>
      <c r="BL25" s="219">
        <v>0</v>
      </c>
      <c r="BM25" s="219">
        <v>0</v>
      </c>
      <c r="BN25" s="220">
        <v>0</v>
      </c>
      <c r="BO25" s="218">
        <v>0</v>
      </c>
      <c r="BP25" s="218">
        <v>0</v>
      </c>
      <c r="BQ25" s="218">
        <v>0</v>
      </c>
      <c r="BR25" s="219">
        <v>0</v>
      </c>
      <c r="BS25" s="240">
        <v>0</v>
      </c>
      <c r="BT25" s="241">
        <v>0</v>
      </c>
      <c r="BU25" s="217">
        <v>0</v>
      </c>
      <c r="BV25" s="219">
        <v>0</v>
      </c>
      <c r="BW25" s="219">
        <v>0</v>
      </c>
      <c r="BX25" s="220">
        <v>0</v>
      </c>
      <c r="BY25" s="218">
        <v>0</v>
      </c>
      <c r="BZ25" s="218">
        <v>0</v>
      </c>
      <c r="CA25" s="218">
        <v>0</v>
      </c>
      <c r="CB25" s="219">
        <v>0</v>
      </c>
      <c r="CC25" s="240">
        <v>0</v>
      </c>
      <c r="CD25" s="242">
        <v>0</v>
      </c>
      <c r="CE25" s="222">
        <v>0</v>
      </c>
      <c r="CF25" s="219">
        <v>0</v>
      </c>
      <c r="CG25" s="219">
        <v>0</v>
      </c>
      <c r="CH25" s="220">
        <v>0</v>
      </c>
      <c r="CI25" s="218">
        <v>0</v>
      </c>
      <c r="CJ25" s="218">
        <v>0</v>
      </c>
      <c r="CK25" s="218">
        <v>0</v>
      </c>
      <c r="CL25" s="219">
        <v>0</v>
      </c>
      <c r="CM25" s="240">
        <v>0</v>
      </c>
      <c r="CN25" s="242">
        <v>0</v>
      </c>
      <c r="CO25" s="222">
        <v>0</v>
      </c>
      <c r="CP25" s="219">
        <v>0</v>
      </c>
      <c r="CQ25" s="219">
        <v>0</v>
      </c>
      <c r="CR25" s="220">
        <v>0</v>
      </c>
      <c r="CS25" s="218">
        <v>0</v>
      </c>
      <c r="CT25" s="218">
        <v>1</v>
      </c>
      <c r="CU25" s="218">
        <v>5</v>
      </c>
      <c r="CV25" s="219">
        <v>5</v>
      </c>
      <c r="CW25" s="240">
        <v>11</v>
      </c>
      <c r="CX25" s="241">
        <v>11</v>
      </c>
      <c r="CY25" s="217">
        <v>0</v>
      </c>
      <c r="CZ25" s="219">
        <v>0</v>
      </c>
      <c r="DA25" s="219">
        <v>0</v>
      </c>
      <c r="DB25" s="220">
        <v>0</v>
      </c>
      <c r="DC25" s="218">
        <v>0</v>
      </c>
      <c r="DD25" s="218">
        <v>1</v>
      </c>
      <c r="DE25" s="218">
        <v>5</v>
      </c>
      <c r="DF25" s="219">
        <v>3</v>
      </c>
      <c r="DG25" s="240">
        <v>9</v>
      </c>
      <c r="DH25" s="242">
        <v>9</v>
      </c>
      <c r="DI25" s="222">
        <v>0</v>
      </c>
      <c r="DJ25" s="219">
        <v>0</v>
      </c>
      <c r="DK25" s="219">
        <v>0</v>
      </c>
      <c r="DL25" s="220">
        <v>0</v>
      </c>
      <c r="DM25" s="218">
        <v>0</v>
      </c>
      <c r="DN25" s="218">
        <v>0</v>
      </c>
      <c r="DO25" s="218">
        <v>0</v>
      </c>
      <c r="DP25" s="219">
        <v>2</v>
      </c>
      <c r="DQ25" s="240">
        <v>2</v>
      </c>
      <c r="DR25" s="242">
        <v>2</v>
      </c>
      <c r="DS25" s="222">
        <v>0</v>
      </c>
      <c r="DT25" s="219">
        <v>0</v>
      </c>
      <c r="DU25" s="219">
        <v>0</v>
      </c>
      <c r="DV25" s="220">
        <v>11</v>
      </c>
      <c r="DW25" s="218">
        <v>28</v>
      </c>
      <c r="DX25" s="218">
        <v>75</v>
      </c>
      <c r="DY25" s="218">
        <v>111</v>
      </c>
      <c r="DZ25" s="219">
        <v>57</v>
      </c>
      <c r="EA25" s="240">
        <v>282</v>
      </c>
      <c r="EB25" s="242">
        <v>282</v>
      </c>
      <c r="EC25" s="239"/>
    </row>
    <row r="26" spans="2:133" ht="21" customHeight="1" x14ac:dyDescent="0.2">
      <c r="B26" s="106" t="s">
        <v>23</v>
      </c>
      <c r="C26" s="217">
        <v>0</v>
      </c>
      <c r="D26" s="219">
        <v>0</v>
      </c>
      <c r="E26" s="219">
        <v>0</v>
      </c>
      <c r="F26" s="220">
        <v>4</v>
      </c>
      <c r="G26" s="218">
        <v>11</v>
      </c>
      <c r="H26" s="218">
        <v>91</v>
      </c>
      <c r="I26" s="218">
        <v>150</v>
      </c>
      <c r="J26" s="219">
        <v>95</v>
      </c>
      <c r="K26" s="240">
        <v>351</v>
      </c>
      <c r="L26" s="241">
        <v>351</v>
      </c>
      <c r="M26" s="217">
        <v>0</v>
      </c>
      <c r="N26" s="219">
        <v>0</v>
      </c>
      <c r="O26" s="240">
        <v>0</v>
      </c>
      <c r="P26" s="220">
        <v>4</v>
      </c>
      <c r="Q26" s="218">
        <v>11</v>
      </c>
      <c r="R26" s="218">
        <v>91</v>
      </c>
      <c r="S26" s="218">
        <v>149</v>
      </c>
      <c r="T26" s="219">
        <v>93</v>
      </c>
      <c r="U26" s="240">
        <v>348</v>
      </c>
      <c r="V26" s="242">
        <v>348</v>
      </c>
      <c r="W26" s="222">
        <v>0</v>
      </c>
      <c r="X26" s="219">
        <v>0</v>
      </c>
      <c r="Y26" s="240">
        <v>0</v>
      </c>
      <c r="Z26" s="222">
        <v>0</v>
      </c>
      <c r="AA26" s="218">
        <v>0</v>
      </c>
      <c r="AB26" s="218">
        <v>0</v>
      </c>
      <c r="AC26" s="218">
        <v>1</v>
      </c>
      <c r="AD26" s="219">
        <v>2</v>
      </c>
      <c r="AE26" s="240">
        <v>3</v>
      </c>
      <c r="AF26" s="221">
        <v>3</v>
      </c>
      <c r="AG26" s="222">
        <v>0</v>
      </c>
      <c r="AH26" s="219">
        <v>0</v>
      </c>
      <c r="AI26" s="240">
        <v>0</v>
      </c>
      <c r="AJ26" s="222">
        <v>18</v>
      </c>
      <c r="AK26" s="218">
        <v>28</v>
      </c>
      <c r="AL26" s="218">
        <v>37</v>
      </c>
      <c r="AM26" s="218">
        <v>65</v>
      </c>
      <c r="AN26" s="219">
        <v>32</v>
      </c>
      <c r="AO26" s="240">
        <v>180</v>
      </c>
      <c r="AP26" s="221">
        <v>180</v>
      </c>
      <c r="AQ26" s="222">
        <v>0</v>
      </c>
      <c r="AR26" s="219">
        <v>0</v>
      </c>
      <c r="AS26" s="240">
        <v>0</v>
      </c>
      <c r="AT26" s="220">
        <v>18</v>
      </c>
      <c r="AU26" s="218">
        <v>28</v>
      </c>
      <c r="AV26" s="218">
        <v>37</v>
      </c>
      <c r="AW26" s="218">
        <v>65</v>
      </c>
      <c r="AX26" s="219">
        <v>30</v>
      </c>
      <c r="AY26" s="240">
        <v>178</v>
      </c>
      <c r="AZ26" s="241">
        <v>178</v>
      </c>
      <c r="BA26" s="217">
        <v>0</v>
      </c>
      <c r="BB26" s="219">
        <v>0</v>
      </c>
      <c r="BC26" s="219">
        <v>0</v>
      </c>
      <c r="BD26" s="220">
        <v>0</v>
      </c>
      <c r="BE26" s="218">
        <v>0</v>
      </c>
      <c r="BF26" s="218">
        <v>0</v>
      </c>
      <c r="BG26" s="218">
        <v>0</v>
      </c>
      <c r="BH26" s="219">
        <v>2</v>
      </c>
      <c r="BI26" s="240">
        <v>2</v>
      </c>
      <c r="BJ26" s="242">
        <v>2</v>
      </c>
      <c r="BK26" s="222">
        <v>0</v>
      </c>
      <c r="BL26" s="219">
        <v>0</v>
      </c>
      <c r="BM26" s="219">
        <v>0</v>
      </c>
      <c r="BN26" s="220">
        <v>0</v>
      </c>
      <c r="BO26" s="218">
        <v>0</v>
      </c>
      <c r="BP26" s="218">
        <v>0</v>
      </c>
      <c r="BQ26" s="218">
        <v>0</v>
      </c>
      <c r="BR26" s="219">
        <v>0</v>
      </c>
      <c r="BS26" s="240">
        <v>0</v>
      </c>
      <c r="BT26" s="241">
        <v>0</v>
      </c>
      <c r="BU26" s="217">
        <v>0</v>
      </c>
      <c r="BV26" s="219">
        <v>0</v>
      </c>
      <c r="BW26" s="219">
        <v>0</v>
      </c>
      <c r="BX26" s="220">
        <v>0</v>
      </c>
      <c r="BY26" s="218">
        <v>0</v>
      </c>
      <c r="BZ26" s="218">
        <v>0</v>
      </c>
      <c r="CA26" s="218">
        <v>0</v>
      </c>
      <c r="CB26" s="219">
        <v>0</v>
      </c>
      <c r="CC26" s="240">
        <v>0</v>
      </c>
      <c r="CD26" s="242">
        <v>0</v>
      </c>
      <c r="CE26" s="222">
        <v>0</v>
      </c>
      <c r="CF26" s="219">
        <v>0</v>
      </c>
      <c r="CG26" s="219">
        <v>0</v>
      </c>
      <c r="CH26" s="220">
        <v>0</v>
      </c>
      <c r="CI26" s="218">
        <v>0</v>
      </c>
      <c r="CJ26" s="218">
        <v>0</v>
      </c>
      <c r="CK26" s="218">
        <v>0</v>
      </c>
      <c r="CL26" s="219">
        <v>0</v>
      </c>
      <c r="CM26" s="240">
        <v>0</v>
      </c>
      <c r="CN26" s="242">
        <v>0</v>
      </c>
      <c r="CO26" s="222">
        <v>0</v>
      </c>
      <c r="CP26" s="219">
        <v>0</v>
      </c>
      <c r="CQ26" s="219">
        <v>0</v>
      </c>
      <c r="CR26" s="220">
        <v>0</v>
      </c>
      <c r="CS26" s="218">
        <v>0</v>
      </c>
      <c r="CT26" s="218">
        <v>0</v>
      </c>
      <c r="CU26" s="218">
        <v>4</v>
      </c>
      <c r="CV26" s="219">
        <v>9</v>
      </c>
      <c r="CW26" s="240">
        <v>13</v>
      </c>
      <c r="CX26" s="241">
        <v>13</v>
      </c>
      <c r="CY26" s="217">
        <v>0</v>
      </c>
      <c r="CZ26" s="219">
        <v>0</v>
      </c>
      <c r="DA26" s="219">
        <v>0</v>
      </c>
      <c r="DB26" s="220">
        <v>0</v>
      </c>
      <c r="DC26" s="218">
        <v>0</v>
      </c>
      <c r="DD26" s="218">
        <v>0</v>
      </c>
      <c r="DE26" s="218">
        <v>4</v>
      </c>
      <c r="DF26" s="219">
        <v>9</v>
      </c>
      <c r="DG26" s="240">
        <v>13</v>
      </c>
      <c r="DH26" s="242">
        <v>13</v>
      </c>
      <c r="DI26" s="222">
        <v>0</v>
      </c>
      <c r="DJ26" s="219">
        <v>0</v>
      </c>
      <c r="DK26" s="219">
        <v>0</v>
      </c>
      <c r="DL26" s="220">
        <v>0</v>
      </c>
      <c r="DM26" s="218">
        <v>0</v>
      </c>
      <c r="DN26" s="218">
        <v>0</v>
      </c>
      <c r="DO26" s="218">
        <v>0</v>
      </c>
      <c r="DP26" s="219">
        <v>0</v>
      </c>
      <c r="DQ26" s="240">
        <v>0</v>
      </c>
      <c r="DR26" s="242">
        <v>0</v>
      </c>
      <c r="DS26" s="222">
        <v>0</v>
      </c>
      <c r="DT26" s="219">
        <v>0</v>
      </c>
      <c r="DU26" s="219">
        <v>0</v>
      </c>
      <c r="DV26" s="220">
        <v>22</v>
      </c>
      <c r="DW26" s="218">
        <v>39</v>
      </c>
      <c r="DX26" s="218">
        <v>128</v>
      </c>
      <c r="DY26" s="218">
        <v>218</v>
      </c>
      <c r="DZ26" s="219">
        <v>136</v>
      </c>
      <c r="EA26" s="240">
        <v>543</v>
      </c>
      <c r="EB26" s="242">
        <v>543</v>
      </c>
      <c r="EC26" s="239"/>
    </row>
    <row r="27" spans="2:133" ht="21" customHeight="1" x14ac:dyDescent="0.2">
      <c r="B27" s="106" t="s">
        <v>24</v>
      </c>
      <c r="C27" s="217">
        <v>0</v>
      </c>
      <c r="D27" s="219">
        <v>0</v>
      </c>
      <c r="E27" s="219">
        <v>0</v>
      </c>
      <c r="F27" s="220">
        <v>1</v>
      </c>
      <c r="G27" s="218">
        <v>1</v>
      </c>
      <c r="H27" s="218">
        <v>28</v>
      </c>
      <c r="I27" s="218">
        <v>94</v>
      </c>
      <c r="J27" s="219">
        <v>51</v>
      </c>
      <c r="K27" s="240">
        <v>175</v>
      </c>
      <c r="L27" s="241">
        <v>175</v>
      </c>
      <c r="M27" s="217">
        <v>0</v>
      </c>
      <c r="N27" s="219">
        <v>0</v>
      </c>
      <c r="O27" s="240">
        <v>0</v>
      </c>
      <c r="P27" s="220">
        <v>1</v>
      </c>
      <c r="Q27" s="218">
        <v>1</v>
      </c>
      <c r="R27" s="218">
        <v>28</v>
      </c>
      <c r="S27" s="218">
        <v>94</v>
      </c>
      <c r="T27" s="219">
        <v>51</v>
      </c>
      <c r="U27" s="240">
        <v>175</v>
      </c>
      <c r="V27" s="242">
        <v>175</v>
      </c>
      <c r="W27" s="222">
        <v>0</v>
      </c>
      <c r="X27" s="219">
        <v>0</v>
      </c>
      <c r="Y27" s="240">
        <v>0</v>
      </c>
      <c r="Z27" s="222">
        <v>0</v>
      </c>
      <c r="AA27" s="218">
        <v>0</v>
      </c>
      <c r="AB27" s="218">
        <v>0</v>
      </c>
      <c r="AC27" s="218">
        <v>0</v>
      </c>
      <c r="AD27" s="219">
        <v>0</v>
      </c>
      <c r="AE27" s="240">
        <v>0</v>
      </c>
      <c r="AF27" s="221">
        <v>0</v>
      </c>
      <c r="AG27" s="222">
        <v>0</v>
      </c>
      <c r="AH27" s="219">
        <v>0</v>
      </c>
      <c r="AI27" s="240">
        <v>0</v>
      </c>
      <c r="AJ27" s="222">
        <v>11</v>
      </c>
      <c r="AK27" s="218">
        <v>10</v>
      </c>
      <c r="AL27" s="218">
        <v>25</v>
      </c>
      <c r="AM27" s="218">
        <v>33</v>
      </c>
      <c r="AN27" s="219">
        <v>8</v>
      </c>
      <c r="AO27" s="240">
        <v>87</v>
      </c>
      <c r="AP27" s="221">
        <v>87</v>
      </c>
      <c r="AQ27" s="222">
        <v>0</v>
      </c>
      <c r="AR27" s="219">
        <v>0</v>
      </c>
      <c r="AS27" s="240">
        <v>0</v>
      </c>
      <c r="AT27" s="220">
        <v>11</v>
      </c>
      <c r="AU27" s="218">
        <v>9</v>
      </c>
      <c r="AV27" s="218">
        <v>25</v>
      </c>
      <c r="AW27" s="218">
        <v>31</v>
      </c>
      <c r="AX27" s="219">
        <v>8</v>
      </c>
      <c r="AY27" s="240">
        <v>84</v>
      </c>
      <c r="AZ27" s="241">
        <v>84</v>
      </c>
      <c r="BA27" s="217">
        <v>0</v>
      </c>
      <c r="BB27" s="219">
        <v>0</v>
      </c>
      <c r="BC27" s="219">
        <v>0</v>
      </c>
      <c r="BD27" s="220">
        <v>0</v>
      </c>
      <c r="BE27" s="218">
        <v>1</v>
      </c>
      <c r="BF27" s="218">
        <v>0</v>
      </c>
      <c r="BG27" s="218">
        <v>2</v>
      </c>
      <c r="BH27" s="219">
        <v>0</v>
      </c>
      <c r="BI27" s="240">
        <v>3</v>
      </c>
      <c r="BJ27" s="242">
        <v>3</v>
      </c>
      <c r="BK27" s="222">
        <v>0</v>
      </c>
      <c r="BL27" s="219">
        <v>0</v>
      </c>
      <c r="BM27" s="219">
        <v>0</v>
      </c>
      <c r="BN27" s="220">
        <v>0</v>
      </c>
      <c r="BO27" s="218">
        <v>0</v>
      </c>
      <c r="BP27" s="218">
        <v>0</v>
      </c>
      <c r="BQ27" s="218">
        <v>0</v>
      </c>
      <c r="BR27" s="219">
        <v>0</v>
      </c>
      <c r="BS27" s="240">
        <v>0</v>
      </c>
      <c r="BT27" s="241">
        <v>0</v>
      </c>
      <c r="BU27" s="217">
        <v>0</v>
      </c>
      <c r="BV27" s="219">
        <v>0</v>
      </c>
      <c r="BW27" s="219">
        <v>0</v>
      </c>
      <c r="BX27" s="220">
        <v>0</v>
      </c>
      <c r="BY27" s="218">
        <v>0</v>
      </c>
      <c r="BZ27" s="218">
        <v>0</v>
      </c>
      <c r="CA27" s="218">
        <v>0</v>
      </c>
      <c r="CB27" s="219">
        <v>0</v>
      </c>
      <c r="CC27" s="240">
        <v>0</v>
      </c>
      <c r="CD27" s="242">
        <v>0</v>
      </c>
      <c r="CE27" s="222">
        <v>0</v>
      </c>
      <c r="CF27" s="219">
        <v>0</v>
      </c>
      <c r="CG27" s="219">
        <v>0</v>
      </c>
      <c r="CH27" s="220">
        <v>0</v>
      </c>
      <c r="CI27" s="218">
        <v>0</v>
      </c>
      <c r="CJ27" s="218">
        <v>0</v>
      </c>
      <c r="CK27" s="218">
        <v>0</v>
      </c>
      <c r="CL27" s="219">
        <v>0</v>
      </c>
      <c r="CM27" s="240">
        <v>0</v>
      </c>
      <c r="CN27" s="242">
        <v>0</v>
      </c>
      <c r="CO27" s="222">
        <v>0</v>
      </c>
      <c r="CP27" s="219">
        <v>0</v>
      </c>
      <c r="CQ27" s="219">
        <v>0</v>
      </c>
      <c r="CR27" s="220">
        <v>0</v>
      </c>
      <c r="CS27" s="218">
        <v>0</v>
      </c>
      <c r="CT27" s="218">
        <v>0</v>
      </c>
      <c r="CU27" s="218">
        <v>0</v>
      </c>
      <c r="CV27" s="219">
        <v>1</v>
      </c>
      <c r="CW27" s="240">
        <v>1</v>
      </c>
      <c r="CX27" s="241">
        <v>1</v>
      </c>
      <c r="CY27" s="217">
        <v>0</v>
      </c>
      <c r="CZ27" s="219">
        <v>0</v>
      </c>
      <c r="DA27" s="219">
        <v>0</v>
      </c>
      <c r="DB27" s="220">
        <v>0</v>
      </c>
      <c r="DC27" s="218">
        <v>0</v>
      </c>
      <c r="DD27" s="218">
        <v>0</v>
      </c>
      <c r="DE27" s="218">
        <v>0</v>
      </c>
      <c r="DF27" s="219">
        <v>1</v>
      </c>
      <c r="DG27" s="240">
        <v>1</v>
      </c>
      <c r="DH27" s="242">
        <v>1</v>
      </c>
      <c r="DI27" s="222">
        <v>0</v>
      </c>
      <c r="DJ27" s="219">
        <v>0</v>
      </c>
      <c r="DK27" s="219">
        <v>0</v>
      </c>
      <c r="DL27" s="220">
        <v>0</v>
      </c>
      <c r="DM27" s="218">
        <v>0</v>
      </c>
      <c r="DN27" s="218">
        <v>0</v>
      </c>
      <c r="DO27" s="218">
        <v>0</v>
      </c>
      <c r="DP27" s="219">
        <v>0</v>
      </c>
      <c r="DQ27" s="240">
        <v>0</v>
      </c>
      <c r="DR27" s="242">
        <v>0</v>
      </c>
      <c r="DS27" s="222">
        <v>0</v>
      </c>
      <c r="DT27" s="219">
        <v>0</v>
      </c>
      <c r="DU27" s="219">
        <v>0</v>
      </c>
      <c r="DV27" s="220">
        <v>12</v>
      </c>
      <c r="DW27" s="218">
        <v>11</v>
      </c>
      <c r="DX27" s="218">
        <v>52</v>
      </c>
      <c r="DY27" s="218">
        <v>125</v>
      </c>
      <c r="DZ27" s="219">
        <v>60</v>
      </c>
      <c r="EA27" s="240">
        <v>260</v>
      </c>
      <c r="EB27" s="242">
        <v>260</v>
      </c>
      <c r="EC27" s="239"/>
    </row>
    <row r="28" spans="2:133" ht="21" customHeight="1" x14ac:dyDescent="0.2">
      <c r="B28" s="106" t="s">
        <v>25</v>
      </c>
      <c r="C28" s="217">
        <v>0</v>
      </c>
      <c r="D28" s="219">
        <v>0</v>
      </c>
      <c r="E28" s="219">
        <v>0</v>
      </c>
      <c r="F28" s="220">
        <v>1</v>
      </c>
      <c r="G28" s="218">
        <v>4</v>
      </c>
      <c r="H28" s="218">
        <v>63</v>
      </c>
      <c r="I28" s="218">
        <v>75</v>
      </c>
      <c r="J28" s="219">
        <v>47</v>
      </c>
      <c r="K28" s="240">
        <v>190</v>
      </c>
      <c r="L28" s="241">
        <v>190</v>
      </c>
      <c r="M28" s="217">
        <v>0</v>
      </c>
      <c r="N28" s="219">
        <v>0</v>
      </c>
      <c r="O28" s="240">
        <v>0</v>
      </c>
      <c r="P28" s="220">
        <v>1</v>
      </c>
      <c r="Q28" s="218">
        <v>4</v>
      </c>
      <c r="R28" s="218">
        <v>63</v>
      </c>
      <c r="S28" s="218">
        <v>74</v>
      </c>
      <c r="T28" s="219">
        <v>43</v>
      </c>
      <c r="U28" s="240">
        <v>185</v>
      </c>
      <c r="V28" s="242">
        <v>185</v>
      </c>
      <c r="W28" s="222">
        <v>0</v>
      </c>
      <c r="X28" s="219">
        <v>0</v>
      </c>
      <c r="Y28" s="240">
        <v>0</v>
      </c>
      <c r="Z28" s="222">
        <v>0</v>
      </c>
      <c r="AA28" s="218">
        <v>0</v>
      </c>
      <c r="AB28" s="218">
        <v>0</v>
      </c>
      <c r="AC28" s="218">
        <v>1</v>
      </c>
      <c r="AD28" s="219">
        <v>4</v>
      </c>
      <c r="AE28" s="240">
        <v>5</v>
      </c>
      <c r="AF28" s="221">
        <v>5</v>
      </c>
      <c r="AG28" s="222">
        <v>0</v>
      </c>
      <c r="AH28" s="219">
        <v>0</v>
      </c>
      <c r="AI28" s="240">
        <v>0</v>
      </c>
      <c r="AJ28" s="222">
        <v>9</v>
      </c>
      <c r="AK28" s="218">
        <v>30</v>
      </c>
      <c r="AL28" s="218">
        <v>16</v>
      </c>
      <c r="AM28" s="218">
        <v>47</v>
      </c>
      <c r="AN28" s="219">
        <v>16</v>
      </c>
      <c r="AO28" s="240">
        <v>118</v>
      </c>
      <c r="AP28" s="221">
        <v>118</v>
      </c>
      <c r="AQ28" s="222">
        <v>0</v>
      </c>
      <c r="AR28" s="219">
        <v>0</v>
      </c>
      <c r="AS28" s="240">
        <v>0</v>
      </c>
      <c r="AT28" s="220">
        <v>8</v>
      </c>
      <c r="AU28" s="218">
        <v>30</v>
      </c>
      <c r="AV28" s="218">
        <v>16</v>
      </c>
      <c r="AW28" s="218">
        <v>47</v>
      </c>
      <c r="AX28" s="219">
        <v>16</v>
      </c>
      <c r="AY28" s="240">
        <v>117</v>
      </c>
      <c r="AZ28" s="241">
        <v>117</v>
      </c>
      <c r="BA28" s="217">
        <v>0</v>
      </c>
      <c r="BB28" s="219">
        <v>0</v>
      </c>
      <c r="BC28" s="219">
        <v>0</v>
      </c>
      <c r="BD28" s="220">
        <v>1</v>
      </c>
      <c r="BE28" s="218">
        <v>0</v>
      </c>
      <c r="BF28" s="218">
        <v>0</v>
      </c>
      <c r="BG28" s="218">
        <v>0</v>
      </c>
      <c r="BH28" s="219">
        <v>0</v>
      </c>
      <c r="BI28" s="240">
        <v>1</v>
      </c>
      <c r="BJ28" s="242">
        <v>1</v>
      </c>
      <c r="BK28" s="222">
        <v>0</v>
      </c>
      <c r="BL28" s="219">
        <v>0</v>
      </c>
      <c r="BM28" s="219">
        <v>0</v>
      </c>
      <c r="BN28" s="220">
        <v>0</v>
      </c>
      <c r="BO28" s="218">
        <v>0</v>
      </c>
      <c r="BP28" s="218">
        <v>0</v>
      </c>
      <c r="BQ28" s="218">
        <v>0</v>
      </c>
      <c r="BR28" s="219">
        <v>0</v>
      </c>
      <c r="BS28" s="240">
        <v>0</v>
      </c>
      <c r="BT28" s="241">
        <v>0</v>
      </c>
      <c r="BU28" s="217">
        <v>0</v>
      </c>
      <c r="BV28" s="219">
        <v>0</v>
      </c>
      <c r="BW28" s="219">
        <v>0</v>
      </c>
      <c r="BX28" s="220">
        <v>0</v>
      </c>
      <c r="BY28" s="218">
        <v>0</v>
      </c>
      <c r="BZ28" s="218">
        <v>0</v>
      </c>
      <c r="CA28" s="218">
        <v>0</v>
      </c>
      <c r="CB28" s="219">
        <v>0</v>
      </c>
      <c r="CC28" s="240">
        <v>0</v>
      </c>
      <c r="CD28" s="242">
        <v>0</v>
      </c>
      <c r="CE28" s="222">
        <v>0</v>
      </c>
      <c r="CF28" s="219">
        <v>0</v>
      </c>
      <c r="CG28" s="219">
        <v>0</v>
      </c>
      <c r="CH28" s="220">
        <v>0</v>
      </c>
      <c r="CI28" s="218">
        <v>0</v>
      </c>
      <c r="CJ28" s="218">
        <v>0</v>
      </c>
      <c r="CK28" s="218">
        <v>0</v>
      </c>
      <c r="CL28" s="219">
        <v>0</v>
      </c>
      <c r="CM28" s="240">
        <v>0</v>
      </c>
      <c r="CN28" s="242">
        <v>0</v>
      </c>
      <c r="CO28" s="222">
        <v>0</v>
      </c>
      <c r="CP28" s="219">
        <v>0</v>
      </c>
      <c r="CQ28" s="219">
        <v>0</v>
      </c>
      <c r="CR28" s="220">
        <v>0</v>
      </c>
      <c r="CS28" s="218">
        <v>0</v>
      </c>
      <c r="CT28" s="218">
        <v>0</v>
      </c>
      <c r="CU28" s="218">
        <v>0</v>
      </c>
      <c r="CV28" s="219">
        <v>2</v>
      </c>
      <c r="CW28" s="240">
        <v>2</v>
      </c>
      <c r="CX28" s="241">
        <v>2</v>
      </c>
      <c r="CY28" s="217">
        <v>0</v>
      </c>
      <c r="CZ28" s="219">
        <v>0</v>
      </c>
      <c r="DA28" s="219">
        <v>0</v>
      </c>
      <c r="DB28" s="220">
        <v>0</v>
      </c>
      <c r="DC28" s="218">
        <v>0</v>
      </c>
      <c r="DD28" s="218">
        <v>0</v>
      </c>
      <c r="DE28" s="218">
        <v>0</v>
      </c>
      <c r="DF28" s="219">
        <v>2</v>
      </c>
      <c r="DG28" s="240">
        <v>2</v>
      </c>
      <c r="DH28" s="242">
        <v>2</v>
      </c>
      <c r="DI28" s="222">
        <v>0</v>
      </c>
      <c r="DJ28" s="219">
        <v>0</v>
      </c>
      <c r="DK28" s="219">
        <v>0</v>
      </c>
      <c r="DL28" s="220">
        <v>0</v>
      </c>
      <c r="DM28" s="218">
        <v>0</v>
      </c>
      <c r="DN28" s="218">
        <v>0</v>
      </c>
      <c r="DO28" s="218">
        <v>0</v>
      </c>
      <c r="DP28" s="219">
        <v>0</v>
      </c>
      <c r="DQ28" s="240">
        <v>0</v>
      </c>
      <c r="DR28" s="242">
        <v>0</v>
      </c>
      <c r="DS28" s="222">
        <v>0</v>
      </c>
      <c r="DT28" s="219">
        <v>0</v>
      </c>
      <c r="DU28" s="219">
        <v>0</v>
      </c>
      <c r="DV28" s="220">
        <v>10</v>
      </c>
      <c r="DW28" s="218">
        <v>34</v>
      </c>
      <c r="DX28" s="218">
        <v>79</v>
      </c>
      <c r="DY28" s="218">
        <v>122</v>
      </c>
      <c r="DZ28" s="219">
        <v>65</v>
      </c>
      <c r="EA28" s="240">
        <v>310</v>
      </c>
      <c r="EB28" s="242">
        <v>310</v>
      </c>
      <c r="EC28" s="239"/>
    </row>
    <row r="29" spans="2:133" ht="21" customHeight="1" x14ac:dyDescent="0.2">
      <c r="B29" s="106" t="s">
        <v>26</v>
      </c>
      <c r="C29" s="217">
        <v>0</v>
      </c>
      <c r="D29" s="219">
        <v>0</v>
      </c>
      <c r="E29" s="219">
        <v>0</v>
      </c>
      <c r="F29" s="220">
        <v>2</v>
      </c>
      <c r="G29" s="218">
        <v>4</v>
      </c>
      <c r="H29" s="218">
        <v>31</v>
      </c>
      <c r="I29" s="218">
        <v>63</v>
      </c>
      <c r="J29" s="219">
        <v>47</v>
      </c>
      <c r="K29" s="240">
        <v>147</v>
      </c>
      <c r="L29" s="241">
        <v>147</v>
      </c>
      <c r="M29" s="217">
        <v>0</v>
      </c>
      <c r="N29" s="219">
        <v>0</v>
      </c>
      <c r="O29" s="240">
        <v>0</v>
      </c>
      <c r="P29" s="220">
        <v>2</v>
      </c>
      <c r="Q29" s="218">
        <v>4</v>
      </c>
      <c r="R29" s="218">
        <v>31</v>
      </c>
      <c r="S29" s="218">
        <v>61</v>
      </c>
      <c r="T29" s="219">
        <v>47</v>
      </c>
      <c r="U29" s="240">
        <v>145</v>
      </c>
      <c r="V29" s="242">
        <v>145</v>
      </c>
      <c r="W29" s="222">
        <v>0</v>
      </c>
      <c r="X29" s="219">
        <v>0</v>
      </c>
      <c r="Y29" s="240">
        <v>0</v>
      </c>
      <c r="Z29" s="222">
        <v>0</v>
      </c>
      <c r="AA29" s="218">
        <v>0</v>
      </c>
      <c r="AB29" s="218">
        <v>0</v>
      </c>
      <c r="AC29" s="218">
        <v>2</v>
      </c>
      <c r="AD29" s="219">
        <v>0</v>
      </c>
      <c r="AE29" s="240">
        <v>2</v>
      </c>
      <c r="AF29" s="221">
        <v>2</v>
      </c>
      <c r="AG29" s="222">
        <v>0</v>
      </c>
      <c r="AH29" s="219">
        <v>0</v>
      </c>
      <c r="AI29" s="240">
        <v>0</v>
      </c>
      <c r="AJ29" s="222">
        <v>3</v>
      </c>
      <c r="AK29" s="218">
        <v>12</v>
      </c>
      <c r="AL29" s="218">
        <v>30</v>
      </c>
      <c r="AM29" s="218">
        <v>20</v>
      </c>
      <c r="AN29" s="219">
        <v>12</v>
      </c>
      <c r="AO29" s="240">
        <v>77</v>
      </c>
      <c r="AP29" s="221">
        <v>77</v>
      </c>
      <c r="AQ29" s="222">
        <v>0</v>
      </c>
      <c r="AR29" s="219">
        <v>0</v>
      </c>
      <c r="AS29" s="240">
        <v>0</v>
      </c>
      <c r="AT29" s="220">
        <v>3</v>
      </c>
      <c r="AU29" s="218">
        <v>10</v>
      </c>
      <c r="AV29" s="218">
        <v>30</v>
      </c>
      <c r="AW29" s="218">
        <v>19</v>
      </c>
      <c r="AX29" s="219">
        <v>12</v>
      </c>
      <c r="AY29" s="240">
        <v>74</v>
      </c>
      <c r="AZ29" s="241">
        <v>74</v>
      </c>
      <c r="BA29" s="217">
        <v>0</v>
      </c>
      <c r="BB29" s="219">
        <v>0</v>
      </c>
      <c r="BC29" s="219">
        <v>0</v>
      </c>
      <c r="BD29" s="220">
        <v>0</v>
      </c>
      <c r="BE29" s="218">
        <v>2</v>
      </c>
      <c r="BF29" s="218">
        <v>0</v>
      </c>
      <c r="BG29" s="218">
        <v>1</v>
      </c>
      <c r="BH29" s="219">
        <v>0</v>
      </c>
      <c r="BI29" s="240">
        <v>3</v>
      </c>
      <c r="BJ29" s="242">
        <v>3</v>
      </c>
      <c r="BK29" s="222">
        <v>0</v>
      </c>
      <c r="BL29" s="219">
        <v>0</v>
      </c>
      <c r="BM29" s="219">
        <v>0</v>
      </c>
      <c r="BN29" s="220">
        <v>0</v>
      </c>
      <c r="BO29" s="218">
        <v>0</v>
      </c>
      <c r="BP29" s="218">
        <v>0</v>
      </c>
      <c r="BQ29" s="218">
        <v>0</v>
      </c>
      <c r="BR29" s="219">
        <v>0</v>
      </c>
      <c r="BS29" s="240">
        <v>0</v>
      </c>
      <c r="BT29" s="241">
        <v>0</v>
      </c>
      <c r="BU29" s="217">
        <v>0</v>
      </c>
      <c r="BV29" s="219">
        <v>0</v>
      </c>
      <c r="BW29" s="219">
        <v>0</v>
      </c>
      <c r="BX29" s="220">
        <v>0</v>
      </c>
      <c r="BY29" s="218">
        <v>0</v>
      </c>
      <c r="BZ29" s="218">
        <v>0</v>
      </c>
      <c r="CA29" s="218">
        <v>0</v>
      </c>
      <c r="CB29" s="219">
        <v>0</v>
      </c>
      <c r="CC29" s="240">
        <v>0</v>
      </c>
      <c r="CD29" s="242">
        <v>0</v>
      </c>
      <c r="CE29" s="222">
        <v>0</v>
      </c>
      <c r="CF29" s="219">
        <v>0</v>
      </c>
      <c r="CG29" s="219">
        <v>0</v>
      </c>
      <c r="CH29" s="220">
        <v>0</v>
      </c>
      <c r="CI29" s="218">
        <v>0</v>
      </c>
      <c r="CJ29" s="218">
        <v>0</v>
      </c>
      <c r="CK29" s="218">
        <v>0</v>
      </c>
      <c r="CL29" s="219">
        <v>0</v>
      </c>
      <c r="CM29" s="240">
        <v>0</v>
      </c>
      <c r="CN29" s="242">
        <v>0</v>
      </c>
      <c r="CO29" s="222">
        <v>0</v>
      </c>
      <c r="CP29" s="219">
        <v>0</v>
      </c>
      <c r="CQ29" s="219">
        <v>0</v>
      </c>
      <c r="CR29" s="220">
        <v>0</v>
      </c>
      <c r="CS29" s="218">
        <v>0</v>
      </c>
      <c r="CT29" s="218">
        <v>1</v>
      </c>
      <c r="CU29" s="218">
        <v>0</v>
      </c>
      <c r="CV29" s="219">
        <v>4</v>
      </c>
      <c r="CW29" s="240">
        <v>5</v>
      </c>
      <c r="CX29" s="241">
        <v>5</v>
      </c>
      <c r="CY29" s="217">
        <v>0</v>
      </c>
      <c r="CZ29" s="219">
        <v>0</v>
      </c>
      <c r="DA29" s="219">
        <v>0</v>
      </c>
      <c r="DB29" s="220">
        <v>0</v>
      </c>
      <c r="DC29" s="218">
        <v>0</v>
      </c>
      <c r="DD29" s="218">
        <v>1</v>
      </c>
      <c r="DE29" s="218">
        <v>0</v>
      </c>
      <c r="DF29" s="219">
        <v>4</v>
      </c>
      <c r="DG29" s="240">
        <v>5</v>
      </c>
      <c r="DH29" s="242">
        <v>5</v>
      </c>
      <c r="DI29" s="222">
        <v>0</v>
      </c>
      <c r="DJ29" s="219">
        <v>0</v>
      </c>
      <c r="DK29" s="219">
        <v>0</v>
      </c>
      <c r="DL29" s="220">
        <v>0</v>
      </c>
      <c r="DM29" s="218">
        <v>0</v>
      </c>
      <c r="DN29" s="218">
        <v>0</v>
      </c>
      <c r="DO29" s="218">
        <v>0</v>
      </c>
      <c r="DP29" s="219">
        <v>0</v>
      </c>
      <c r="DQ29" s="240">
        <v>0</v>
      </c>
      <c r="DR29" s="242">
        <v>0</v>
      </c>
      <c r="DS29" s="222">
        <v>0</v>
      </c>
      <c r="DT29" s="219">
        <v>0</v>
      </c>
      <c r="DU29" s="219">
        <v>0</v>
      </c>
      <c r="DV29" s="220">
        <v>5</v>
      </c>
      <c r="DW29" s="218">
        <v>16</v>
      </c>
      <c r="DX29" s="218">
        <v>62</v>
      </c>
      <c r="DY29" s="218">
        <v>83</v>
      </c>
      <c r="DZ29" s="219">
        <v>63</v>
      </c>
      <c r="EA29" s="240">
        <v>229</v>
      </c>
      <c r="EB29" s="242">
        <v>229</v>
      </c>
      <c r="EC29" s="239"/>
    </row>
    <row r="30" spans="2:133" ht="21" customHeight="1" x14ac:dyDescent="0.2">
      <c r="B30" s="106" t="s">
        <v>27</v>
      </c>
      <c r="C30" s="217">
        <v>0</v>
      </c>
      <c r="D30" s="219">
        <v>0</v>
      </c>
      <c r="E30" s="219">
        <v>0</v>
      </c>
      <c r="F30" s="220">
        <v>2</v>
      </c>
      <c r="G30" s="218">
        <v>1</v>
      </c>
      <c r="H30" s="218">
        <v>29</v>
      </c>
      <c r="I30" s="218">
        <v>59</v>
      </c>
      <c r="J30" s="219">
        <v>36</v>
      </c>
      <c r="K30" s="240">
        <v>127</v>
      </c>
      <c r="L30" s="241">
        <v>127</v>
      </c>
      <c r="M30" s="217">
        <v>0</v>
      </c>
      <c r="N30" s="219">
        <v>0</v>
      </c>
      <c r="O30" s="240">
        <v>0</v>
      </c>
      <c r="P30" s="220">
        <v>2</v>
      </c>
      <c r="Q30" s="218">
        <v>1</v>
      </c>
      <c r="R30" s="218">
        <v>28</v>
      </c>
      <c r="S30" s="218">
        <v>58</v>
      </c>
      <c r="T30" s="219">
        <v>36</v>
      </c>
      <c r="U30" s="240">
        <v>125</v>
      </c>
      <c r="V30" s="242">
        <v>125</v>
      </c>
      <c r="W30" s="222">
        <v>0</v>
      </c>
      <c r="X30" s="219">
        <v>0</v>
      </c>
      <c r="Y30" s="240">
        <v>0</v>
      </c>
      <c r="Z30" s="222">
        <v>0</v>
      </c>
      <c r="AA30" s="218">
        <v>0</v>
      </c>
      <c r="AB30" s="218">
        <v>1</v>
      </c>
      <c r="AC30" s="218">
        <v>1</v>
      </c>
      <c r="AD30" s="219">
        <v>0</v>
      </c>
      <c r="AE30" s="240">
        <v>2</v>
      </c>
      <c r="AF30" s="221">
        <v>2</v>
      </c>
      <c r="AG30" s="222">
        <v>0</v>
      </c>
      <c r="AH30" s="219">
        <v>0</v>
      </c>
      <c r="AI30" s="240">
        <v>0</v>
      </c>
      <c r="AJ30" s="222">
        <v>7</v>
      </c>
      <c r="AK30" s="218">
        <v>15</v>
      </c>
      <c r="AL30" s="218">
        <v>19</v>
      </c>
      <c r="AM30" s="218">
        <v>24</v>
      </c>
      <c r="AN30" s="219">
        <v>11</v>
      </c>
      <c r="AO30" s="240">
        <v>76</v>
      </c>
      <c r="AP30" s="221">
        <v>76</v>
      </c>
      <c r="AQ30" s="222">
        <v>0</v>
      </c>
      <c r="AR30" s="219">
        <v>0</v>
      </c>
      <c r="AS30" s="240">
        <v>0</v>
      </c>
      <c r="AT30" s="220">
        <v>6</v>
      </c>
      <c r="AU30" s="218">
        <v>14</v>
      </c>
      <c r="AV30" s="218">
        <v>19</v>
      </c>
      <c r="AW30" s="218">
        <v>24</v>
      </c>
      <c r="AX30" s="219">
        <v>11</v>
      </c>
      <c r="AY30" s="240">
        <v>74</v>
      </c>
      <c r="AZ30" s="241">
        <v>74</v>
      </c>
      <c r="BA30" s="217">
        <v>0</v>
      </c>
      <c r="BB30" s="219">
        <v>0</v>
      </c>
      <c r="BC30" s="219">
        <v>0</v>
      </c>
      <c r="BD30" s="220">
        <v>1</v>
      </c>
      <c r="BE30" s="218">
        <v>1</v>
      </c>
      <c r="BF30" s="218">
        <v>0</v>
      </c>
      <c r="BG30" s="218">
        <v>0</v>
      </c>
      <c r="BH30" s="219">
        <v>0</v>
      </c>
      <c r="BI30" s="240">
        <v>2</v>
      </c>
      <c r="BJ30" s="242">
        <v>2</v>
      </c>
      <c r="BK30" s="222">
        <v>0</v>
      </c>
      <c r="BL30" s="219">
        <v>0</v>
      </c>
      <c r="BM30" s="219">
        <v>0</v>
      </c>
      <c r="BN30" s="220">
        <v>0</v>
      </c>
      <c r="BO30" s="218">
        <v>0</v>
      </c>
      <c r="BP30" s="218">
        <v>0</v>
      </c>
      <c r="BQ30" s="218">
        <v>0</v>
      </c>
      <c r="BR30" s="219">
        <v>0</v>
      </c>
      <c r="BS30" s="240">
        <v>0</v>
      </c>
      <c r="BT30" s="241">
        <v>0</v>
      </c>
      <c r="BU30" s="217">
        <v>0</v>
      </c>
      <c r="BV30" s="219">
        <v>0</v>
      </c>
      <c r="BW30" s="219">
        <v>0</v>
      </c>
      <c r="BX30" s="220">
        <v>0</v>
      </c>
      <c r="BY30" s="218">
        <v>0</v>
      </c>
      <c r="BZ30" s="218">
        <v>0</v>
      </c>
      <c r="CA30" s="218">
        <v>0</v>
      </c>
      <c r="CB30" s="219">
        <v>0</v>
      </c>
      <c r="CC30" s="240">
        <v>0</v>
      </c>
      <c r="CD30" s="242">
        <v>0</v>
      </c>
      <c r="CE30" s="222">
        <v>0</v>
      </c>
      <c r="CF30" s="219">
        <v>0</v>
      </c>
      <c r="CG30" s="219">
        <v>0</v>
      </c>
      <c r="CH30" s="220">
        <v>0</v>
      </c>
      <c r="CI30" s="218">
        <v>0</v>
      </c>
      <c r="CJ30" s="218">
        <v>0</v>
      </c>
      <c r="CK30" s="218">
        <v>0</v>
      </c>
      <c r="CL30" s="219">
        <v>0</v>
      </c>
      <c r="CM30" s="240">
        <v>0</v>
      </c>
      <c r="CN30" s="242">
        <v>0</v>
      </c>
      <c r="CO30" s="222">
        <v>0</v>
      </c>
      <c r="CP30" s="219">
        <v>0</v>
      </c>
      <c r="CQ30" s="219">
        <v>0</v>
      </c>
      <c r="CR30" s="220">
        <v>0</v>
      </c>
      <c r="CS30" s="218">
        <v>0</v>
      </c>
      <c r="CT30" s="218">
        <v>0</v>
      </c>
      <c r="CU30" s="218">
        <v>1</v>
      </c>
      <c r="CV30" s="219">
        <v>3</v>
      </c>
      <c r="CW30" s="240">
        <v>4</v>
      </c>
      <c r="CX30" s="241">
        <v>4</v>
      </c>
      <c r="CY30" s="217">
        <v>0</v>
      </c>
      <c r="CZ30" s="219">
        <v>0</v>
      </c>
      <c r="DA30" s="219">
        <v>0</v>
      </c>
      <c r="DB30" s="220">
        <v>0</v>
      </c>
      <c r="DC30" s="218">
        <v>0</v>
      </c>
      <c r="DD30" s="218">
        <v>0</v>
      </c>
      <c r="DE30" s="218">
        <v>0</v>
      </c>
      <c r="DF30" s="219">
        <v>3</v>
      </c>
      <c r="DG30" s="240">
        <v>3</v>
      </c>
      <c r="DH30" s="242">
        <v>3</v>
      </c>
      <c r="DI30" s="222">
        <v>0</v>
      </c>
      <c r="DJ30" s="219">
        <v>0</v>
      </c>
      <c r="DK30" s="219">
        <v>0</v>
      </c>
      <c r="DL30" s="220">
        <v>0</v>
      </c>
      <c r="DM30" s="218">
        <v>0</v>
      </c>
      <c r="DN30" s="218">
        <v>0</v>
      </c>
      <c r="DO30" s="218">
        <v>1</v>
      </c>
      <c r="DP30" s="219">
        <v>0</v>
      </c>
      <c r="DQ30" s="240">
        <v>1</v>
      </c>
      <c r="DR30" s="242">
        <v>1</v>
      </c>
      <c r="DS30" s="222">
        <v>0</v>
      </c>
      <c r="DT30" s="219">
        <v>0</v>
      </c>
      <c r="DU30" s="219">
        <v>0</v>
      </c>
      <c r="DV30" s="220">
        <v>9</v>
      </c>
      <c r="DW30" s="218">
        <v>16</v>
      </c>
      <c r="DX30" s="218">
        <v>48</v>
      </c>
      <c r="DY30" s="218">
        <v>82</v>
      </c>
      <c r="DZ30" s="219">
        <v>50</v>
      </c>
      <c r="EA30" s="240">
        <v>205</v>
      </c>
      <c r="EB30" s="242">
        <v>205</v>
      </c>
      <c r="EC30" s="239"/>
    </row>
    <row r="31" spans="2:133" ht="21" customHeight="1" x14ac:dyDescent="0.2">
      <c r="B31" s="106" t="s">
        <v>28</v>
      </c>
      <c r="C31" s="217">
        <v>0</v>
      </c>
      <c r="D31" s="219">
        <v>0</v>
      </c>
      <c r="E31" s="219">
        <v>0</v>
      </c>
      <c r="F31" s="220">
        <v>0</v>
      </c>
      <c r="G31" s="218">
        <v>1</v>
      </c>
      <c r="H31" s="218">
        <v>14</v>
      </c>
      <c r="I31" s="218">
        <v>20</v>
      </c>
      <c r="J31" s="219">
        <v>17</v>
      </c>
      <c r="K31" s="240">
        <v>52</v>
      </c>
      <c r="L31" s="241">
        <v>52</v>
      </c>
      <c r="M31" s="217">
        <v>0</v>
      </c>
      <c r="N31" s="219">
        <v>0</v>
      </c>
      <c r="O31" s="240">
        <v>0</v>
      </c>
      <c r="P31" s="220">
        <v>0</v>
      </c>
      <c r="Q31" s="218">
        <v>1</v>
      </c>
      <c r="R31" s="218">
        <v>14</v>
      </c>
      <c r="S31" s="218">
        <v>20</v>
      </c>
      <c r="T31" s="219">
        <v>16</v>
      </c>
      <c r="U31" s="240">
        <v>51</v>
      </c>
      <c r="V31" s="242">
        <v>51</v>
      </c>
      <c r="W31" s="222">
        <v>0</v>
      </c>
      <c r="X31" s="219">
        <v>0</v>
      </c>
      <c r="Y31" s="240">
        <v>0</v>
      </c>
      <c r="Z31" s="222">
        <v>0</v>
      </c>
      <c r="AA31" s="218">
        <v>0</v>
      </c>
      <c r="AB31" s="218">
        <v>0</v>
      </c>
      <c r="AC31" s="218">
        <v>0</v>
      </c>
      <c r="AD31" s="219">
        <v>1</v>
      </c>
      <c r="AE31" s="240">
        <v>1</v>
      </c>
      <c r="AF31" s="221">
        <v>1</v>
      </c>
      <c r="AG31" s="222">
        <v>0</v>
      </c>
      <c r="AH31" s="219">
        <v>0</v>
      </c>
      <c r="AI31" s="240">
        <v>0</v>
      </c>
      <c r="AJ31" s="222">
        <v>5</v>
      </c>
      <c r="AK31" s="218">
        <v>7</v>
      </c>
      <c r="AL31" s="218">
        <v>10</v>
      </c>
      <c r="AM31" s="218">
        <v>6</v>
      </c>
      <c r="AN31" s="219">
        <v>5</v>
      </c>
      <c r="AO31" s="240">
        <v>33</v>
      </c>
      <c r="AP31" s="221">
        <v>33</v>
      </c>
      <c r="AQ31" s="222">
        <v>0</v>
      </c>
      <c r="AR31" s="219">
        <v>0</v>
      </c>
      <c r="AS31" s="240">
        <v>0</v>
      </c>
      <c r="AT31" s="220">
        <v>5</v>
      </c>
      <c r="AU31" s="218">
        <v>7</v>
      </c>
      <c r="AV31" s="218">
        <v>10</v>
      </c>
      <c r="AW31" s="218">
        <v>6</v>
      </c>
      <c r="AX31" s="219">
        <v>4</v>
      </c>
      <c r="AY31" s="240">
        <v>32</v>
      </c>
      <c r="AZ31" s="241">
        <v>32</v>
      </c>
      <c r="BA31" s="217">
        <v>0</v>
      </c>
      <c r="BB31" s="219">
        <v>0</v>
      </c>
      <c r="BC31" s="219">
        <v>0</v>
      </c>
      <c r="BD31" s="220">
        <v>0</v>
      </c>
      <c r="BE31" s="218">
        <v>0</v>
      </c>
      <c r="BF31" s="218">
        <v>0</v>
      </c>
      <c r="BG31" s="218">
        <v>0</v>
      </c>
      <c r="BH31" s="219">
        <v>1</v>
      </c>
      <c r="BI31" s="240">
        <v>1</v>
      </c>
      <c r="BJ31" s="242">
        <v>1</v>
      </c>
      <c r="BK31" s="222">
        <v>0</v>
      </c>
      <c r="BL31" s="219">
        <v>0</v>
      </c>
      <c r="BM31" s="219">
        <v>0</v>
      </c>
      <c r="BN31" s="220">
        <v>0</v>
      </c>
      <c r="BO31" s="218">
        <v>0</v>
      </c>
      <c r="BP31" s="218">
        <v>0</v>
      </c>
      <c r="BQ31" s="218">
        <v>0</v>
      </c>
      <c r="BR31" s="219">
        <v>0</v>
      </c>
      <c r="BS31" s="240">
        <v>0</v>
      </c>
      <c r="BT31" s="241">
        <v>0</v>
      </c>
      <c r="BU31" s="217">
        <v>0</v>
      </c>
      <c r="BV31" s="219">
        <v>0</v>
      </c>
      <c r="BW31" s="219">
        <v>0</v>
      </c>
      <c r="BX31" s="220">
        <v>0</v>
      </c>
      <c r="BY31" s="218">
        <v>0</v>
      </c>
      <c r="BZ31" s="218">
        <v>0</v>
      </c>
      <c r="CA31" s="218">
        <v>0</v>
      </c>
      <c r="CB31" s="219">
        <v>0</v>
      </c>
      <c r="CC31" s="240">
        <v>0</v>
      </c>
      <c r="CD31" s="242">
        <v>0</v>
      </c>
      <c r="CE31" s="222">
        <v>0</v>
      </c>
      <c r="CF31" s="219">
        <v>0</v>
      </c>
      <c r="CG31" s="219">
        <v>0</v>
      </c>
      <c r="CH31" s="220">
        <v>0</v>
      </c>
      <c r="CI31" s="218">
        <v>0</v>
      </c>
      <c r="CJ31" s="218">
        <v>0</v>
      </c>
      <c r="CK31" s="218">
        <v>0</v>
      </c>
      <c r="CL31" s="219">
        <v>0</v>
      </c>
      <c r="CM31" s="240">
        <v>0</v>
      </c>
      <c r="CN31" s="242">
        <v>0</v>
      </c>
      <c r="CO31" s="222">
        <v>0</v>
      </c>
      <c r="CP31" s="219">
        <v>0</v>
      </c>
      <c r="CQ31" s="219">
        <v>0</v>
      </c>
      <c r="CR31" s="220">
        <v>0</v>
      </c>
      <c r="CS31" s="218">
        <v>0</v>
      </c>
      <c r="CT31" s="218">
        <v>0</v>
      </c>
      <c r="CU31" s="218">
        <v>1</v>
      </c>
      <c r="CV31" s="219">
        <v>0</v>
      </c>
      <c r="CW31" s="240">
        <v>1</v>
      </c>
      <c r="CX31" s="241">
        <v>1</v>
      </c>
      <c r="CY31" s="217">
        <v>0</v>
      </c>
      <c r="CZ31" s="219">
        <v>0</v>
      </c>
      <c r="DA31" s="219">
        <v>0</v>
      </c>
      <c r="DB31" s="220">
        <v>0</v>
      </c>
      <c r="DC31" s="218">
        <v>0</v>
      </c>
      <c r="DD31" s="218">
        <v>0</v>
      </c>
      <c r="DE31" s="218">
        <v>1</v>
      </c>
      <c r="DF31" s="219">
        <v>0</v>
      </c>
      <c r="DG31" s="240">
        <v>1</v>
      </c>
      <c r="DH31" s="242">
        <v>1</v>
      </c>
      <c r="DI31" s="222">
        <v>0</v>
      </c>
      <c r="DJ31" s="219">
        <v>0</v>
      </c>
      <c r="DK31" s="219">
        <v>0</v>
      </c>
      <c r="DL31" s="220">
        <v>0</v>
      </c>
      <c r="DM31" s="218">
        <v>0</v>
      </c>
      <c r="DN31" s="218">
        <v>0</v>
      </c>
      <c r="DO31" s="218">
        <v>0</v>
      </c>
      <c r="DP31" s="219">
        <v>0</v>
      </c>
      <c r="DQ31" s="240">
        <v>0</v>
      </c>
      <c r="DR31" s="242">
        <v>0</v>
      </c>
      <c r="DS31" s="222">
        <v>0</v>
      </c>
      <c r="DT31" s="219">
        <v>0</v>
      </c>
      <c r="DU31" s="219">
        <v>0</v>
      </c>
      <c r="DV31" s="220">
        <v>5</v>
      </c>
      <c r="DW31" s="218">
        <v>8</v>
      </c>
      <c r="DX31" s="218">
        <v>24</v>
      </c>
      <c r="DY31" s="218">
        <v>27</v>
      </c>
      <c r="DZ31" s="219">
        <v>22</v>
      </c>
      <c r="EA31" s="240">
        <v>86</v>
      </c>
      <c r="EB31" s="242">
        <v>86</v>
      </c>
      <c r="EC31" s="239"/>
    </row>
    <row r="32" spans="2:133" ht="21" customHeight="1" x14ac:dyDescent="0.2">
      <c r="B32" s="106" t="s">
        <v>29</v>
      </c>
      <c r="C32" s="217">
        <v>0</v>
      </c>
      <c r="D32" s="219">
        <v>0</v>
      </c>
      <c r="E32" s="219">
        <v>0</v>
      </c>
      <c r="F32" s="220">
        <v>0</v>
      </c>
      <c r="G32" s="218">
        <v>2</v>
      </c>
      <c r="H32" s="218">
        <v>10</v>
      </c>
      <c r="I32" s="218">
        <v>22</v>
      </c>
      <c r="J32" s="219">
        <v>19</v>
      </c>
      <c r="K32" s="240">
        <v>53</v>
      </c>
      <c r="L32" s="241">
        <v>53</v>
      </c>
      <c r="M32" s="217">
        <v>0</v>
      </c>
      <c r="N32" s="219">
        <v>0</v>
      </c>
      <c r="O32" s="240">
        <v>0</v>
      </c>
      <c r="P32" s="220">
        <v>0</v>
      </c>
      <c r="Q32" s="218">
        <v>2</v>
      </c>
      <c r="R32" s="218">
        <v>10</v>
      </c>
      <c r="S32" s="218">
        <v>22</v>
      </c>
      <c r="T32" s="219">
        <v>19</v>
      </c>
      <c r="U32" s="240">
        <v>53</v>
      </c>
      <c r="V32" s="242">
        <v>53</v>
      </c>
      <c r="W32" s="222">
        <v>0</v>
      </c>
      <c r="X32" s="219">
        <v>0</v>
      </c>
      <c r="Y32" s="240">
        <v>0</v>
      </c>
      <c r="Z32" s="222">
        <v>0</v>
      </c>
      <c r="AA32" s="218">
        <v>0</v>
      </c>
      <c r="AB32" s="218">
        <v>0</v>
      </c>
      <c r="AC32" s="218">
        <v>0</v>
      </c>
      <c r="AD32" s="219">
        <v>0</v>
      </c>
      <c r="AE32" s="240">
        <v>0</v>
      </c>
      <c r="AF32" s="221">
        <v>0</v>
      </c>
      <c r="AG32" s="222">
        <v>0</v>
      </c>
      <c r="AH32" s="219">
        <v>0</v>
      </c>
      <c r="AI32" s="240">
        <v>0</v>
      </c>
      <c r="AJ32" s="222">
        <v>5</v>
      </c>
      <c r="AK32" s="218">
        <v>6</v>
      </c>
      <c r="AL32" s="218">
        <v>12</v>
      </c>
      <c r="AM32" s="218">
        <v>12</v>
      </c>
      <c r="AN32" s="219">
        <v>11</v>
      </c>
      <c r="AO32" s="240">
        <v>46</v>
      </c>
      <c r="AP32" s="221">
        <v>46</v>
      </c>
      <c r="AQ32" s="222">
        <v>0</v>
      </c>
      <c r="AR32" s="219">
        <v>0</v>
      </c>
      <c r="AS32" s="240">
        <v>0</v>
      </c>
      <c r="AT32" s="220">
        <v>5</v>
      </c>
      <c r="AU32" s="218">
        <v>6</v>
      </c>
      <c r="AV32" s="218">
        <v>12</v>
      </c>
      <c r="AW32" s="218">
        <v>12</v>
      </c>
      <c r="AX32" s="219">
        <v>10</v>
      </c>
      <c r="AY32" s="240">
        <v>45</v>
      </c>
      <c r="AZ32" s="241">
        <v>45</v>
      </c>
      <c r="BA32" s="217">
        <v>0</v>
      </c>
      <c r="BB32" s="219">
        <v>0</v>
      </c>
      <c r="BC32" s="219">
        <v>0</v>
      </c>
      <c r="BD32" s="220">
        <v>0</v>
      </c>
      <c r="BE32" s="218">
        <v>0</v>
      </c>
      <c r="BF32" s="218">
        <v>0</v>
      </c>
      <c r="BG32" s="218">
        <v>0</v>
      </c>
      <c r="BH32" s="219">
        <v>1</v>
      </c>
      <c r="BI32" s="240">
        <v>1</v>
      </c>
      <c r="BJ32" s="242">
        <v>1</v>
      </c>
      <c r="BK32" s="222">
        <v>0</v>
      </c>
      <c r="BL32" s="219">
        <v>0</v>
      </c>
      <c r="BM32" s="219">
        <v>0</v>
      </c>
      <c r="BN32" s="220">
        <v>0</v>
      </c>
      <c r="BO32" s="218">
        <v>0</v>
      </c>
      <c r="BP32" s="218">
        <v>0</v>
      </c>
      <c r="BQ32" s="218">
        <v>0</v>
      </c>
      <c r="BR32" s="219">
        <v>0</v>
      </c>
      <c r="BS32" s="240">
        <v>0</v>
      </c>
      <c r="BT32" s="241">
        <v>0</v>
      </c>
      <c r="BU32" s="217">
        <v>0</v>
      </c>
      <c r="BV32" s="219">
        <v>0</v>
      </c>
      <c r="BW32" s="219">
        <v>0</v>
      </c>
      <c r="BX32" s="220">
        <v>0</v>
      </c>
      <c r="BY32" s="218">
        <v>0</v>
      </c>
      <c r="BZ32" s="218">
        <v>0</v>
      </c>
      <c r="CA32" s="218">
        <v>0</v>
      </c>
      <c r="CB32" s="219">
        <v>0</v>
      </c>
      <c r="CC32" s="240">
        <v>0</v>
      </c>
      <c r="CD32" s="242">
        <v>0</v>
      </c>
      <c r="CE32" s="222">
        <v>0</v>
      </c>
      <c r="CF32" s="219">
        <v>0</v>
      </c>
      <c r="CG32" s="219">
        <v>0</v>
      </c>
      <c r="CH32" s="220">
        <v>0</v>
      </c>
      <c r="CI32" s="218">
        <v>0</v>
      </c>
      <c r="CJ32" s="218">
        <v>0</v>
      </c>
      <c r="CK32" s="218">
        <v>0</v>
      </c>
      <c r="CL32" s="219">
        <v>0</v>
      </c>
      <c r="CM32" s="240">
        <v>0</v>
      </c>
      <c r="CN32" s="242">
        <v>0</v>
      </c>
      <c r="CO32" s="222">
        <v>0</v>
      </c>
      <c r="CP32" s="219">
        <v>0</v>
      </c>
      <c r="CQ32" s="219">
        <v>0</v>
      </c>
      <c r="CR32" s="220">
        <v>0</v>
      </c>
      <c r="CS32" s="218">
        <v>0</v>
      </c>
      <c r="CT32" s="218">
        <v>0</v>
      </c>
      <c r="CU32" s="218">
        <v>0</v>
      </c>
      <c r="CV32" s="219">
        <v>0</v>
      </c>
      <c r="CW32" s="240">
        <v>0</v>
      </c>
      <c r="CX32" s="241">
        <v>0</v>
      </c>
      <c r="CY32" s="217">
        <v>0</v>
      </c>
      <c r="CZ32" s="219">
        <v>0</v>
      </c>
      <c r="DA32" s="219">
        <v>0</v>
      </c>
      <c r="DB32" s="220">
        <v>0</v>
      </c>
      <c r="DC32" s="218">
        <v>0</v>
      </c>
      <c r="DD32" s="218">
        <v>0</v>
      </c>
      <c r="DE32" s="218">
        <v>0</v>
      </c>
      <c r="DF32" s="219">
        <v>0</v>
      </c>
      <c r="DG32" s="240">
        <v>0</v>
      </c>
      <c r="DH32" s="242">
        <v>0</v>
      </c>
      <c r="DI32" s="222">
        <v>0</v>
      </c>
      <c r="DJ32" s="219">
        <v>0</v>
      </c>
      <c r="DK32" s="219">
        <v>0</v>
      </c>
      <c r="DL32" s="220">
        <v>0</v>
      </c>
      <c r="DM32" s="218">
        <v>0</v>
      </c>
      <c r="DN32" s="218">
        <v>0</v>
      </c>
      <c r="DO32" s="218">
        <v>0</v>
      </c>
      <c r="DP32" s="219">
        <v>0</v>
      </c>
      <c r="DQ32" s="240">
        <v>0</v>
      </c>
      <c r="DR32" s="242">
        <v>0</v>
      </c>
      <c r="DS32" s="222">
        <v>0</v>
      </c>
      <c r="DT32" s="219">
        <v>0</v>
      </c>
      <c r="DU32" s="219">
        <v>0</v>
      </c>
      <c r="DV32" s="220">
        <v>5</v>
      </c>
      <c r="DW32" s="218">
        <v>8</v>
      </c>
      <c r="DX32" s="218">
        <v>22</v>
      </c>
      <c r="DY32" s="218">
        <v>34</v>
      </c>
      <c r="DZ32" s="219">
        <v>30</v>
      </c>
      <c r="EA32" s="240">
        <v>99</v>
      </c>
      <c r="EB32" s="242">
        <v>99</v>
      </c>
      <c r="EC32" s="239"/>
    </row>
    <row r="33" spans="2:133" ht="21" customHeight="1" x14ac:dyDescent="0.2">
      <c r="B33" s="106" t="s">
        <v>30</v>
      </c>
      <c r="C33" s="217">
        <v>0</v>
      </c>
      <c r="D33" s="219">
        <v>0</v>
      </c>
      <c r="E33" s="219">
        <v>0</v>
      </c>
      <c r="F33" s="220">
        <v>0</v>
      </c>
      <c r="G33" s="218">
        <v>4</v>
      </c>
      <c r="H33" s="218">
        <v>22</v>
      </c>
      <c r="I33" s="218">
        <v>35</v>
      </c>
      <c r="J33" s="219">
        <v>21</v>
      </c>
      <c r="K33" s="240">
        <v>82</v>
      </c>
      <c r="L33" s="241">
        <v>82</v>
      </c>
      <c r="M33" s="217">
        <v>0</v>
      </c>
      <c r="N33" s="219">
        <v>0</v>
      </c>
      <c r="O33" s="240">
        <v>0</v>
      </c>
      <c r="P33" s="220">
        <v>0</v>
      </c>
      <c r="Q33" s="218">
        <v>4</v>
      </c>
      <c r="R33" s="218">
        <v>22</v>
      </c>
      <c r="S33" s="218">
        <v>35</v>
      </c>
      <c r="T33" s="219">
        <v>21</v>
      </c>
      <c r="U33" s="240">
        <v>82</v>
      </c>
      <c r="V33" s="242">
        <v>82</v>
      </c>
      <c r="W33" s="222">
        <v>0</v>
      </c>
      <c r="X33" s="219">
        <v>0</v>
      </c>
      <c r="Y33" s="240">
        <v>0</v>
      </c>
      <c r="Z33" s="222">
        <v>0</v>
      </c>
      <c r="AA33" s="218">
        <v>0</v>
      </c>
      <c r="AB33" s="218">
        <v>0</v>
      </c>
      <c r="AC33" s="218">
        <v>0</v>
      </c>
      <c r="AD33" s="219">
        <v>0</v>
      </c>
      <c r="AE33" s="240">
        <v>0</v>
      </c>
      <c r="AF33" s="221">
        <v>0</v>
      </c>
      <c r="AG33" s="222">
        <v>0</v>
      </c>
      <c r="AH33" s="219">
        <v>0</v>
      </c>
      <c r="AI33" s="240">
        <v>0</v>
      </c>
      <c r="AJ33" s="222">
        <v>11</v>
      </c>
      <c r="AK33" s="218">
        <v>7</v>
      </c>
      <c r="AL33" s="218">
        <v>10</v>
      </c>
      <c r="AM33" s="218">
        <v>18</v>
      </c>
      <c r="AN33" s="219">
        <v>5</v>
      </c>
      <c r="AO33" s="240">
        <v>51</v>
      </c>
      <c r="AP33" s="221">
        <v>51</v>
      </c>
      <c r="AQ33" s="222">
        <v>0</v>
      </c>
      <c r="AR33" s="219">
        <v>0</v>
      </c>
      <c r="AS33" s="240">
        <v>0</v>
      </c>
      <c r="AT33" s="220">
        <v>11</v>
      </c>
      <c r="AU33" s="218">
        <v>7</v>
      </c>
      <c r="AV33" s="218">
        <v>10</v>
      </c>
      <c r="AW33" s="218">
        <v>18</v>
      </c>
      <c r="AX33" s="219">
        <v>5</v>
      </c>
      <c r="AY33" s="240">
        <v>51</v>
      </c>
      <c r="AZ33" s="241">
        <v>51</v>
      </c>
      <c r="BA33" s="217">
        <v>0</v>
      </c>
      <c r="BB33" s="219">
        <v>0</v>
      </c>
      <c r="BC33" s="219">
        <v>0</v>
      </c>
      <c r="BD33" s="220">
        <v>0</v>
      </c>
      <c r="BE33" s="218">
        <v>0</v>
      </c>
      <c r="BF33" s="218">
        <v>0</v>
      </c>
      <c r="BG33" s="218">
        <v>0</v>
      </c>
      <c r="BH33" s="219">
        <v>0</v>
      </c>
      <c r="BI33" s="240">
        <v>0</v>
      </c>
      <c r="BJ33" s="242">
        <v>0</v>
      </c>
      <c r="BK33" s="222">
        <v>0</v>
      </c>
      <c r="BL33" s="219">
        <v>0</v>
      </c>
      <c r="BM33" s="219">
        <v>0</v>
      </c>
      <c r="BN33" s="220">
        <v>0</v>
      </c>
      <c r="BO33" s="218">
        <v>0</v>
      </c>
      <c r="BP33" s="218">
        <v>0</v>
      </c>
      <c r="BQ33" s="218">
        <v>0</v>
      </c>
      <c r="BR33" s="219">
        <v>0</v>
      </c>
      <c r="BS33" s="240">
        <v>0</v>
      </c>
      <c r="BT33" s="241">
        <v>0</v>
      </c>
      <c r="BU33" s="217">
        <v>0</v>
      </c>
      <c r="BV33" s="219">
        <v>0</v>
      </c>
      <c r="BW33" s="219">
        <v>0</v>
      </c>
      <c r="BX33" s="220">
        <v>0</v>
      </c>
      <c r="BY33" s="218">
        <v>0</v>
      </c>
      <c r="BZ33" s="218">
        <v>0</v>
      </c>
      <c r="CA33" s="218">
        <v>0</v>
      </c>
      <c r="CB33" s="219">
        <v>0</v>
      </c>
      <c r="CC33" s="240">
        <v>0</v>
      </c>
      <c r="CD33" s="242">
        <v>0</v>
      </c>
      <c r="CE33" s="222">
        <v>0</v>
      </c>
      <c r="CF33" s="219">
        <v>0</v>
      </c>
      <c r="CG33" s="219">
        <v>0</v>
      </c>
      <c r="CH33" s="220">
        <v>0</v>
      </c>
      <c r="CI33" s="218">
        <v>0</v>
      </c>
      <c r="CJ33" s="218">
        <v>0</v>
      </c>
      <c r="CK33" s="218">
        <v>0</v>
      </c>
      <c r="CL33" s="219">
        <v>0</v>
      </c>
      <c r="CM33" s="240">
        <v>0</v>
      </c>
      <c r="CN33" s="242">
        <v>0</v>
      </c>
      <c r="CO33" s="222">
        <v>0</v>
      </c>
      <c r="CP33" s="219">
        <v>0</v>
      </c>
      <c r="CQ33" s="219">
        <v>0</v>
      </c>
      <c r="CR33" s="220">
        <v>0</v>
      </c>
      <c r="CS33" s="218">
        <v>0</v>
      </c>
      <c r="CT33" s="218">
        <v>0</v>
      </c>
      <c r="CU33" s="218">
        <v>0</v>
      </c>
      <c r="CV33" s="219">
        <v>2</v>
      </c>
      <c r="CW33" s="240">
        <v>2</v>
      </c>
      <c r="CX33" s="241">
        <v>2</v>
      </c>
      <c r="CY33" s="217">
        <v>0</v>
      </c>
      <c r="CZ33" s="219">
        <v>0</v>
      </c>
      <c r="DA33" s="219">
        <v>0</v>
      </c>
      <c r="DB33" s="220">
        <v>0</v>
      </c>
      <c r="DC33" s="218">
        <v>0</v>
      </c>
      <c r="DD33" s="218">
        <v>0</v>
      </c>
      <c r="DE33" s="218">
        <v>0</v>
      </c>
      <c r="DF33" s="219">
        <v>2</v>
      </c>
      <c r="DG33" s="240">
        <v>2</v>
      </c>
      <c r="DH33" s="242">
        <v>2</v>
      </c>
      <c r="DI33" s="222">
        <v>0</v>
      </c>
      <c r="DJ33" s="219">
        <v>0</v>
      </c>
      <c r="DK33" s="219">
        <v>0</v>
      </c>
      <c r="DL33" s="220">
        <v>0</v>
      </c>
      <c r="DM33" s="218">
        <v>0</v>
      </c>
      <c r="DN33" s="218">
        <v>0</v>
      </c>
      <c r="DO33" s="218">
        <v>0</v>
      </c>
      <c r="DP33" s="219">
        <v>0</v>
      </c>
      <c r="DQ33" s="240">
        <v>0</v>
      </c>
      <c r="DR33" s="242">
        <v>0</v>
      </c>
      <c r="DS33" s="222">
        <v>0</v>
      </c>
      <c r="DT33" s="219">
        <v>0</v>
      </c>
      <c r="DU33" s="219">
        <v>0</v>
      </c>
      <c r="DV33" s="220">
        <v>11</v>
      </c>
      <c r="DW33" s="218">
        <v>11</v>
      </c>
      <c r="DX33" s="218">
        <v>32</v>
      </c>
      <c r="DY33" s="218">
        <v>52</v>
      </c>
      <c r="DZ33" s="219">
        <v>28</v>
      </c>
      <c r="EA33" s="240">
        <v>134</v>
      </c>
      <c r="EB33" s="242">
        <v>134</v>
      </c>
      <c r="EC33" s="239"/>
    </row>
    <row r="34" spans="2:133" ht="21" customHeight="1" x14ac:dyDescent="0.2">
      <c r="B34" s="106" t="s">
        <v>31</v>
      </c>
      <c r="C34" s="217">
        <v>0</v>
      </c>
      <c r="D34" s="219">
        <v>0</v>
      </c>
      <c r="E34" s="219">
        <v>0</v>
      </c>
      <c r="F34" s="220">
        <v>2</v>
      </c>
      <c r="G34" s="218">
        <v>2</v>
      </c>
      <c r="H34" s="218">
        <v>30</v>
      </c>
      <c r="I34" s="218">
        <v>25</v>
      </c>
      <c r="J34" s="219">
        <v>21</v>
      </c>
      <c r="K34" s="240">
        <v>80</v>
      </c>
      <c r="L34" s="241">
        <v>80</v>
      </c>
      <c r="M34" s="217">
        <v>0</v>
      </c>
      <c r="N34" s="219">
        <v>0</v>
      </c>
      <c r="O34" s="240">
        <v>0</v>
      </c>
      <c r="P34" s="220">
        <v>2</v>
      </c>
      <c r="Q34" s="218">
        <v>2</v>
      </c>
      <c r="R34" s="218">
        <v>30</v>
      </c>
      <c r="S34" s="218">
        <v>25</v>
      </c>
      <c r="T34" s="219">
        <v>21</v>
      </c>
      <c r="U34" s="240">
        <v>80</v>
      </c>
      <c r="V34" s="242">
        <v>80</v>
      </c>
      <c r="W34" s="222">
        <v>0</v>
      </c>
      <c r="X34" s="219">
        <v>0</v>
      </c>
      <c r="Y34" s="240">
        <v>0</v>
      </c>
      <c r="Z34" s="222">
        <v>0</v>
      </c>
      <c r="AA34" s="218">
        <v>0</v>
      </c>
      <c r="AB34" s="218">
        <v>0</v>
      </c>
      <c r="AC34" s="218">
        <v>0</v>
      </c>
      <c r="AD34" s="219">
        <v>0</v>
      </c>
      <c r="AE34" s="240">
        <v>0</v>
      </c>
      <c r="AF34" s="221">
        <v>0</v>
      </c>
      <c r="AG34" s="222">
        <v>0</v>
      </c>
      <c r="AH34" s="219">
        <v>0</v>
      </c>
      <c r="AI34" s="240">
        <v>0</v>
      </c>
      <c r="AJ34" s="222">
        <v>3</v>
      </c>
      <c r="AK34" s="218">
        <v>9</v>
      </c>
      <c r="AL34" s="218">
        <v>13</v>
      </c>
      <c r="AM34" s="218">
        <v>11</v>
      </c>
      <c r="AN34" s="219">
        <v>2</v>
      </c>
      <c r="AO34" s="240">
        <v>38</v>
      </c>
      <c r="AP34" s="221">
        <v>38</v>
      </c>
      <c r="AQ34" s="222">
        <v>0</v>
      </c>
      <c r="AR34" s="219">
        <v>0</v>
      </c>
      <c r="AS34" s="240">
        <v>0</v>
      </c>
      <c r="AT34" s="220">
        <v>3</v>
      </c>
      <c r="AU34" s="218">
        <v>9</v>
      </c>
      <c r="AV34" s="218">
        <v>13</v>
      </c>
      <c r="AW34" s="218">
        <v>11</v>
      </c>
      <c r="AX34" s="219">
        <v>1</v>
      </c>
      <c r="AY34" s="240">
        <v>37</v>
      </c>
      <c r="AZ34" s="241">
        <v>37</v>
      </c>
      <c r="BA34" s="217">
        <v>0</v>
      </c>
      <c r="BB34" s="219">
        <v>0</v>
      </c>
      <c r="BC34" s="219">
        <v>0</v>
      </c>
      <c r="BD34" s="220">
        <v>0</v>
      </c>
      <c r="BE34" s="218">
        <v>0</v>
      </c>
      <c r="BF34" s="218">
        <v>0</v>
      </c>
      <c r="BG34" s="218">
        <v>0</v>
      </c>
      <c r="BH34" s="219">
        <v>1</v>
      </c>
      <c r="BI34" s="240">
        <v>1</v>
      </c>
      <c r="BJ34" s="242">
        <v>1</v>
      </c>
      <c r="BK34" s="222">
        <v>0</v>
      </c>
      <c r="BL34" s="219">
        <v>0</v>
      </c>
      <c r="BM34" s="219">
        <v>0</v>
      </c>
      <c r="BN34" s="220">
        <v>0</v>
      </c>
      <c r="BO34" s="218">
        <v>0</v>
      </c>
      <c r="BP34" s="218">
        <v>0</v>
      </c>
      <c r="BQ34" s="218">
        <v>0</v>
      </c>
      <c r="BR34" s="219">
        <v>0</v>
      </c>
      <c r="BS34" s="240">
        <v>0</v>
      </c>
      <c r="BT34" s="241">
        <v>0</v>
      </c>
      <c r="BU34" s="217">
        <v>0</v>
      </c>
      <c r="BV34" s="219">
        <v>0</v>
      </c>
      <c r="BW34" s="219">
        <v>0</v>
      </c>
      <c r="BX34" s="220">
        <v>0</v>
      </c>
      <c r="BY34" s="218">
        <v>0</v>
      </c>
      <c r="BZ34" s="218">
        <v>0</v>
      </c>
      <c r="CA34" s="218">
        <v>0</v>
      </c>
      <c r="CB34" s="219">
        <v>0</v>
      </c>
      <c r="CC34" s="240">
        <v>0</v>
      </c>
      <c r="CD34" s="242">
        <v>0</v>
      </c>
      <c r="CE34" s="222">
        <v>0</v>
      </c>
      <c r="CF34" s="219">
        <v>0</v>
      </c>
      <c r="CG34" s="219">
        <v>0</v>
      </c>
      <c r="CH34" s="220">
        <v>0</v>
      </c>
      <c r="CI34" s="218">
        <v>0</v>
      </c>
      <c r="CJ34" s="218">
        <v>0</v>
      </c>
      <c r="CK34" s="218">
        <v>0</v>
      </c>
      <c r="CL34" s="219">
        <v>0</v>
      </c>
      <c r="CM34" s="240">
        <v>0</v>
      </c>
      <c r="CN34" s="242">
        <v>0</v>
      </c>
      <c r="CO34" s="222">
        <v>0</v>
      </c>
      <c r="CP34" s="219">
        <v>0</v>
      </c>
      <c r="CQ34" s="219">
        <v>0</v>
      </c>
      <c r="CR34" s="220">
        <v>1</v>
      </c>
      <c r="CS34" s="218">
        <v>0</v>
      </c>
      <c r="CT34" s="218">
        <v>0</v>
      </c>
      <c r="CU34" s="218">
        <v>2</v>
      </c>
      <c r="CV34" s="219">
        <v>2</v>
      </c>
      <c r="CW34" s="240">
        <v>5</v>
      </c>
      <c r="CX34" s="241">
        <v>5</v>
      </c>
      <c r="CY34" s="217">
        <v>0</v>
      </c>
      <c r="CZ34" s="219">
        <v>0</v>
      </c>
      <c r="DA34" s="219">
        <v>0</v>
      </c>
      <c r="DB34" s="220">
        <v>1</v>
      </c>
      <c r="DC34" s="218">
        <v>0</v>
      </c>
      <c r="DD34" s="218">
        <v>0</v>
      </c>
      <c r="DE34" s="218">
        <v>2</v>
      </c>
      <c r="DF34" s="219">
        <v>2</v>
      </c>
      <c r="DG34" s="240">
        <v>5</v>
      </c>
      <c r="DH34" s="242">
        <v>5</v>
      </c>
      <c r="DI34" s="222">
        <v>0</v>
      </c>
      <c r="DJ34" s="219">
        <v>0</v>
      </c>
      <c r="DK34" s="219">
        <v>0</v>
      </c>
      <c r="DL34" s="220">
        <v>0</v>
      </c>
      <c r="DM34" s="218">
        <v>0</v>
      </c>
      <c r="DN34" s="218">
        <v>0</v>
      </c>
      <c r="DO34" s="218">
        <v>0</v>
      </c>
      <c r="DP34" s="219">
        <v>0</v>
      </c>
      <c r="DQ34" s="240">
        <v>0</v>
      </c>
      <c r="DR34" s="242">
        <v>0</v>
      </c>
      <c r="DS34" s="222">
        <v>0</v>
      </c>
      <c r="DT34" s="219">
        <v>0</v>
      </c>
      <c r="DU34" s="219">
        <v>0</v>
      </c>
      <c r="DV34" s="220">
        <v>6</v>
      </c>
      <c r="DW34" s="218">
        <v>11</v>
      </c>
      <c r="DX34" s="218">
        <v>43</v>
      </c>
      <c r="DY34" s="218">
        <v>38</v>
      </c>
      <c r="DZ34" s="219">
        <v>25</v>
      </c>
      <c r="EA34" s="240">
        <v>123</v>
      </c>
      <c r="EB34" s="242">
        <v>123</v>
      </c>
      <c r="EC34" s="239"/>
    </row>
    <row r="35" spans="2:133" ht="21" customHeight="1" x14ac:dyDescent="0.2">
      <c r="B35" s="106" t="s">
        <v>32</v>
      </c>
      <c r="C35" s="217">
        <v>0</v>
      </c>
      <c r="D35" s="219">
        <v>0</v>
      </c>
      <c r="E35" s="219">
        <v>0</v>
      </c>
      <c r="F35" s="220">
        <v>1</v>
      </c>
      <c r="G35" s="218">
        <v>0</v>
      </c>
      <c r="H35" s="218">
        <v>12</v>
      </c>
      <c r="I35" s="218">
        <v>27</v>
      </c>
      <c r="J35" s="219">
        <v>22</v>
      </c>
      <c r="K35" s="240">
        <v>62</v>
      </c>
      <c r="L35" s="241">
        <v>62</v>
      </c>
      <c r="M35" s="217">
        <v>0</v>
      </c>
      <c r="N35" s="219">
        <v>0</v>
      </c>
      <c r="O35" s="240">
        <v>0</v>
      </c>
      <c r="P35" s="220">
        <v>1</v>
      </c>
      <c r="Q35" s="218">
        <v>0</v>
      </c>
      <c r="R35" s="218">
        <v>12</v>
      </c>
      <c r="S35" s="218">
        <v>27</v>
      </c>
      <c r="T35" s="219">
        <v>22</v>
      </c>
      <c r="U35" s="240">
        <v>62</v>
      </c>
      <c r="V35" s="242">
        <v>62</v>
      </c>
      <c r="W35" s="222">
        <v>0</v>
      </c>
      <c r="X35" s="219">
        <v>0</v>
      </c>
      <c r="Y35" s="240">
        <v>0</v>
      </c>
      <c r="Z35" s="222">
        <v>0</v>
      </c>
      <c r="AA35" s="218">
        <v>0</v>
      </c>
      <c r="AB35" s="218">
        <v>0</v>
      </c>
      <c r="AC35" s="218">
        <v>0</v>
      </c>
      <c r="AD35" s="219">
        <v>0</v>
      </c>
      <c r="AE35" s="240">
        <v>0</v>
      </c>
      <c r="AF35" s="221">
        <v>0</v>
      </c>
      <c r="AG35" s="222">
        <v>0</v>
      </c>
      <c r="AH35" s="219">
        <v>0</v>
      </c>
      <c r="AI35" s="240">
        <v>0</v>
      </c>
      <c r="AJ35" s="222">
        <v>7</v>
      </c>
      <c r="AK35" s="218">
        <v>8</v>
      </c>
      <c r="AL35" s="218">
        <v>9</v>
      </c>
      <c r="AM35" s="218">
        <v>16</v>
      </c>
      <c r="AN35" s="219">
        <v>2</v>
      </c>
      <c r="AO35" s="240">
        <v>42</v>
      </c>
      <c r="AP35" s="221">
        <v>42</v>
      </c>
      <c r="AQ35" s="222">
        <v>0</v>
      </c>
      <c r="AR35" s="219">
        <v>0</v>
      </c>
      <c r="AS35" s="240">
        <v>0</v>
      </c>
      <c r="AT35" s="220">
        <v>7</v>
      </c>
      <c r="AU35" s="218">
        <v>8</v>
      </c>
      <c r="AV35" s="218">
        <v>9</v>
      </c>
      <c r="AW35" s="218">
        <v>16</v>
      </c>
      <c r="AX35" s="219">
        <v>2</v>
      </c>
      <c r="AY35" s="240">
        <v>42</v>
      </c>
      <c r="AZ35" s="241">
        <v>42</v>
      </c>
      <c r="BA35" s="217">
        <v>0</v>
      </c>
      <c r="BB35" s="219">
        <v>0</v>
      </c>
      <c r="BC35" s="219">
        <v>0</v>
      </c>
      <c r="BD35" s="220">
        <v>0</v>
      </c>
      <c r="BE35" s="218">
        <v>0</v>
      </c>
      <c r="BF35" s="218">
        <v>0</v>
      </c>
      <c r="BG35" s="218">
        <v>0</v>
      </c>
      <c r="BH35" s="219">
        <v>0</v>
      </c>
      <c r="BI35" s="240">
        <v>0</v>
      </c>
      <c r="BJ35" s="242">
        <v>0</v>
      </c>
      <c r="BK35" s="222">
        <v>0</v>
      </c>
      <c r="BL35" s="219">
        <v>0</v>
      </c>
      <c r="BM35" s="219">
        <v>0</v>
      </c>
      <c r="BN35" s="220">
        <v>0</v>
      </c>
      <c r="BO35" s="218">
        <v>0</v>
      </c>
      <c r="BP35" s="218">
        <v>0</v>
      </c>
      <c r="BQ35" s="218">
        <v>0</v>
      </c>
      <c r="BR35" s="219">
        <v>0</v>
      </c>
      <c r="BS35" s="240">
        <v>0</v>
      </c>
      <c r="BT35" s="241">
        <v>0</v>
      </c>
      <c r="BU35" s="217">
        <v>0</v>
      </c>
      <c r="BV35" s="219">
        <v>0</v>
      </c>
      <c r="BW35" s="219">
        <v>0</v>
      </c>
      <c r="BX35" s="220">
        <v>0</v>
      </c>
      <c r="BY35" s="218">
        <v>0</v>
      </c>
      <c r="BZ35" s="218">
        <v>0</v>
      </c>
      <c r="CA35" s="218">
        <v>0</v>
      </c>
      <c r="CB35" s="219">
        <v>0</v>
      </c>
      <c r="CC35" s="240">
        <v>0</v>
      </c>
      <c r="CD35" s="242">
        <v>0</v>
      </c>
      <c r="CE35" s="222">
        <v>0</v>
      </c>
      <c r="CF35" s="219">
        <v>0</v>
      </c>
      <c r="CG35" s="219">
        <v>0</v>
      </c>
      <c r="CH35" s="220">
        <v>0</v>
      </c>
      <c r="CI35" s="218">
        <v>0</v>
      </c>
      <c r="CJ35" s="218">
        <v>0</v>
      </c>
      <c r="CK35" s="218">
        <v>0</v>
      </c>
      <c r="CL35" s="219">
        <v>0</v>
      </c>
      <c r="CM35" s="240">
        <v>0</v>
      </c>
      <c r="CN35" s="242">
        <v>0</v>
      </c>
      <c r="CO35" s="222">
        <v>0</v>
      </c>
      <c r="CP35" s="219">
        <v>0</v>
      </c>
      <c r="CQ35" s="219">
        <v>0</v>
      </c>
      <c r="CR35" s="220">
        <v>2</v>
      </c>
      <c r="CS35" s="218">
        <v>0</v>
      </c>
      <c r="CT35" s="218">
        <v>2</v>
      </c>
      <c r="CU35" s="218">
        <v>0</v>
      </c>
      <c r="CV35" s="219">
        <v>1</v>
      </c>
      <c r="CW35" s="240">
        <v>5</v>
      </c>
      <c r="CX35" s="241">
        <v>5</v>
      </c>
      <c r="CY35" s="217">
        <v>0</v>
      </c>
      <c r="CZ35" s="219">
        <v>0</v>
      </c>
      <c r="DA35" s="219">
        <v>0</v>
      </c>
      <c r="DB35" s="220">
        <v>2</v>
      </c>
      <c r="DC35" s="218">
        <v>0</v>
      </c>
      <c r="DD35" s="218">
        <v>2</v>
      </c>
      <c r="DE35" s="218">
        <v>0</v>
      </c>
      <c r="DF35" s="219">
        <v>1</v>
      </c>
      <c r="DG35" s="240">
        <v>5</v>
      </c>
      <c r="DH35" s="242">
        <v>5</v>
      </c>
      <c r="DI35" s="222">
        <v>0</v>
      </c>
      <c r="DJ35" s="219">
        <v>0</v>
      </c>
      <c r="DK35" s="219">
        <v>0</v>
      </c>
      <c r="DL35" s="220">
        <v>0</v>
      </c>
      <c r="DM35" s="218">
        <v>0</v>
      </c>
      <c r="DN35" s="218">
        <v>0</v>
      </c>
      <c r="DO35" s="218">
        <v>0</v>
      </c>
      <c r="DP35" s="219">
        <v>0</v>
      </c>
      <c r="DQ35" s="240">
        <v>0</v>
      </c>
      <c r="DR35" s="242">
        <v>0</v>
      </c>
      <c r="DS35" s="222">
        <v>0</v>
      </c>
      <c r="DT35" s="219">
        <v>0</v>
      </c>
      <c r="DU35" s="219">
        <v>0</v>
      </c>
      <c r="DV35" s="220">
        <v>10</v>
      </c>
      <c r="DW35" s="218">
        <v>8</v>
      </c>
      <c r="DX35" s="218">
        <v>23</v>
      </c>
      <c r="DY35" s="218">
        <v>43</v>
      </c>
      <c r="DZ35" s="219">
        <v>25</v>
      </c>
      <c r="EA35" s="240">
        <v>109</v>
      </c>
      <c r="EB35" s="242">
        <v>109</v>
      </c>
      <c r="EC35" s="239"/>
    </row>
    <row r="36" spans="2:133" ht="21" customHeight="1" x14ac:dyDescent="0.2">
      <c r="B36" s="106" t="s">
        <v>33</v>
      </c>
      <c r="C36" s="217">
        <v>0</v>
      </c>
      <c r="D36" s="219">
        <v>0</v>
      </c>
      <c r="E36" s="219">
        <v>0</v>
      </c>
      <c r="F36" s="220">
        <v>0</v>
      </c>
      <c r="G36" s="218">
        <v>5</v>
      </c>
      <c r="H36" s="218">
        <v>31</v>
      </c>
      <c r="I36" s="218">
        <v>32</v>
      </c>
      <c r="J36" s="219">
        <v>20</v>
      </c>
      <c r="K36" s="240">
        <v>88</v>
      </c>
      <c r="L36" s="241">
        <v>88</v>
      </c>
      <c r="M36" s="217">
        <v>0</v>
      </c>
      <c r="N36" s="219">
        <v>0</v>
      </c>
      <c r="O36" s="240">
        <v>0</v>
      </c>
      <c r="P36" s="220">
        <v>0</v>
      </c>
      <c r="Q36" s="218">
        <v>5</v>
      </c>
      <c r="R36" s="218">
        <v>31</v>
      </c>
      <c r="S36" s="218">
        <v>32</v>
      </c>
      <c r="T36" s="219">
        <v>20</v>
      </c>
      <c r="U36" s="240">
        <v>88</v>
      </c>
      <c r="V36" s="242">
        <v>88</v>
      </c>
      <c r="W36" s="222">
        <v>0</v>
      </c>
      <c r="X36" s="219">
        <v>0</v>
      </c>
      <c r="Y36" s="240">
        <v>0</v>
      </c>
      <c r="Z36" s="222">
        <v>0</v>
      </c>
      <c r="AA36" s="218">
        <v>0</v>
      </c>
      <c r="AB36" s="218">
        <v>0</v>
      </c>
      <c r="AC36" s="218">
        <v>0</v>
      </c>
      <c r="AD36" s="219">
        <v>0</v>
      </c>
      <c r="AE36" s="240">
        <v>0</v>
      </c>
      <c r="AF36" s="221">
        <v>0</v>
      </c>
      <c r="AG36" s="222">
        <v>0</v>
      </c>
      <c r="AH36" s="219">
        <v>0</v>
      </c>
      <c r="AI36" s="240">
        <v>0</v>
      </c>
      <c r="AJ36" s="222">
        <v>8</v>
      </c>
      <c r="AK36" s="218">
        <v>12</v>
      </c>
      <c r="AL36" s="218">
        <v>14</v>
      </c>
      <c r="AM36" s="218">
        <v>13</v>
      </c>
      <c r="AN36" s="219">
        <v>8</v>
      </c>
      <c r="AO36" s="240">
        <v>55</v>
      </c>
      <c r="AP36" s="221">
        <v>55</v>
      </c>
      <c r="AQ36" s="222">
        <v>0</v>
      </c>
      <c r="AR36" s="219">
        <v>0</v>
      </c>
      <c r="AS36" s="240">
        <v>0</v>
      </c>
      <c r="AT36" s="220">
        <v>8</v>
      </c>
      <c r="AU36" s="218">
        <v>12</v>
      </c>
      <c r="AV36" s="218">
        <v>14</v>
      </c>
      <c r="AW36" s="218">
        <v>13</v>
      </c>
      <c r="AX36" s="219">
        <v>8</v>
      </c>
      <c r="AY36" s="240">
        <v>55</v>
      </c>
      <c r="AZ36" s="241">
        <v>55</v>
      </c>
      <c r="BA36" s="217">
        <v>0</v>
      </c>
      <c r="BB36" s="219">
        <v>0</v>
      </c>
      <c r="BC36" s="219">
        <v>0</v>
      </c>
      <c r="BD36" s="220">
        <v>0</v>
      </c>
      <c r="BE36" s="218">
        <v>0</v>
      </c>
      <c r="BF36" s="218">
        <v>0</v>
      </c>
      <c r="BG36" s="218">
        <v>0</v>
      </c>
      <c r="BH36" s="219">
        <v>0</v>
      </c>
      <c r="BI36" s="240">
        <v>0</v>
      </c>
      <c r="BJ36" s="242">
        <v>0</v>
      </c>
      <c r="BK36" s="222">
        <v>0</v>
      </c>
      <c r="BL36" s="219">
        <v>0</v>
      </c>
      <c r="BM36" s="219">
        <v>0</v>
      </c>
      <c r="BN36" s="220">
        <v>0</v>
      </c>
      <c r="BO36" s="218">
        <v>0</v>
      </c>
      <c r="BP36" s="218">
        <v>0</v>
      </c>
      <c r="BQ36" s="218">
        <v>0</v>
      </c>
      <c r="BR36" s="219">
        <v>0</v>
      </c>
      <c r="BS36" s="240">
        <v>0</v>
      </c>
      <c r="BT36" s="241">
        <v>0</v>
      </c>
      <c r="BU36" s="217">
        <v>0</v>
      </c>
      <c r="BV36" s="219">
        <v>0</v>
      </c>
      <c r="BW36" s="219">
        <v>0</v>
      </c>
      <c r="BX36" s="220">
        <v>0</v>
      </c>
      <c r="BY36" s="218">
        <v>0</v>
      </c>
      <c r="BZ36" s="218">
        <v>0</v>
      </c>
      <c r="CA36" s="218">
        <v>0</v>
      </c>
      <c r="CB36" s="219">
        <v>0</v>
      </c>
      <c r="CC36" s="240">
        <v>0</v>
      </c>
      <c r="CD36" s="242">
        <v>0</v>
      </c>
      <c r="CE36" s="222">
        <v>0</v>
      </c>
      <c r="CF36" s="219">
        <v>0</v>
      </c>
      <c r="CG36" s="219">
        <v>0</v>
      </c>
      <c r="CH36" s="220">
        <v>0</v>
      </c>
      <c r="CI36" s="218">
        <v>0</v>
      </c>
      <c r="CJ36" s="218">
        <v>0</v>
      </c>
      <c r="CK36" s="218">
        <v>0</v>
      </c>
      <c r="CL36" s="219">
        <v>0</v>
      </c>
      <c r="CM36" s="240">
        <v>0</v>
      </c>
      <c r="CN36" s="242">
        <v>0</v>
      </c>
      <c r="CO36" s="222">
        <v>0</v>
      </c>
      <c r="CP36" s="219">
        <v>0</v>
      </c>
      <c r="CQ36" s="219">
        <v>0</v>
      </c>
      <c r="CR36" s="220">
        <v>4</v>
      </c>
      <c r="CS36" s="218">
        <v>7</v>
      </c>
      <c r="CT36" s="218">
        <v>9</v>
      </c>
      <c r="CU36" s="218">
        <v>7</v>
      </c>
      <c r="CV36" s="219">
        <v>11</v>
      </c>
      <c r="CW36" s="240">
        <v>38</v>
      </c>
      <c r="CX36" s="241">
        <v>38</v>
      </c>
      <c r="CY36" s="217">
        <v>0</v>
      </c>
      <c r="CZ36" s="219">
        <v>0</v>
      </c>
      <c r="DA36" s="219">
        <v>0</v>
      </c>
      <c r="DB36" s="220">
        <v>4</v>
      </c>
      <c r="DC36" s="218">
        <v>7</v>
      </c>
      <c r="DD36" s="218">
        <v>9</v>
      </c>
      <c r="DE36" s="218">
        <v>7</v>
      </c>
      <c r="DF36" s="219">
        <v>11</v>
      </c>
      <c r="DG36" s="240">
        <v>38</v>
      </c>
      <c r="DH36" s="242">
        <v>38</v>
      </c>
      <c r="DI36" s="222">
        <v>0</v>
      </c>
      <c r="DJ36" s="219">
        <v>0</v>
      </c>
      <c r="DK36" s="219">
        <v>0</v>
      </c>
      <c r="DL36" s="220">
        <v>0</v>
      </c>
      <c r="DM36" s="218">
        <v>0</v>
      </c>
      <c r="DN36" s="218">
        <v>0</v>
      </c>
      <c r="DO36" s="218">
        <v>0</v>
      </c>
      <c r="DP36" s="219">
        <v>0</v>
      </c>
      <c r="DQ36" s="240">
        <v>0</v>
      </c>
      <c r="DR36" s="242">
        <v>0</v>
      </c>
      <c r="DS36" s="222">
        <v>0</v>
      </c>
      <c r="DT36" s="219">
        <v>0</v>
      </c>
      <c r="DU36" s="219">
        <v>0</v>
      </c>
      <c r="DV36" s="220">
        <v>12</v>
      </c>
      <c r="DW36" s="218">
        <v>24</v>
      </c>
      <c r="DX36" s="218">
        <v>54</v>
      </c>
      <c r="DY36" s="218">
        <v>52</v>
      </c>
      <c r="DZ36" s="219">
        <v>39</v>
      </c>
      <c r="EA36" s="240">
        <v>181</v>
      </c>
      <c r="EB36" s="242">
        <v>181</v>
      </c>
      <c r="EC36" s="239"/>
    </row>
    <row r="37" spans="2:133" ht="21" customHeight="1" x14ac:dyDescent="0.2">
      <c r="B37" s="106" t="s">
        <v>34</v>
      </c>
      <c r="C37" s="217">
        <v>0</v>
      </c>
      <c r="D37" s="219">
        <v>0</v>
      </c>
      <c r="E37" s="219">
        <v>0</v>
      </c>
      <c r="F37" s="220">
        <v>0</v>
      </c>
      <c r="G37" s="218">
        <v>0</v>
      </c>
      <c r="H37" s="218">
        <v>7</v>
      </c>
      <c r="I37" s="218">
        <v>26</v>
      </c>
      <c r="J37" s="219">
        <v>11</v>
      </c>
      <c r="K37" s="240">
        <v>44</v>
      </c>
      <c r="L37" s="241">
        <v>44</v>
      </c>
      <c r="M37" s="217">
        <v>0</v>
      </c>
      <c r="N37" s="219">
        <v>0</v>
      </c>
      <c r="O37" s="240">
        <v>0</v>
      </c>
      <c r="P37" s="220">
        <v>0</v>
      </c>
      <c r="Q37" s="218">
        <v>0</v>
      </c>
      <c r="R37" s="218">
        <v>7</v>
      </c>
      <c r="S37" s="218">
        <v>26</v>
      </c>
      <c r="T37" s="219">
        <v>11</v>
      </c>
      <c r="U37" s="240">
        <v>44</v>
      </c>
      <c r="V37" s="242">
        <v>44</v>
      </c>
      <c r="W37" s="222">
        <v>0</v>
      </c>
      <c r="X37" s="219">
        <v>0</v>
      </c>
      <c r="Y37" s="240">
        <v>0</v>
      </c>
      <c r="Z37" s="222">
        <v>0</v>
      </c>
      <c r="AA37" s="218">
        <v>0</v>
      </c>
      <c r="AB37" s="218">
        <v>0</v>
      </c>
      <c r="AC37" s="218">
        <v>0</v>
      </c>
      <c r="AD37" s="219">
        <v>0</v>
      </c>
      <c r="AE37" s="240">
        <v>0</v>
      </c>
      <c r="AF37" s="221">
        <v>0</v>
      </c>
      <c r="AG37" s="222">
        <v>0</v>
      </c>
      <c r="AH37" s="219">
        <v>0</v>
      </c>
      <c r="AI37" s="240">
        <v>0</v>
      </c>
      <c r="AJ37" s="222">
        <v>5</v>
      </c>
      <c r="AK37" s="218">
        <v>15</v>
      </c>
      <c r="AL37" s="218">
        <v>5</v>
      </c>
      <c r="AM37" s="218">
        <v>7</v>
      </c>
      <c r="AN37" s="219">
        <v>4</v>
      </c>
      <c r="AO37" s="240">
        <v>36</v>
      </c>
      <c r="AP37" s="221">
        <v>36</v>
      </c>
      <c r="AQ37" s="222">
        <v>0</v>
      </c>
      <c r="AR37" s="219">
        <v>0</v>
      </c>
      <c r="AS37" s="240">
        <v>0</v>
      </c>
      <c r="AT37" s="220">
        <v>5</v>
      </c>
      <c r="AU37" s="218">
        <v>14</v>
      </c>
      <c r="AV37" s="218">
        <v>5</v>
      </c>
      <c r="AW37" s="218">
        <v>7</v>
      </c>
      <c r="AX37" s="219">
        <v>4</v>
      </c>
      <c r="AY37" s="240">
        <v>35</v>
      </c>
      <c r="AZ37" s="241">
        <v>35</v>
      </c>
      <c r="BA37" s="217">
        <v>0</v>
      </c>
      <c r="BB37" s="219">
        <v>0</v>
      </c>
      <c r="BC37" s="219">
        <v>0</v>
      </c>
      <c r="BD37" s="220">
        <v>0</v>
      </c>
      <c r="BE37" s="218">
        <v>1</v>
      </c>
      <c r="BF37" s="218">
        <v>0</v>
      </c>
      <c r="BG37" s="218">
        <v>0</v>
      </c>
      <c r="BH37" s="219">
        <v>0</v>
      </c>
      <c r="BI37" s="240">
        <v>1</v>
      </c>
      <c r="BJ37" s="242">
        <v>1</v>
      </c>
      <c r="BK37" s="222">
        <v>0</v>
      </c>
      <c r="BL37" s="219">
        <v>0</v>
      </c>
      <c r="BM37" s="219">
        <v>0</v>
      </c>
      <c r="BN37" s="220">
        <v>0</v>
      </c>
      <c r="BO37" s="218">
        <v>0</v>
      </c>
      <c r="BP37" s="218">
        <v>0</v>
      </c>
      <c r="BQ37" s="218">
        <v>0</v>
      </c>
      <c r="BR37" s="219">
        <v>0</v>
      </c>
      <c r="BS37" s="240">
        <v>0</v>
      </c>
      <c r="BT37" s="241">
        <v>0</v>
      </c>
      <c r="BU37" s="217">
        <v>0</v>
      </c>
      <c r="BV37" s="219">
        <v>0</v>
      </c>
      <c r="BW37" s="219">
        <v>0</v>
      </c>
      <c r="BX37" s="220">
        <v>0</v>
      </c>
      <c r="BY37" s="218">
        <v>0</v>
      </c>
      <c r="BZ37" s="218">
        <v>0</v>
      </c>
      <c r="CA37" s="218">
        <v>0</v>
      </c>
      <c r="CB37" s="219">
        <v>0</v>
      </c>
      <c r="CC37" s="240">
        <v>0</v>
      </c>
      <c r="CD37" s="242">
        <v>0</v>
      </c>
      <c r="CE37" s="222">
        <v>0</v>
      </c>
      <c r="CF37" s="219">
        <v>0</v>
      </c>
      <c r="CG37" s="219">
        <v>0</v>
      </c>
      <c r="CH37" s="220">
        <v>0</v>
      </c>
      <c r="CI37" s="218">
        <v>0</v>
      </c>
      <c r="CJ37" s="218">
        <v>0</v>
      </c>
      <c r="CK37" s="218">
        <v>0</v>
      </c>
      <c r="CL37" s="219">
        <v>0</v>
      </c>
      <c r="CM37" s="240">
        <v>0</v>
      </c>
      <c r="CN37" s="242">
        <v>0</v>
      </c>
      <c r="CO37" s="222">
        <v>0</v>
      </c>
      <c r="CP37" s="219">
        <v>0</v>
      </c>
      <c r="CQ37" s="219">
        <v>0</v>
      </c>
      <c r="CR37" s="220">
        <v>0</v>
      </c>
      <c r="CS37" s="218">
        <v>0</v>
      </c>
      <c r="CT37" s="218">
        <v>0</v>
      </c>
      <c r="CU37" s="218">
        <v>1</v>
      </c>
      <c r="CV37" s="219">
        <v>2</v>
      </c>
      <c r="CW37" s="240">
        <v>3</v>
      </c>
      <c r="CX37" s="241">
        <v>3</v>
      </c>
      <c r="CY37" s="217">
        <v>0</v>
      </c>
      <c r="CZ37" s="219">
        <v>0</v>
      </c>
      <c r="DA37" s="219">
        <v>0</v>
      </c>
      <c r="DB37" s="220">
        <v>0</v>
      </c>
      <c r="DC37" s="218">
        <v>0</v>
      </c>
      <c r="DD37" s="218">
        <v>0</v>
      </c>
      <c r="DE37" s="218">
        <v>1</v>
      </c>
      <c r="DF37" s="219">
        <v>1</v>
      </c>
      <c r="DG37" s="240">
        <v>2</v>
      </c>
      <c r="DH37" s="242">
        <v>2</v>
      </c>
      <c r="DI37" s="222">
        <v>0</v>
      </c>
      <c r="DJ37" s="219">
        <v>0</v>
      </c>
      <c r="DK37" s="219">
        <v>0</v>
      </c>
      <c r="DL37" s="220">
        <v>0</v>
      </c>
      <c r="DM37" s="218">
        <v>0</v>
      </c>
      <c r="DN37" s="218">
        <v>0</v>
      </c>
      <c r="DO37" s="218">
        <v>0</v>
      </c>
      <c r="DP37" s="219">
        <v>1</v>
      </c>
      <c r="DQ37" s="240">
        <v>1</v>
      </c>
      <c r="DR37" s="242">
        <v>1</v>
      </c>
      <c r="DS37" s="222">
        <v>0</v>
      </c>
      <c r="DT37" s="219">
        <v>0</v>
      </c>
      <c r="DU37" s="219">
        <v>0</v>
      </c>
      <c r="DV37" s="220">
        <v>5</v>
      </c>
      <c r="DW37" s="218">
        <v>15</v>
      </c>
      <c r="DX37" s="218">
        <v>12</v>
      </c>
      <c r="DY37" s="218">
        <v>34</v>
      </c>
      <c r="DZ37" s="219">
        <v>17</v>
      </c>
      <c r="EA37" s="240">
        <v>83</v>
      </c>
      <c r="EB37" s="242">
        <v>83</v>
      </c>
      <c r="EC37" s="239"/>
    </row>
    <row r="38" spans="2:133" ht="21" customHeight="1" x14ac:dyDescent="0.2">
      <c r="B38" s="106" t="s">
        <v>35</v>
      </c>
      <c r="C38" s="217">
        <v>0</v>
      </c>
      <c r="D38" s="219">
        <v>0</v>
      </c>
      <c r="E38" s="219">
        <v>0</v>
      </c>
      <c r="F38" s="220">
        <v>1</v>
      </c>
      <c r="G38" s="218">
        <v>2</v>
      </c>
      <c r="H38" s="218">
        <v>25</v>
      </c>
      <c r="I38" s="218">
        <v>51</v>
      </c>
      <c r="J38" s="219">
        <v>27</v>
      </c>
      <c r="K38" s="240">
        <v>106</v>
      </c>
      <c r="L38" s="241">
        <v>106</v>
      </c>
      <c r="M38" s="217">
        <v>0</v>
      </c>
      <c r="N38" s="219">
        <v>0</v>
      </c>
      <c r="O38" s="240">
        <v>0</v>
      </c>
      <c r="P38" s="220">
        <v>1</v>
      </c>
      <c r="Q38" s="218">
        <v>2</v>
      </c>
      <c r="R38" s="218">
        <v>25</v>
      </c>
      <c r="S38" s="218">
        <v>51</v>
      </c>
      <c r="T38" s="219">
        <v>27</v>
      </c>
      <c r="U38" s="240">
        <v>106</v>
      </c>
      <c r="V38" s="242">
        <v>106</v>
      </c>
      <c r="W38" s="222">
        <v>0</v>
      </c>
      <c r="X38" s="219">
        <v>0</v>
      </c>
      <c r="Y38" s="240">
        <v>0</v>
      </c>
      <c r="Z38" s="222">
        <v>0</v>
      </c>
      <c r="AA38" s="218">
        <v>0</v>
      </c>
      <c r="AB38" s="218">
        <v>0</v>
      </c>
      <c r="AC38" s="218">
        <v>0</v>
      </c>
      <c r="AD38" s="219">
        <v>0</v>
      </c>
      <c r="AE38" s="240">
        <v>0</v>
      </c>
      <c r="AF38" s="221">
        <v>0</v>
      </c>
      <c r="AG38" s="222">
        <v>0</v>
      </c>
      <c r="AH38" s="219">
        <v>0</v>
      </c>
      <c r="AI38" s="240">
        <v>0</v>
      </c>
      <c r="AJ38" s="222">
        <v>14</v>
      </c>
      <c r="AK38" s="218">
        <v>33</v>
      </c>
      <c r="AL38" s="218">
        <v>25</v>
      </c>
      <c r="AM38" s="218">
        <v>14</v>
      </c>
      <c r="AN38" s="219">
        <v>9</v>
      </c>
      <c r="AO38" s="240">
        <v>95</v>
      </c>
      <c r="AP38" s="221">
        <v>95</v>
      </c>
      <c r="AQ38" s="222">
        <v>0</v>
      </c>
      <c r="AR38" s="219">
        <v>0</v>
      </c>
      <c r="AS38" s="240">
        <v>0</v>
      </c>
      <c r="AT38" s="220">
        <v>14</v>
      </c>
      <c r="AU38" s="218">
        <v>33</v>
      </c>
      <c r="AV38" s="218">
        <v>25</v>
      </c>
      <c r="AW38" s="218">
        <v>14</v>
      </c>
      <c r="AX38" s="219">
        <v>9</v>
      </c>
      <c r="AY38" s="240">
        <v>95</v>
      </c>
      <c r="AZ38" s="241">
        <v>95</v>
      </c>
      <c r="BA38" s="217">
        <v>0</v>
      </c>
      <c r="BB38" s="219">
        <v>0</v>
      </c>
      <c r="BC38" s="219">
        <v>0</v>
      </c>
      <c r="BD38" s="220">
        <v>0</v>
      </c>
      <c r="BE38" s="218">
        <v>0</v>
      </c>
      <c r="BF38" s="218">
        <v>0</v>
      </c>
      <c r="BG38" s="218">
        <v>0</v>
      </c>
      <c r="BH38" s="219">
        <v>0</v>
      </c>
      <c r="BI38" s="240">
        <v>0</v>
      </c>
      <c r="BJ38" s="242">
        <v>0</v>
      </c>
      <c r="BK38" s="222">
        <v>0</v>
      </c>
      <c r="BL38" s="219">
        <v>0</v>
      </c>
      <c r="BM38" s="219">
        <v>0</v>
      </c>
      <c r="BN38" s="220">
        <v>0</v>
      </c>
      <c r="BO38" s="218">
        <v>0</v>
      </c>
      <c r="BP38" s="218">
        <v>0</v>
      </c>
      <c r="BQ38" s="218">
        <v>0</v>
      </c>
      <c r="BR38" s="219">
        <v>0</v>
      </c>
      <c r="BS38" s="240">
        <v>0</v>
      </c>
      <c r="BT38" s="241">
        <v>0</v>
      </c>
      <c r="BU38" s="217">
        <v>0</v>
      </c>
      <c r="BV38" s="219">
        <v>0</v>
      </c>
      <c r="BW38" s="219">
        <v>0</v>
      </c>
      <c r="BX38" s="220">
        <v>0</v>
      </c>
      <c r="BY38" s="218">
        <v>0</v>
      </c>
      <c r="BZ38" s="218">
        <v>0</v>
      </c>
      <c r="CA38" s="218">
        <v>0</v>
      </c>
      <c r="CB38" s="219">
        <v>0</v>
      </c>
      <c r="CC38" s="240">
        <v>0</v>
      </c>
      <c r="CD38" s="242">
        <v>0</v>
      </c>
      <c r="CE38" s="222">
        <v>0</v>
      </c>
      <c r="CF38" s="219">
        <v>0</v>
      </c>
      <c r="CG38" s="219">
        <v>0</v>
      </c>
      <c r="CH38" s="220">
        <v>0</v>
      </c>
      <c r="CI38" s="218">
        <v>0</v>
      </c>
      <c r="CJ38" s="218">
        <v>0</v>
      </c>
      <c r="CK38" s="218">
        <v>0</v>
      </c>
      <c r="CL38" s="219">
        <v>0</v>
      </c>
      <c r="CM38" s="240">
        <v>0</v>
      </c>
      <c r="CN38" s="242">
        <v>0</v>
      </c>
      <c r="CO38" s="222">
        <v>0</v>
      </c>
      <c r="CP38" s="219">
        <v>0</v>
      </c>
      <c r="CQ38" s="219">
        <v>0</v>
      </c>
      <c r="CR38" s="220">
        <v>2</v>
      </c>
      <c r="CS38" s="218">
        <v>3</v>
      </c>
      <c r="CT38" s="218">
        <v>5</v>
      </c>
      <c r="CU38" s="218">
        <v>4</v>
      </c>
      <c r="CV38" s="219">
        <v>6</v>
      </c>
      <c r="CW38" s="240">
        <v>20</v>
      </c>
      <c r="CX38" s="241">
        <v>20</v>
      </c>
      <c r="CY38" s="217">
        <v>0</v>
      </c>
      <c r="CZ38" s="219">
        <v>0</v>
      </c>
      <c r="DA38" s="219">
        <v>0</v>
      </c>
      <c r="DB38" s="220">
        <v>1</v>
      </c>
      <c r="DC38" s="218">
        <v>3</v>
      </c>
      <c r="DD38" s="218">
        <v>5</v>
      </c>
      <c r="DE38" s="218">
        <v>4</v>
      </c>
      <c r="DF38" s="219">
        <v>6</v>
      </c>
      <c r="DG38" s="240">
        <v>19</v>
      </c>
      <c r="DH38" s="242">
        <v>19</v>
      </c>
      <c r="DI38" s="222">
        <v>0</v>
      </c>
      <c r="DJ38" s="219">
        <v>0</v>
      </c>
      <c r="DK38" s="219">
        <v>0</v>
      </c>
      <c r="DL38" s="220">
        <v>1</v>
      </c>
      <c r="DM38" s="218">
        <v>0</v>
      </c>
      <c r="DN38" s="218">
        <v>0</v>
      </c>
      <c r="DO38" s="218">
        <v>0</v>
      </c>
      <c r="DP38" s="219">
        <v>0</v>
      </c>
      <c r="DQ38" s="240">
        <v>1</v>
      </c>
      <c r="DR38" s="242">
        <v>1</v>
      </c>
      <c r="DS38" s="222">
        <v>0</v>
      </c>
      <c r="DT38" s="219">
        <v>0</v>
      </c>
      <c r="DU38" s="219">
        <v>0</v>
      </c>
      <c r="DV38" s="220">
        <v>17</v>
      </c>
      <c r="DW38" s="218">
        <v>38</v>
      </c>
      <c r="DX38" s="218">
        <v>55</v>
      </c>
      <c r="DY38" s="218">
        <v>69</v>
      </c>
      <c r="DZ38" s="219">
        <v>42</v>
      </c>
      <c r="EA38" s="240">
        <v>221</v>
      </c>
      <c r="EB38" s="242">
        <v>221</v>
      </c>
      <c r="EC38" s="239"/>
    </row>
    <row r="39" spans="2:133" ht="21" customHeight="1" x14ac:dyDescent="0.2">
      <c r="B39" s="106" t="s">
        <v>36</v>
      </c>
      <c r="C39" s="217">
        <v>0</v>
      </c>
      <c r="D39" s="219">
        <v>0</v>
      </c>
      <c r="E39" s="219">
        <v>0</v>
      </c>
      <c r="F39" s="220">
        <v>0</v>
      </c>
      <c r="G39" s="218">
        <v>5</v>
      </c>
      <c r="H39" s="218">
        <v>66</v>
      </c>
      <c r="I39" s="218">
        <v>84</v>
      </c>
      <c r="J39" s="219">
        <v>60</v>
      </c>
      <c r="K39" s="240">
        <v>215</v>
      </c>
      <c r="L39" s="241">
        <v>215</v>
      </c>
      <c r="M39" s="217">
        <v>0</v>
      </c>
      <c r="N39" s="219">
        <v>0</v>
      </c>
      <c r="O39" s="240">
        <v>0</v>
      </c>
      <c r="P39" s="220">
        <v>0</v>
      </c>
      <c r="Q39" s="218">
        <v>5</v>
      </c>
      <c r="R39" s="218">
        <v>65</v>
      </c>
      <c r="S39" s="218">
        <v>80</v>
      </c>
      <c r="T39" s="219">
        <v>60</v>
      </c>
      <c r="U39" s="240">
        <v>210</v>
      </c>
      <c r="V39" s="242">
        <v>210</v>
      </c>
      <c r="W39" s="222">
        <v>0</v>
      </c>
      <c r="X39" s="219">
        <v>0</v>
      </c>
      <c r="Y39" s="240">
        <v>0</v>
      </c>
      <c r="Z39" s="222">
        <v>0</v>
      </c>
      <c r="AA39" s="218">
        <v>0</v>
      </c>
      <c r="AB39" s="218">
        <v>1</v>
      </c>
      <c r="AC39" s="218">
        <v>4</v>
      </c>
      <c r="AD39" s="219">
        <v>0</v>
      </c>
      <c r="AE39" s="240">
        <v>5</v>
      </c>
      <c r="AF39" s="221">
        <v>5</v>
      </c>
      <c r="AG39" s="222">
        <v>0</v>
      </c>
      <c r="AH39" s="219">
        <v>0</v>
      </c>
      <c r="AI39" s="240">
        <v>0</v>
      </c>
      <c r="AJ39" s="222">
        <v>13</v>
      </c>
      <c r="AK39" s="218">
        <v>16</v>
      </c>
      <c r="AL39" s="218">
        <v>37</v>
      </c>
      <c r="AM39" s="218">
        <v>50</v>
      </c>
      <c r="AN39" s="219">
        <v>16</v>
      </c>
      <c r="AO39" s="240">
        <v>132</v>
      </c>
      <c r="AP39" s="221">
        <v>132</v>
      </c>
      <c r="AQ39" s="222">
        <v>0</v>
      </c>
      <c r="AR39" s="219">
        <v>0</v>
      </c>
      <c r="AS39" s="240">
        <v>0</v>
      </c>
      <c r="AT39" s="220">
        <v>13</v>
      </c>
      <c r="AU39" s="218">
        <v>16</v>
      </c>
      <c r="AV39" s="218">
        <v>37</v>
      </c>
      <c r="AW39" s="218">
        <v>47</v>
      </c>
      <c r="AX39" s="219">
        <v>16</v>
      </c>
      <c r="AY39" s="240">
        <v>129</v>
      </c>
      <c r="AZ39" s="241">
        <v>129</v>
      </c>
      <c r="BA39" s="217">
        <v>0</v>
      </c>
      <c r="BB39" s="219">
        <v>0</v>
      </c>
      <c r="BC39" s="219">
        <v>0</v>
      </c>
      <c r="BD39" s="220">
        <v>0</v>
      </c>
      <c r="BE39" s="218">
        <v>0</v>
      </c>
      <c r="BF39" s="218">
        <v>0</v>
      </c>
      <c r="BG39" s="218">
        <v>3</v>
      </c>
      <c r="BH39" s="219">
        <v>0</v>
      </c>
      <c r="BI39" s="240">
        <v>3</v>
      </c>
      <c r="BJ39" s="242">
        <v>3</v>
      </c>
      <c r="BK39" s="222">
        <v>0</v>
      </c>
      <c r="BL39" s="219">
        <v>0</v>
      </c>
      <c r="BM39" s="219">
        <v>0</v>
      </c>
      <c r="BN39" s="220">
        <v>0</v>
      </c>
      <c r="BO39" s="218">
        <v>0</v>
      </c>
      <c r="BP39" s="218">
        <v>0</v>
      </c>
      <c r="BQ39" s="218">
        <v>0</v>
      </c>
      <c r="BR39" s="219">
        <v>0</v>
      </c>
      <c r="BS39" s="240">
        <v>0</v>
      </c>
      <c r="BT39" s="241">
        <v>0</v>
      </c>
      <c r="BU39" s="217">
        <v>0</v>
      </c>
      <c r="BV39" s="219">
        <v>0</v>
      </c>
      <c r="BW39" s="219">
        <v>0</v>
      </c>
      <c r="BX39" s="220">
        <v>0</v>
      </c>
      <c r="BY39" s="218">
        <v>0</v>
      </c>
      <c r="BZ39" s="218">
        <v>0</v>
      </c>
      <c r="CA39" s="218">
        <v>0</v>
      </c>
      <c r="CB39" s="219">
        <v>0</v>
      </c>
      <c r="CC39" s="240">
        <v>0</v>
      </c>
      <c r="CD39" s="242">
        <v>0</v>
      </c>
      <c r="CE39" s="222">
        <v>0</v>
      </c>
      <c r="CF39" s="219">
        <v>0</v>
      </c>
      <c r="CG39" s="219">
        <v>0</v>
      </c>
      <c r="CH39" s="220">
        <v>0</v>
      </c>
      <c r="CI39" s="218">
        <v>0</v>
      </c>
      <c r="CJ39" s="218">
        <v>0</v>
      </c>
      <c r="CK39" s="218">
        <v>0</v>
      </c>
      <c r="CL39" s="219">
        <v>0</v>
      </c>
      <c r="CM39" s="240">
        <v>0</v>
      </c>
      <c r="CN39" s="242">
        <v>0</v>
      </c>
      <c r="CO39" s="222">
        <v>0</v>
      </c>
      <c r="CP39" s="219">
        <v>0</v>
      </c>
      <c r="CQ39" s="219">
        <v>0</v>
      </c>
      <c r="CR39" s="220">
        <v>0</v>
      </c>
      <c r="CS39" s="218">
        <v>0</v>
      </c>
      <c r="CT39" s="218">
        <v>0</v>
      </c>
      <c r="CU39" s="218">
        <v>6</v>
      </c>
      <c r="CV39" s="219">
        <v>5</v>
      </c>
      <c r="CW39" s="240">
        <v>11</v>
      </c>
      <c r="CX39" s="241">
        <v>11</v>
      </c>
      <c r="CY39" s="217">
        <v>0</v>
      </c>
      <c r="CZ39" s="219">
        <v>0</v>
      </c>
      <c r="DA39" s="219">
        <v>0</v>
      </c>
      <c r="DB39" s="220">
        <v>0</v>
      </c>
      <c r="DC39" s="218">
        <v>0</v>
      </c>
      <c r="DD39" s="218">
        <v>0</v>
      </c>
      <c r="DE39" s="218">
        <v>5</v>
      </c>
      <c r="DF39" s="219">
        <v>5</v>
      </c>
      <c r="DG39" s="240">
        <v>10</v>
      </c>
      <c r="DH39" s="242">
        <v>10</v>
      </c>
      <c r="DI39" s="222">
        <v>0</v>
      </c>
      <c r="DJ39" s="219">
        <v>0</v>
      </c>
      <c r="DK39" s="219">
        <v>0</v>
      </c>
      <c r="DL39" s="220">
        <v>0</v>
      </c>
      <c r="DM39" s="218">
        <v>0</v>
      </c>
      <c r="DN39" s="218">
        <v>0</v>
      </c>
      <c r="DO39" s="218">
        <v>1</v>
      </c>
      <c r="DP39" s="219">
        <v>0</v>
      </c>
      <c r="DQ39" s="240">
        <v>1</v>
      </c>
      <c r="DR39" s="242">
        <v>1</v>
      </c>
      <c r="DS39" s="222">
        <v>0</v>
      </c>
      <c r="DT39" s="219">
        <v>0</v>
      </c>
      <c r="DU39" s="219">
        <v>0</v>
      </c>
      <c r="DV39" s="220">
        <v>13</v>
      </c>
      <c r="DW39" s="218">
        <v>21</v>
      </c>
      <c r="DX39" s="218">
        <v>103</v>
      </c>
      <c r="DY39" s="218">
        <v>140</v>
      </c>
      <c r="DZ39" s="219">
        <v>81</v>
      </c>
      <c r="EA39" s="240">
        <v>358</v>
      </c>
      <c r="EB39" s="242">
        <v>358</v>
      </c>
      <c r="EC39" s="239"/>
    </row>
    <row r="40" spans="2:133" ht="21" customHeight="1" thickBot="1" x14ac:dyDescent="0.25">
      <c r="B40" s="108" t="s">
        <v>37</v>
      </c>
      <c r="C40" s="223">
        <v>0</v>
      </c>
      <c r="D40" s="225">
        <v>0</v>
      </c>
      <c r="E40" s="225">
        <v>0</v>
      </c>
      <c r="F40" s="226">
        <v>0</v>
      </c>
      <c r="G40" s="224">
        <v>0</v>
      </c>
      <c r="H40" s="224">
        <v>6</v>
      </c>
      <c r="I40" s="224">
        <v>8</v>
      </c>
      <c r="J40" s="225">
        <v>7</v>
      </c>
      <c r="K40" s="243">
        <v>21</v>
      </c>
      <c r="L40" s="244">
        <v>21</v>
      </c>
      <c r="M40" s="223">
        <v>0</v>
      </c>
      <c r="N40" s="225">
        <v>0</v>
      </c>
      <c r="O40" s="243">
        <v>0</v>
      </c>
      <c r="P40" s="226">
        <v>0</v>
      </c>
      <c r="Q40" s="224">
        <v>0</v>
      </c>
      <c r="R40" s="224">
        <v>6</v>
      </c>
      <c r="S40" s="224">
        <v>8</v>
      </c>
      <c r="T40" s="225">
        <v>7</v>
      </c>
      <c r="U40" s="243">
        <v>21</v>
      </c>
      <c r="V40" s="245">
        <v>21</v>
      </c>
      <c r="W40" s="228">
        <v>0</v>
      </c>
      <c r="X40" s="225">
        <v>0</v>
      </c>
      <c r="Y40" s="243">
        <v>0</v>
      </c>
      <c r="Z40" s="228">
        <v>0</v>
      </c>
      <c r="AA40" s="224">
        <v>0</v>
      </c>
      <c r="AB40" s="224">
        <v>0</v>
      </c>
      <c r="AC40" s="224">
        <v>0</v>
      </c>
      <c r="AD40" s="225">
        <v>0</v>
      </c>
      <c r="AE40" s="243">
        <v>0</v>
      </c>
      <c r="AF40" s="227">
        <v>0</v>
      </c>
      <c r="AG40" s="228">
        <v>0</v>
      </c>
      <c r="AH40" s="225">
        <v>0</v>
      </c>
      <c r="AI40" s="243">
        <v>0</v>
      </c>
      <c r="AJ40" s="228">
        <v>1</v>
      </c>
      <c r="AK40" s="224">
        <v>2</v>
      </c>
      <c r="AL40" s="224">
        <v>6</v>
      </c>
      <c r="AM40" s="224">
        <v>2</v>
      </c>
      <c r="AN40" s="225">
        <v>5</v>
      </c>
      <c r="AO40" s="243">
        <v>16</v>
      </c>
      <c r="AP40" s="227">
        <v>16</v>
      </c>
      <c r="AQ40" s="228">
        <v>0</v>
      </c>
      <c r="AR40" s="225">
        <v>0</v>
      </c>
      <c r="AS40" s="243">
        <v>0</v>
      </c>
      <c r="AT40" s="226">
        <v>1</v>
      </c>
      <c r="AU40" s="224">
        <v>2</v>
      </c>
      <c r="AV40" s="224">
        <v>6</v>
      </c>
      <c r="AW40" s="224">
        <v>2</v>
      </c>
      <c r="AX40" s="225">
        <v>5</v>
      </c>
      <c r="AY40" s="243">
        <v>16</v>
      </c>
      <c r="AZ40" s="244">
        <v>16</v>
      </c>
      <c r="BA40" s="223">
        <v>0</v>
      </c>
      <c r="BB40" s="225">
        <v>0</v>
      </c>
      <c r="BC40" s="225">
        <v>0</v>
      </c>
      <c r="BD40" s="226">
        <v>0</v>
      </c>
      <c r="BE40" s="224">
        <v>0</v>
      </c>
      <c r="BF40" s="224">
        <v>0</v>
      </c>
      <c r="BG40" s="224">
        <v>0</v>
      </c>
      <c r="BH40" s="225">
        <v>0</v>
      </c>
      <c r="BI40" s="243">
        <v>0</v>
      </c>
      <c r="BJ40" s="245">
        <v>0</v>
      </c>
      <c r="BK40" s="228">
        <v>0</v>
      </c>
      <c r="BL40" s="225">
        <v>0</v>
      </c>
      <c r="BM40" s="225">
        <v>0</v>
      </c>
      <c r="BN40" s="226">
        <v>0</v>
      </c>
      <c r="BO40" s="224">
        <v>0</v>
      </c>
      <c r="BP40" s="224">
        <v>0</v>
      </c>
      <c r="BQ40" s="224">
        <v>0</v>
      </c>
      <c r="BR40" s="225">
        <v>0</v>
      </c>
      <c r="BS40" s="243">
        <v>0</v>
      </c>
      <c r="BT40" s="244">
        <v>0</v>
      </c>
      <c r="BU40" s="223">
        <v>0</v>
      </c>
      <c r="BV40" s="225">
        <v>0</v>
      </c>
      <c r="BW40" s="225">
        <v>0</v>
      </c>
      <c r="BX40" s="226">
        <v>0</v>
      </c>
      <c r="BY40" s="224">
        <v>0</v>
      </c>
      <c r="BZ40" s="224">
        <v>0</v>
      </c>
      <c r="CA40" s="224">
        <v>0</v>
      </c>
      <c r="CB40" s="225">
        <v>0</v>
      </c>
      <c r="CC40" s="243">
        <v>0</v>
      </c>
      <c r="CD40" s="245">
        <v>0</v>
      </c>
      <c r="CE40" s="228">
        <v>0</v>
      </c>
      <c r="CF40" s="225">
        <v>0</v>
      </c>
      <c r="CG40" s="225">
        <v>0</v>
      </c>
      <c r="CH40" s="226">
        <v>0</v>
      </c>
      <c r="CI40" s="224">
        <v>0</v>
      </c>
      <c r="CJ40" s="224">
        <v>0</v>
      </c>
      <c r="CK40" s="224">
        <v>0</v>
      </c>
      <c r="CL40" s="225">
        <v>0</v>
      </c>
      <c r="CM40" s="243">
        <v>0</v>
      </c>
      <c r="CN40" s="245">
        <v>0</v>
      </c>
      <c r="CO40" s="228">
        <v>0</v>
      </c>
      <c r="CP40" s="225">
        <v>0</v>
      </c>
      <c r="CQ40" s="225">
        <v>0</v>
      </c>
      <c r="CR40" s="226">
        <v>0</v>
      </c>
      <c r="CS40" s="224">
        <v>0</v>
      </c>
      <c r="CT40" s="224">
        <v>0</v>
      </c>
      <c r="CU40" s="224">
        <v>0</v>
      </c>
      <c r="CV40" s="225">
        <v>1</v>
      </c>
      <c r="CW40" s="243">
        <v>1</v>
      </c>
      <c r="CX40" s="244">
        <v>1</v>
      </c>
      <c r="CY40" s="223">
        <v>0</v>
      </c>
      <c r="CZ40" s="225">
        <v>0</v>
      </c>
      <c r="DA40" s="225">
        <v>0</v>
      </c>
      <c r="DB40" s="226">
        <v>0</v>
      </c>
      <c r="DC40" s="224">
        <v>0</v>
      </c>
      <c r="DD40" s="224">
        <v>0</v>
      </c>
      <c r="DE40" s="224">
        <v>0</v>
      </c>
      <c r="DF40" s="225">
        <v>1</v>
      </c>
      <c r="DG40" s="243">
        <v>1</v>
      </c>
      <c r="DH40" s="245">
        <v>1</v>
      </c>
      <c r="DI40" s="228">
        <v>0</v>
      </c>
      <c r="DJ40" s="225">
        <v>0</v>
      </c>
      <c r="DK40" s="225">
        <v>0</v>
      </c>
      <c r="DL40" s="226">
        <v>0</v>
      </c>
      <c r="DM40" s="224">
        <v>0</v>
      </c>
      <c r="DN40" s="224">
        <v>0</v>
      </c>
      <c r="DO40" s="224">
        <v>0</v>
      </c>
      <c r="DP40" s="225">
        <v>0</v>
      </c>
      <c r="DQ40" s="243">
        <v>0</v>
      </c>
      <c r="DR40" s="245">
        <v>0</v>
      </c>
      <c r="DS40" s="228">
        <v>0</v>
      </c>
      <c r="DT40" s="225">
        <v>0</v>
      </c>
      <c r="DU40" s="225">
        <v>0</v>
      </c>
      <c r="DV40" s="226">
        <v>1</v>
      </c>
      <c r="DW40" s="224">
        <v>2</v>
      </c>
      <c r="DX40" s="224">
        <v>12</v>
      </c>
      <c r="DY40" s="224">
        <v>10</v>
      </c>
      <c r="DZ40" s="225">
        <v>13</v>
      </c>
      <c r="EA40" s="243">
        <v>38</v>
      </c>
      <c r="EB40" s="245">
        <v>38</v>
      </c>
      <c r="EC40" s="239"/>
    </row>
    <row r="41" spans="2:133" x14ac:dyDescent="0.2">
      <c r="C41" s="246"/>
      <c r="D41" s="246"/>
      <c r="E41" s="246"/>
      <c r="F41" s="246"/>
      <c r="G41" s="246"/>
      <c r="H41" s="246"/>
      <c r="I41" s="246"/>
      <c r="J41" s="246"/>
      <c r="K41" s="246"/>
      <c r="L41" s="246"/>
      <c r="M41" s="246"/>
      <c r="N41" s="246"/>
      <c r="O41" s="246"/>
      <c r="P41" s="246"/>
      <c r="Q41" s="246"/>
      <c r="R41" s="246"/>
      <c r="S41" s="246"/>
      <c r="T41" s="246"/>
      <c r="U41" s="246"/>
      <c r="V41" s="246"/>
      <c r="W41" s="246"/>
      <c r="X41" s="246"/>
      <c r="Y41" s="246"/>
      <c r="Z41" s="246"/>
      <c r="AA41" s="246"/>
      <c r="AB41" s="246"/>
      <c r="AC41" s="246"/>
      <c r="AD41" s="246"/>
      <c r="AE41" s="246"/>
      <c r="AF41" s="246"/>
      <c r="AG41" s="239"/>
      <c r="AH41" s="239"/>
      <c r="AI41" s="239"/>
      <c r="AJ41" s="239"/>
      <c r="AK41" s="239"/>
      <c r="AL41" s="239"/>
      <c r="AM41" s="239"/>
      <c r="AN41" s="239"/>
      <c r="AO41" s="239"/>
      <c r="AP41" s="239"/>
      <c r="AQ41" s="239"/>
      <c r="AR41" s="239"/>
      <c r="AS41" s="239"/>
      <c r="AT41" s="239"/>
      <c r="AU41" s="239"/>
      <c r="AV41" s="239"/>
      <c r="AW41" s="239"/>
      <c r="AX41" s="239"/>
      <c r="AY41" s="239"/>
      <c r="AZ41" s="239"/>
      <c r="BA41" s="239"/>
      <c r="BB41" s="239"/>
      <c r="BC41" s="239"/>
      <c r="BD41" s="239"/>
      <c r="BE41" s="239"/>
      <c r="BF41" s="239"/>
      <c r="BG41" s="239"/>
      <c r="BH41" s="239"/>
      <c r="BI41" s="239"/>
      <c r="BJ41" s="239"/>
      <c r="BK41" s="239"/>
      <c r="BL41" s="239"/>
      <c r="BM41" s="239"/>
      <c r="BN41" s="239"/>
      <c r="BO41" s="239"/>
      <c r="BP41" s="239"/>
      <c r="BQ41" s="239"/>
      <c r="BR41" s="239"/>
      <c r="BS41" s="239"/>
      <c r="BT41" s="239"/>
      <c r="BU41" s="239"/>
      <c r="BV41" s="239"/>
      <c r="BW41" s="239"/>
      <c r="BX41" s="239"/>
      <c r="BY41" s="239"/>
      <c r="BZ41" s="239"/>
      <c r="CA41" s="239"/>
      <c r="CB41" s="239"/>
      <c r="CC41" s="239"/>
      <c r="CD41" s="239"/>
      <c r="CE41" s="239"/>
      <c r="CF41" s="239"/>
      <c r="CG41" s="239"/>
      <c r="CH41" s="239"/>
      <c r="CI41" s="239"/>
      <c r="CJ41" s="239"/>
      <c r="CK41" s="239"/>
      <c r="CL41" s="239"/>
      <c r="CM41" s="239"/>
      <c r="CN41" s="239"/>
      <c r="CO41" s="239"/>
      <c r="CP41" s="239"/>
      <c r="CQ41" s="239"/>
      <c r="CR41" s="239"/>
      <c r="CS41" s="239"/>
      <c r="CT41" s="239"/>
      <c r="CU41" s="239"/>
      <c r="CV41" s="239"/>
      <c r="CW41" s="239"/>
      <c r="CX41" s="239"/>
      <c r="CY41" s="239"/>
      <c r="CZ41" s="239"/>
      <c r="DA41" s="239"/>
      <c r="DB41" s="239"/>
      <c r="DC41" s="239"/>
      <c r="DD41" s="239"/>
      <c r="DE41" s="239"/>
      <c r="DF41" s="239"/>
      <c r="DG41" s="239"/>
      <c r="DH41" s="239"/>
      <c r="DI41" s="239"/>
      <c r="DJ41" s="239"/>
      <c r="DK41" s="239"/>
      <c r="DL41" s="239"/>
      <c r="DM41" s="239"/>
      <c r="DN41" s="239"/>
      <c r="DO41" s="239"/>
      <c r="DP41" s="239"/>
      <c r="DQ41" s="239"/>
      <c r="DR41" s="239"/>
      <c r="DS41" s="239"/>
      <c r="DT41" s="239"/>
      <c r="DU41" s="239"/>
      <c r="DV41" s="239"/>
      <c r="DW41" s="239"/>
      <c r="DX41" s="239"/>
      <c r="DY41" s="239"/>
      <c r="DZ41" s="239"/>
      <c r="EA41" s="239"/>
      <c r="EB41" s="239"/>
      <c r="EC41" s="239"/>
    </row>
    <row r="42" spans="2:133" x14ac:dyDescent="0.2">
      <c r="C42" s="246"/>
      <c r="D42" s="246"/>
      <c r="E42" s="246"/>
      <c r="F42" s="246"/>
      <c r="G42" s="246"/>
      <c r="H42" s="246"/>
      <c r="I42" s="246"/>
      <c r="J42" s="246"/>
      <c r="K42" s="246"/>
      <c r="L42" s="246"/>
      <c r="M42" s="246"/>
      <c r="N42" s="246"/>
      <c r="O42" s="246"/>
      <c r="P42" s="246"/>
      <c r="Q42" s="246"/>
      <c r="R42" s="246"/>
      <c r="S42" s="246"/>
      <c r="T42" s="246"/>
      <c r="U42" s="246"/>
      <c r="V42" s="246"/>
      <c r="W42" s="246"/>
      <c r="X42" s="246"/>
      <c r="Y42" s="246"/>
      <c r="Z42" s="246"/>
      <c r="AA42" s="246"/>
      <c r="AB42" s="246"/>
      <c r="AC42" s="246"/>
      <c r="AD42" s="246"/>
      <c r="AE42" s="246"/>
      <c r="AF42" s="246"/>
      <c r="AG42" s="239"/>
      <c r="AH42" s="239"/>
      <c r="AI42" s="239"/>
      <c r="AJ42" s="239"/>
      <c r="AK42" s="239"/>
      <c r="AL42" s="239"/>
      <c r="AM42" s="239"/>
      <c r="AN42" s="239"/>
      <c r="AO42" s="239"/>
      <c r="AP42" s="239"/>
      <c r="AQ42" s="239"/>
      <c r="AR42" s="239"/>
      <c r="AS42" s="239"/>
      <c r="AT42" s="239"/>
      <c r="AU42" s="239"/>
      <c r="AV42" s="239"/>
      <c r="AW42" s="239"/>
      <c r="AX42" s="239"/>
      <c r="AY42" s="239"/>
      <c r="AZ42" s="239"/>
      <c r="BA42" s="239"/>
      <c r="BB42" s="239"/>
      <c r="BC42" s="239"/>
      <c r="BD42" s="239"/>
      <c r="BE42" s="239"/>
      <c r="BF42" s="239"/>
      <c r="BG42" s="239"/>
      <c r="BH42" s="239"/>
      <c r="BI42" s="239"/>
      <c r="BJ42" s="239"/>
      <c r="BK42" s="239"/>
      <c r="BL42" s="239"/>
      <c r="BM42" s="239"/>
      <c r="BN42" s="239"/>
      <c r="BO42" s="239"/>
      <c r="BP42" s="239"/>
      <c r="BQ42" s="239"/>
      <c r="BR42" s="239"/>
      <c r="BS42" s="239"/>
      <c r="BT42" s="239"/>
      <c r="BU42" s="239"/>
      <c r="BV42" s="239"/>
      <c r="BW42" s="239"/>
      <c r="BX42" s="239"/>
      <c r="BY42" s="239"/>
      <c r="BZ42" s="239"/>
      <c r="CA42" s="239"/>
      <c r="CB42" s="239"/>
      <c r="CC42" s="239"/>
      <c r="CD42" s="239"/>
      <c r="CE42" s="239"/>
      <c r="CF42" s="239"/>
      <c r="CG42" s="239"/>
      <c r="CH42" s="239"/>
      <c r="CI42" s="239"/>
      <c r="CJ42" s="239"/>
      <c r="CK42" s="239"/>
      <c r="CL42" s="239"/>
      <c r="CM42" s="239"/>
      <c r="CN42" s="239"/>
      <c r="CO42" s="239"/>
      <c r="CP42" s="239"/>
      <c r="CQ42" s="239"/>
      <c r="CR42" s="239"/>
      <c r="CS42" s="239"/>
      <c r="CT42" s="239"/>
      <c r="CU42" s="239"/>
      <c r="CV42" s="239"/>
      <c r="CW42" s="239"/>
      <c r="CX42" s="239"/>
      <c r="CY42" s="239"/>
      <c r="CZ42" s="239"/>
      <c r="DA42" s="239"/>
      <c r="DB42" s="239"/>
      <c r="DC42" s="239"/>
      <c r="DD42" s="239"/>
      <c r="DE42" s="239"/>
      <c r="DF42" s="239"/>
      <c r="DG42" s="239"/>
      <c r="DH42" s="239"/>
      <c r="DI42" s="239"/>
      <c r="DJ42" s="239"/>
      <c r="DK42" s="239"/>
      <c r="DL42" s="239"/>
      <c r="DM42" s="239"/>
      <c r="DN42" s="239"/>
      <c r="DO42" s="239"/>
      <c r="DP42" s="239"/>
      <c r="DQ42" s="239"/>
      <c r="DR42" s="239"/>
      <c r="DS42" s="239"/>
      <c r="DT42" s="239"/>
      <c r="DU42" s="239"/>
      <c r="DV42" s="239"/>
      <c r="DW42" s="239"/>
      <c r="DX42" s="239"/>
      <c r="DY42" s="239"/>
      <c r="DZ42" s="239"/>
      <c r="EA42" s="239"/>
      <c r="EB42" s="239"/>
      <c r="EC42" s="239"/>
    </row>
    <row r="43" spans="2:133" x14ac:dyDescent="0.2">
      <c r="C43" s="246"/>
      <c r="D43" s="246"/>
      <c r="E43" s="246"/>
      <c r="F43" s="246"/>
      <c r="G43" s="246"/>
      <c r="H43" s="246"/>
      <c r="I43" s="246"/>
      <c r="J43" s="246"/>
      <c r="K43" s="246"/>
      <c r="L43" s="246"/>
      <c r="M43" s="246"/>
      <c r="N43" s="246"/>
      <c r="O43" s="246"/>
      <c r="P43" s="246"/>
      <c r="Q43" s="246"/>
      <c r="R43" s="246"/>
      <c r="S43" s="246"/>
      <c r="T43" s="246"/>
      <c r="U43" s="246"/>
      <c r="V43" s="246"/>
      <c r="W43" s="246"/>
      <c r="X43" s="246"/>
      <c r="Y43" s="246"/>
      <c r="Z43" s="246"/>
      <c r="AA43" s="246"/>
      <c r="AB43" s="246"/>
      <c r="AC43" s="246"/>
      <c r="AD43" s="246"/>
      <c r="AE43" s="246"/>
      <c r="AF43" s="246"/>
      <c r="AG43" s="239"/>
      <c r="AH43" s="239"/>
      <c r="AI43" s="239"/>
      <c r="AJ43" s="239"/>
      <c r="AK43" s="239"/>
      <c r="AL43" s="239"/>
      <c r="AM43" s="239"/>
      <c r="AN43" s="239"/>
      <c r="AO43" s="239"/>
      <c r="AP43" s="239"/>
      <c r="AQ43" s="239"/>
      <c r="AR43" s="239"/>
      <c r="AS43" s="239"/>
      <c r="AT43" s="239"/>
      <c r="AU43" s="239"/>
      <c r="AV43" s="239"/>
      <c r="AW43" s="239"/>
      <c r="AX43" s="239"/>
      <c r="AY43" s="239"/>
      <c r="AZ43" s="239"/>
      <c r="BA43" s="239"/>
      <c r="BB43" s="239"/>
      <c r="BC43" s="239"/>
      <c r="BD43" s="239"/>
      <c r="BE43" s="239"/>
      <c r="BF43" s="239"/>
      <c r="BG43" s="239"/>
      <c r="BH43" s="239"/>
      <c r="BI43" s="239"/>
      <c r="BJ43" s="239"/>
      <c r="BK43" s="239"/>
      <c r="BL43" s="239"/>
      <c r="BM43" s="239"/>
      <c r="BN43" s="239"/>
      <c r="BO43" s="239"/>
      <c r="BP43" s="239"/>
      <c r="BQ43" s="239"/>
      <c r="BR43" s="239"/>
      <c r="BS43" s="239"/>
      <c r="BT43" s="239"/>
      <c r="BU43" s="239"/>
      <c r="BV43" s="239"/>
      <c r="BW43" s="239"/>
      <c r="BX43" s="239"/>
      <c r="BY43" s="239"/>
      <c r="BZ43" s="239"/>
      <c r="CA43" s="239"/>
      <c r="CB43" s="239"/>
      <c r="CC43" s="239"/>
      <c r="CD43" s="239"/>
      <c r="CE43" s="239"/>
      <c r="CF43" s="239"/>
      <c r="CG43" s="239"/>
      <c r="CH43" s="239"/>
      <c r="CI43" s="239"/>
      <c r="CJ43" s="239"/>
      <c r="CK43" s="239"/>
      <c r="CL43" s="239"/>
      <c r="CM43" s="239"/>
      <c r="CN43" s="239"/>
      <c r="CO43" s="239"/>
      <c r="CP43" s="239"/>
      <c r="CQ43" s="239"/>
      <c r="CR43" s="239"/>
      <c r="CS43" s="239"/>
      <c r="CT43" s="239"/>
      <c r="CU43" s="239"/>
      <c r="CV43" s="239"/>
      <c r="CW43" s="239"/>
      <c r="CX43" s="239"/>
      <c r="CY43" s="239"/>
      <c r="CZ43" s="239"/>
      <c r="DA43" s="239"/>
      <c r="DB43" s="239"/>
      <c r="DC43" s="239"/>
      <c r="DD43" s="239"/>
      <c r="DE43" s="239"/>
      <c r="DF43" s="239"/>
      <c r="DG43" s="239"/>
      <c r="DH43" s="239"/>
      <c r="DI43" s="239"/>
      <c r="DJ43" s="239"/>
      <c r="DK43" s="239"/>
      <c r="DL43" s="239"/>
      <c r="DM43" s="239"/>
      <c r="DN43" s="239"/>
      <c r="DO43" s="239"/>
      <c r="DP43" s="239"/>
      <c r="DQ43" s="239"/>
      <c r="DR43" s="239"/>
      <c r="DS43" s="239"/>
      <c r="DT43" s="239"/>
      <c r="DU43" s="239"/>
      <c r="DV43" s="239"/>
      <c r="DW43" s="239"/>
      <c r="DX43" s="239"/>
      <c r="DY43" s="239"/>
      <c r="DZ43" s="239"/>
      <c r="EA43" s="239"/>
      <c r="EB43" s="239"/>
      <c r="EC43" s="239"/>
    </row>
    <row r="44" spans="2:133" x14ac:dyDescent="0.2">
      <c r="C44" s="246"/>
      <c r="D44" s="246"/>
      <c r="E44" s="246"/>
      <c r="F44" s="246"/>
      <c r="G44" s="246"/>
      <c r="H44" s="246"/>
      <c r="I44" s="246"/>
      <c r="J44" s="246"/>
      <c r="K44" s="246"/>
      <c r="L44" s="246"/>
      <c r="M44" s="246"/>
      <c r="N44" s="246"/>
      <c r="O44" s="246"/>
      <c r="P44" s="246"/>
      <c r="Q44" s="246"/>
      <c r="R44" s="246"/>
      <c r="S44" s="246"/>
      <c r="T44" s="246"/>
      <c r="U44" s="246"/>
      <c r="V44" s="246"/>
      <c r="W44" s="246"/>
      <c r="X44" s="246"/>
      <c r="Y44" s="246"/>
      <c r="Z44" s="246"/>
      <c r="AA44" s="246"/>
      <c r="AB44" s="246"/>
      <c r="AC44" s="246"/>
      <c r="AD44" s="246"/>
      <c r="AE44" s="246"/>
      <c r="AF44" s="246"/>
      <c r="AG44" s="239"/>
      <c r="AH44" s="239"/>
      <c r="AI44" s="239"/>
      <c r="AJ44" s="239"/>
      <c r="AK44" s="239"/>
      <c r="AL44" s="239"/>
      <c r="AM44" s="239"/>
      <c r="AN44" s="239"/>
      <c r="AO44" s="239"/>
      <c r="AP44" s="239"/>
      <c r="AQ44" s="239"/>
      <c r="AR44" s="239"/>
      <c r="AS44" s="239"/>
      <c r="AT44" s="239"/>
      <c r="AU44" s="239"/>
      <c r="AV44" s="239"/>
      <c r="AW44" s="239"/>
      <c r="AX44" s="239"/>
      <c r="AY44" s="239"/>
      <c r="AZ44" s="239"/>
      <c r="BA44" s="239"/>
      <c r="BB44" s="239"/>
      <c r="BC44" s="239"/>
      <c r="BD44" s="239"/>
      <c r="BE44" s="239"/>
      <c r="BF44" s="239"/>
      <c r="BG44" s="239"/>
      <c r="BH44" s="239"/>
      <c r="BI44" s="239"/>
      <c r="BJ44" s="239"/>
      <c r="BK44" s="239"/>
      <c r="BL44" s="239"/>
      <c r="BM44" s="239"/>
      <c r="BN44" s="239"/>
      <c r="BO44" s="239"/>
      <c r="BP44" s="239"/>
      <c r="BQ44" s="239"/>
      <c r="BR44" s="239"/>
      <c r="BS44" s="239"/>
      <c r="BT44" s="239"/>
      <c r="BU44" s="239"/>
      <c r="BV44" s="239"/>
      <c r="BW44" s="239"/>
      <c r="BX44" s="239"/>
      <c r="BY44" s="239"/>
      <c r="BZ44" s="239"/>
      <c r="CA44" s="239"/>
      <c r="CB44" s="239"/>
      <c r="CC44" s="239"/>
      <c r="CD44" s="239"/>
      <c r="CE44" s="239"/>
      <c r="CF44" s="239"/>
      <c r="CG44" s="239"/>
      <c r="CH44" s="239"/>
      <c r="CI44" s="239"/>
      <c r="CJ44" s="239"/>
      <c r="CK44" s="239"/>
      <c r="CL44" s="239"/>
      <c r="CM44" s="239"/>
      <c r="CN44" s="239"/>
      <c r="CO44" s="239"/>
      <c r="CP44" s="239"/>
      <c r="CQ44" s="239"/>
      <c r="CR44" s="239"/>
      <c r="CS44" s="239"/>
      <c r="CT44" s="239"/>
      <c r="CU44" s="239"/>
      <c r="CV44" s="239"/>
      <c r="CW44" s="239"/>
      <c r="CX44" s="239"/>
      <c r="CY44" s="239"/>
      <c r="CZ44" s="239"/>
      <c r="DA44" s="239"/>
      <c r="DB44" s="239"/>
      <c r="DC44" s="239"/>
      <c r="DD44" s="239"/>
      <c r="DE44" s="239"/>
      <c r="DF44" s="239"/>
      <c r="DG44" s="239"/>
      <c r="DH44" s="239"/>
      <c r="DI44" s="239"/>
      <c r="DJ44" s="239"/>
      <c r="DK44" s="239"/>
      <c r="DL44" s="239"/>
      <c r="DM44" s="239"/>
      <c r="DN44" s="239"/>
      <c r="DO44" s="239"/>
      <c r="DP44" s="239"/>
      <c r="DQ44" s="239"/>
      <c r="DR44" s="239"/>
      <c r="DS44" s="239"/>
      <c r="DT44" s="239"/>
      <c r="DU44" s="239"/>
      <c r="DV44" s="239"/>
      <c r="DW44" s="239"/>
      <c r="DX44" s="239"/>
      <c r="DY44" s="239"/>
      <c r="DZ44" s="239"/>
      <c r="EA44" s="239"/>
      <c r="EB44" s="239"/>
      <c r="EC44" s="239"/>
    </row>
    <row r="45" spans="2:133" x14ac:dyDescent="0.2">
      <c r="C45" s="246"/>
      <c r="D45" s="246"/>
      <c r="E45" s="246"/>
      <c r="F45" s="246"/>
      <c r="G45" s="246"/>
      <c r="H45" s="246"/>
      <c r="I45" s="246"/>
      <c r="J45" s="246"/>
      <c r="K45" s="246"/>
      <c r="L45" s="246"/>
      <c r="M45" s="246"/>
      <c r="N45" s="246"/>
      <c r="O45" s="246"/>
      <c r="P45" s="246"/>
      <c r="Q45" s="246"/>
      <c r="R45" s="246"/>
      <c r="S45" s="246"/>
      <c r="T45" s="246"/>
      <c r="U45" s="246"/>
      <c r="V45" s="246"/>
      <c r="W45" s="246"/>
      <c r="X45" s="246"/>
      <c r="Y45" s="246"/>
      <c r="Z45" s="246"/>
      <c r="AA45" s="246"/>
      <c r="AB45" s="246"/>
      <c r="AC45" s="246"/>
      <c r="AD45" s="246"/>
      <c r="AE45" s="246"/>
      <c r="AF45" s="246"/>
      <c r="AG45" s="239"/>
      <c r="AH45" s="239"/>
      <c r="AI45" s="239"/>
      <c r="AJ45" s="239"/>
      <c r="AK45" s="239"/>
      <c r="AL45" s="239"/>
      <c r="AM45" s="239"/>
      <c r="AN45" s="239"/>
      <c r="AO45" s="239"/>
      <c r="AP45" s="239"/>
      <c r="AQ45" s="239"/>
      <c r="AR45" s="239"/>
      <c r="AS45" s="239"/>
      <c r="AT45" s="239"/>
      <c r="AU45" s="239"/>
      <c r="AV45" s="239"/>
      <c r="AW45" s="239"/>
      <c r="AX45" s="239"/>
      <c r="AY45" s="239"/>
      <c r="AZ45" s="239"/>
      <c r="BA45" s="239"/>
      <c r="BB45" s="239"/>
      <c r="BC45" s="239"/>
      <c r="BD45" s="239"/>
      <c r="BE45" s="239"/>
      <c r="BF45" s="239"/>
      <c r="BG45" s="239"/>
      <c r="BH45" s="239"/>
      <c r="BI45" s="239"/>
      <c r="BJ45" s="239"/>
      <c r="BK45" s="239"/>
      <c r="BL45" s="239"/>
      <c r="BM45" s="239"/>
      <c r="BN45" s="239"/>
      <c r="BO45" s="239"/>
      <c r="BP45" s="239"/>
      <c r="BQ45" s="239"/>
      <c r="BR45" s="239"/>
      <c r="BS45" s="239"/>
      <c r="BT45" s="239"/>
      <c r="BU45" s="239"/>
      <c r="BV45" s="239"/>
      <c r="BW45" s="239"/>
      <c r="BX45" s="239"/>
      <c r="BY45" s="239"/>
      <c r="BZ45" s="239"/>
      <c r="CA45" s="239"/>
      <c r="CB45" s="239"/>
      <c r="CC45" s="239"/>
      <c r="CD45" s="239"/>
      <c r="CE45" s="239"/>
      <c r="CF45" s="239"/>
      <c r="CG45" s="239"/>
      <c r="CH45" s="239"/>
      <c r="CI45" s="239"/>
      <c r="CJ45" s="239"/>
      <c r="CK45" s="239"/>
      <c r="CL45" s="239"/>
      <c r="CM45" s="239"/>
      <c r="CN45" s="239"/>
      <c r="CO45" s="239"/>
      <c r="CP45" s="239"/>
      <c r="CQ45" s="239"/>
      <c r="CR45" s="239"/>
      <c r="CS45" s="239"/>
      <c r="CT45" s="239"/>
      <c r="CU45" s="239"/>
      <c r="CV45" s="239"/>
      <c r="CW45" s="239"/>
      <c r="CX45" s="239"/>
      <c r="CY45" s="239"/>
      <c r="CZ45" s="239"/>
      <c r="DA45" s="239"/>
      <c r="DB45" s="239"/>
      <c r="DC45" s="239"/>
      <c r="DD45" s="239"/>
      <c r="DE45" s="239"/>
      <c r="DF45" s="239"/>
      <c r="DG45" s="239"/>
      <c r="DH45" s="239"/>
      <c r="DI45" s="239"/>
      <c r="DJ45" s="239"/>
      <c r="DK45" s="239"/>
      <c r="DL45" s="239"/>
      <c r="DM45" s="239"/>
      <c r="DN45" s="239"/>
      <c r="DO45" s="239"/>
      <c r="DP45" s="239"/>
      <c r="DQ45" s="239"/>
      <c r="DR45" s="239"/>
      <c r="DS45" s="239"/>
      <c r="DT45" s="239"/>
      <c r="DU45" s="239"/>
      <c r="DV45" s="239"/>
      <c r="DW45" s="239"/>
      <c r="DX45" s="239"/>
      <c r="DY45" s="239"/>
      <c r="DZ45" s="239"/>
      <c r="EA45" s="239"/>
      <c r="EB45" s="239"/>
      <c r="EC45" s="239"/>
    </row>
    <row r="46" spans="2:133" x14ac:dyDescent="0.2">
      <c r="C46" s="70"/>
      <c r="D46" s="70"/>
      <c r="E46" s="70"/>
      <c r="F46" s="70"/>
      <c r="G46" s="70"/>
      <c r="H46" s="70"/>
      <c r="I46" s="70"/>
      <c r="J46" s="70"/>
      <c r="K46" s="70"/>
      <c r="L46" s="70"/>
      <c r="M46" s="70"/>
      <c r="N46" s="70"/>
      <c r="O46" s="70"/>
      <c r="P46" s="70"/>
      <c r="Q46" s="70"/>
      <c r="R46" s="70"/>
      <c r="S46" s="70"/>
      <c r="T46" s="70"/>
      <c r="U46" s="70"/>
      <c r="V46" s="70"/>
      <c r="W46" s="70"/>
      <c r="X46" s="70"/>
      <c r="Y46" s="70"/>
      <c r="Z46" s="70"/>
      <c r="AA46" s="70"/>
      <c r="AB46" s="70"/>
      <c r="AC46" s="70"/>
      <c r="AD46" s="70"/>
      <c r="AE46" s="70"/>
      <c r="AF46" s="70"/>
    </row>
    <row r="47" spans="2:133" x14ac:dyDescent="0.2">
      <c r="C47" s="70"/>
      <c r="D47" s="70"/>
      <c r="E47" s="70"/>
      <c r="F47" s="70"/>
      <c r="G47" s="70"/>
      <c r="H47" s="70"/>
      <c r="I47" s="70"/>
      <c r="J47" s="70"/>
      <c r="K47" s="70"/>
      <c r="L47" s="70"/>
      <c r="M47" s="70"/>
      <c r="N47" s="70"/>
      <c r="O47" s="70"/>
      <c r="P47" s="70"/>
      <c r="Q47" s="70"/>
      <c r="R47" s="70"/>
      <c r="S47" s="70"/>
      <c r="T47" s="70"/>
      <c r="U47" s="70"/>
      <c r="V47" s="70"/>
      <c r="W47" s="70"/>
      <c r="X47" s="70"/>
      <c r="Y47" s="70"/>
      <c r="Z47" s="70"/>
      <c r="AA47" s="70"/>
      <c r="AB47" s="70"/>
      <c r="AC47" s="70"/>
      <c r="AD47" s="70"/>
      <c r="AE47" s="70"/>
      <c r="AF47" s="70"/>
    </row>
    <row r="48" spans="2:133" x14ac:dyDescent="0.2">
      <c r="C48" s="70"/>
      <c r="D48" s="70"/>
      <c r="E48" s="70"/>
      <c r="F48" s="70"/>
      <c r="G48" s="70"/>
      <c r="H48" s="70"/>
      <c r="I48" s="70"/>
      <c r="J48" s="70"/>
      <c r="K48" s="70"/>
      <c r="L48" s="70"/>
      <c r="M48" s="70"/>
      <c r="N48" s="70"/>
      <c r="O48" s="70"/>
      <c r="P48" s="70"/>
      <c r="Q48" s="70"/>
      <c r="R48" s="70"/>
      <c r="S48" s="70"/>
      <c r="T48" s="70"/>
      <c r="U48" s="70"/>
      <c r="V48" s="70"/>
      <c r="W48" s="70"/>
      <c r="X48" s="70"/>
      <c r="Y48" s="70"/>
      <c r="Z48" s="70"/>
      <c r="AA48" s="70"/>
      <c r="AB48" s="70"/>
      <c r="AC48" s="70"/>
      <c r="AD48" s="70"/>
      <c r="AE48" s="70"/>
      <c r="AF48" s="70"/>
    </row>
    <row r="49" spans="3:32" x14ac:dyDescent="0.2">
      <c r="C49" s="70"/>
      <c r="D49" s="70"/>
      <c r="E49" s="70"/>
      <c r="F49" s="70"/>
      <c r="G49" s="70"/>
      <c r="H49" s="70"/>
      <c r="I49" s="70"/>
      <c r="J49" s="70"/>
      <c r="K49" s="70"/>
      <c r="L49" s="70"/>
      <c r="M49" s="70"/>
      <c r="N49" s="70"/>
      <c r="O49" s="70"/>
      <c r="P49" s="70"/>
      <c r="Q49" s="70"/>
      <c r="R49" s="70"/>
      <c r="S49" s="70"/>
      <c r="T49" s="70"/>
      <c r="U49" s="70"/>
      <c r="V49" s="70"/>
      <c r="W49" s="70"/>
      <c r="X49" s="70"/>
      <c r="Y49" s="70"/>
      <c r="Z49" s="70"/>
      <c r="AA49" s="70"/>
      <c r="AB49" s="70"/>
      <c r="AC49" s="70"/>
      <c r="AD49" s="70"/>
      <c r="AE49" s="70"/>
      <c r="AF49" s="70"/>
    </row>
    <row r="50" spans="3:32" x14ac:dyDescent="0.2">
      <c r="C50" s="70"/>
      <c r="D50" s="70"/>
      <c r="E50" s="70"/>
      <c r="F50" s="70"/>
      <c r="G50" s="70"/>
      <c r="H50" s="70"/>
      <c r="I50" s="70"/>
      <c r="J50" s="70"/>
      <c r="K50" s="70"/>
      <c r="L50" s="70"/>
      <c r="M50" s="70"/>
      <c r="N50" s="70"/>
      <c r="O50" s="70"/>
      <c r="P50" s="70"/>
      <c r="Q50" s="70"/>
      <c r="R50" s="70"/>
      <c r="S50" s="70"/>
      <c r="T50" s="70"/>
      <c r="U50" s="70"/>
      <c r="V50" s="70"/>
      <c r="W50" s="70"/>
      <c r="X50" s="70"/>
      <c r="Y50" s="70"/>
      <c r="Z50" s="70"/>
      <c r="AA50" s="70"/>
      <c r="AB50" s="70"/>
      <c r="AC50" s="70"/>
      <c r="AD50" s="70"/>
      <c r="AE50" s="70"/>
      <c r="AF50" s="70"/>
    </row>
    <row r="51" spans="3:32" x14ac:dyDescent="0.2">
      <c r="C51" s="70"/>
      <c r="D51" s="70"/>
      <c r="E51" s="70"/>
      <c r="F51" s="70"/>
      <c r="G51" s="70"/>
      <c r="H51" s="70"/>
      <c r="I51" s="70"/>
      <c r="J51" s="70"/>
      <c r="K51" s="70"/>
      <c r="L51" s="70"/>
      <c r="M51" s="70"/>
      <c r="N51" s="70"/>
      <c r="O51" s="70"/>
      <c r="P51" s="70"/>
      <c r="Q51" s="70"/>
      <c r="R51" s="70"/>
      <c r="S51" s="70"/>
      <c r="T51" s="70"/>
      <c r="U51" s="70"/>
      <c r="V51" s="70"/>
      <c r="W51" s="70"/>
      <c r="X51" s="70"/>
      <c r="Y51" s="70"/>
      <c r="Z51" s="70"/>
      <c r="AA51" s="70"/>
      <c r="AB51" s="70"/>
      <c r="AC51" s="70"/>
      <c r="AD51" s="70"/>
      <c r="AE51" s="70"/>
      <c r="AF51" s="70"/>
    </row>
    <row r="52" spans="3:32" x14ac:dyDescent="0.2">
      <c r="C52" s="70"/>
      <c r="D52" s="70"/>
      <c r="E52" s="70"/>
      <c r="F52" s="70"/>
      <c r="G52" s="70"/>
      <c r="H52" s="70"/>
      <c r="I52" s="70"/>
      <c r="J52" s="70"/>
      <c r="K52" s="70"/>
      <c r="L52" s="70"/>
      <c r="M52" s="70"/>
      <c r="N52" s="70"/>
      <c r="O52" s="70"/>
      <c r="P52" s="70"/>
      <c r="Q52" s="70"/>
      <c r="R52" s="70"/>
      <c r="S52" s="70"/>
      <c r="T52" s="70"/>
      <c r="U52" s="70"/>
      <c r="V52" s="70"/>
      <c r="W52" s="70"/>
      <c r="X52" s="70"/>
      <c r="Y52" s="70"/>
      <c r="Z52" s="70"/>
      <c r="AA52" s="70"/>
      <c r="AB52" s="70"/>
      <c r="AC52" s="70"/>
      <c r="AD52" s="70"/>
      <c r="AE52" s="70"/>
      <c r="AF52" s="70"/>
    </row>
    <row r="53" spans="3:32" x14ac:dyDescent="0.2">
      <c r="C53" s="70"/>
      <c r="D53" s="70"/>
      <c r="E53" s="70"/>
      <c r="F53" s="70"/>
      <c r="G53" s="70"/>
      <c r="H53" s="70"/>
      <c r="I53" s="70"/>
      <c r="J53" s="70"/>
      <c r="K53" s="70"/>
      <c r="L53" s="70"/>
      <c r="M53" s="70"/>
      <c r="N53" s="70"/>
      <c r="O53" s="70"/>
      <c r="P53" s="70"/>
      <c r="Q53" s="70"/>
      <c r="R53" s="70"/>
      <c r="S53" s="70"/>
      <c r="T53" s="70"/>
      <c r="U53" s="70"/>
      <c r="V53" s="70"/>
      <c r="W53" s="70"/>
      <c r="X53" s="70"/>
      <c r="Y53" s="70"/>
      <c r="Z53" s="70"/>
      <c r="AA53" s="70"/>
      <c r="AB53" s="70"/>
      <c r="AC53" s="70"/>
      <c r="AD53" s="70"/>
      <c r="AE53" s="70"/>
      <c r="AF53" s="70"/>
    </row>
    <row r="54" spans="3:32" x14ac:dyDescent="0.2">
      <c r="C54" s="70"/>
      <c r="D54" s="70"/>
      <c r="E54" s="70"/>
      <c r="F54" s="70"/>
      <c r="G54" s="70"/>
      <c r="H54" s="70"/>
      <c r="I54" s="70"/>
      <c r="J54" s="70"/>
      <c r="K54" s="70"/>
      <c r="L54" s="70"/>
      <c r="M54" s="70"/>
      <c r="N54" s="70"/>
      <c r="O54" s="70"/>
      <c r="P54" s="70"/>
      <c r="Q54" s="70"/>
      <c r="R54" s="70"/>
      <c r="S54" s="70"/>
      <c r="T54" s="70"/>
      <c r="U54" s="70"/>
      <c r="V54" s="70"/>
      <c r="W54" s="70"/>
      <c r="X54" s="70"/>
      <c r="Y54" s="70"/>
      <c r="Z54" s="70"/>
      <c r="AA54" s="70"/>
      <c r="AB54" s="70"/>
      <c r="AC54" s="70"/>
      <c r="AD54" s="70"/>
      <c r="AE54" s="70"/>
      <c r="AF54" s="70"/>
    </row>
    <row r="55" spans="3:32" x14ac:dyDescent="0.2">
      <c r="C55" s="70"/>
      <c r="D55" s="70"/>
      <c r="E55" s="70"/>
      <c r="F55" s="70"/>
      <c r="G55" s="70"/>
      <c r="H55" s="70"/>
      <c r="I55" s="70"/>
      <c r="J55" s="70"/>
      <c r="K55" s="70"/>
      <c r="L55" s="70"/>
      <c r="M55" s="70"/>
      <c r="N55" s="70"/>
      <c r="O55" s="70"/>
      <c r="P55" s="70"/>
      <c r="Q55" s="70"/>
      <c r="R55" s="70"/>
      <c r="S55" s="70"/>
      <c r="T55" s="70"/>
      <c r="U55" s="70"/>
      <c r="V55" s="70"/>
      <c r="W55" s="70"/>
      <c r="X55" s="70"/>
      <c r="Y55" s="70"/>
      <c r="Z55" s="70"/>
      <c r="AA55" s="70"/>
      <c r="AB55" s="70"/>
      <c r="AC55" s="70"/>
      <c r="AD55" s="70"/>
      <c r="AE55" s="70"/>
      <c r="AF55" s="70"/>
    </row>
    <row r="56" spans="3:32" x14ac:dyDescent="0.2">
      <c r="C56" s="70"/>
      <c r="D56" s="70"/>
      <c r="E56" s="70"/>
      <c r="F56" s="70"/>
      <c r="G56" s="70"/>
      <c r="H56" s="70"/>
      <c r="I56" s="70"/>
      <c r="J56" s="70"/>
      <c r="K56" s="70"/>
      <c r="L56" s="70"/>
      <c r="M56" s="70"/>
      <c r="N56" s="70"/>
      <c r="O56" s="70"/>
      <c r="P56" s="70"/>
      <c r="Q56" s="70"/>
      <c r="R56" s="70"/>
      <c r="S56" s="70"/>
      <c r="T56" s="70"/>
      <c r="U56" s="70"/>
      <c r="V56" s="70"/>
      <c r="W56" s="70"/>
      <c r="X56" s="70"/>
      <c r="Y56" s="70"/>
      <c r="Z56" s="70"/>
      <c r="AA56" s="70"/>
      <c r="AB56" s="70"/>
      <c r="AC56" s="70"/>
      <c r="AD56" s="70"/>
      <c r="AE56" s="70"/>
      <c r="AF56" s="70"/>
    </row>
    <row r="57" spans="3:32" x14ac:dyDescent="0.2">
      <c r="C57" s="70"/>
      <c r="D57" s="70"/>
      <c r="E57" s="70"/>
      <c r="F57" s="70"/>
      <c r="G57" s="70"/>
      <c r="H57" s="70"/>
      <c r="I57" s="70"/>
      <c r="J57" s="70"/>
      <c r="K57" s="70"/>
      <c r="L57" s="70"/>
      <c r="M57" s="70"/>
      <c r="N57" s="70"/>
      <c r="O57" s="70"/>
      <c r="P57" s="70"/>
      <c r="Q57" s="70"/>
      <c r="R57" s="70"/>
      <c r="S57" s="70"/>
      <c r="T57" s="70"/>
      <c r="U57" s="70"/>
      <c r="V57" s="70"/>
      <c r="W57" s="70"/>
      <c r="X57" s="70"/>
      <c r="Y57" s="70"/>
      <c r="Z57" s="70"/>
      <c r="AA57" s="70"/>
      <c r="AB57" s="70"/>
      <c r="AC57" s="70"/>
      <c r="AD57" s="70"/>
      <c r="AE57" s="70"/>
      <c r="AF57" s="70"/>
    </row>
    <row r="58" spans="3:32" x14ac:dyDescent="0.2">
      <c r="C58" s="70"/>
      <c r="D58" s="70"/>
      <c r="E58" s="70"/>
      <c r="F58" s="70"/>
      <c r="G58" s="70"/>
      <c r="H58" s="70"/>
      <c r="I58" s="70"/>
      <c r="J58" s="70"/>
      <c r="K58" s="70"/>
      <c r="L58" s="70"/>
      <c r="M58" s="70"/>
      <c r="N58" s="70"/>
      <c r="O58" s="70"/>
      <c r="P58" s="70"/>
      <c r="Q58" s="70"/>
      <c r="R58" s="70"/>
      <c r="S58" s="70"/>
      <c r="T58" s="70"/>
      <c r="U58" s="70"/>
      <c r="V58" s="70"/>
      <c r="W58" s="70"/>
      <c r="X58" s="70"/>
      <c r="Y58" s="70"/>
      <c r="Z58" s="70"/>
      <c r="AA58" s="70"/>
      <c r="AB58" s="70"/>
      <c r="AC58" s="70"/>
      <c r="AD58" s="70"/>
      <c r="AE58" s="70"/>
      <c r="AF58" s="70"/>
    </row>
    <row r="59" spans="3:32" x14ac:dyDescent="0.2">
      <c r="C59" s="70"/>
      <c r="D59" s="70"/>
      <c r="E59" s="70"/>
      <c r="F59" s="70"/>
      <c r="G59" s="70"/>
      <c r="H59" s="70"/>
      <c r="I59" s="70"/>
      <c r="J59" s="70"/>
      <c r="K59" s="70"/>
      <c r="L59" s="70"/>
      <c r="M59" s="70"/>
      <c r="N59" s="70"/>
      <c r="O59" s="70"/>
      <c r="P59" s="70"/>
      <c r="Q59" s="70"/>
      <c r="R59" s="70"/>
      <c r="S59" s="70"/>
      <c r="T59" s="70"/>
      <c r="U59" s="70"/>
      <c r="V59" s="70"/>
      <c r="W59" s="70"/>
      <c r="X59" s="70"/>
      <c r="Y59" s="70"/>
      <c r="Z59" s="70"/>
      <c r="AA59" s="70"/>
      <c r="AB59" s="70"/>
      <c r="AC59" s="70"/>
      <c r="AD59" s="70"/>
      <c r="AE59" s="70"/>
      <c r="AF59" s="70"/>
    </row>
    <row r="60" spans="3:32" x14ac:dyDescent="0.2">
      <c r="C60" s="70"/>
      <c r="D60" s="70"/>
      <c r="E60" s="70"/>
      <c r="F60" s="70"/>
      <c r="G60" s="70"/>
      <c r="H60" s="70"/>
      <c r="I60" s="70"/>
      <c r="J60" s="70"/>
      <c r="K60" s="70"/>
      <c r="L60" s="70"/>
      <c r="M60" s="70"/>
      <c r="N60" s="70"/>
      <c r="O60" s="70"/>
      <c r="P60" s="70"/>
      <c r="Q60" s="70"/>
      <c r="R60" s="70"/>
      <c r="S60" s="70"/>
      <c r="T60" s="70"/>
      <c r="U60" s="70"/>
      <c r="V60" s="70"/>
      <c r="W60" s="70"/>
      <c r="X60" s="70"/>
      <c r="Y60" s="70"/>
      <c r="Z60" s="70"/>
      <c r="AA60" s="70"/>
      <c r="AB60" s="70"/>
      <c r="AC60" s="70"/>
      <c r="AD60" s="70"/>
      <c r="AE60" s="70"/>
      <c r="AF60" s="70"/>
    </row>
    <row r="61" spans="3:32" x14ac:dyDescent="0.2">
      <c r="C61" s="70"/>
      <c r="D61" s="70"/>
      <c r="E61" s="70"/>
      <c r="F61" s="70"/>
      <c r="G61" s="70"/>
      <c r="H61" s="70"/>
      <c r="I61" s="70"/>
      <c r="J61" s="70"/>
      <c r="K61" s="70"/>
      <c r="L61" s="70"/>
      <c r="M61" s="70"/>
      <c r="N61" s="70"/>
      <c r="O61" s="70"/>
      <c r="P61" s="70"/>
      <c r="Q61" s="70"/>
      <c r="R61" s="70"/>
      <c r="S61" s="70"/>
      <c r="T61" s="70"/>
      <c r="U61" s="70"/>
      <c r="V61" s="70"/>
      <c r="W61" s="70"/>
      <c r="X61" s="70"/>
      <c r="Y61" s="70"/>
      <c r="Z61" s="70"/>
      <c r="AA61" s="70"/>
      <c r="AB61" s="70"/>
      <c r="AC61" s="70"/>
      <c r="AD61" s="70"/>
      <c r="AE61" s="70"/>
      <c r="AF61" s="70"/>
    </row>
    <row r="62" spans="3:32" x14ac:dyDescent="0.2">
      <c r="C62" s="70"/>
      <c r="D62" s="70"/>
      <c r="E62" s="70"/>
      <c r="F62" s="70"/>
      <c r="G62" s="70"/>
      <c r="H62" s="70"/>
      <c r="I62" s="70"/>
      <c r="J62" s="70"/>
      <c r="K62" s="70"/>
      <c r="L62" s="70"/>
      <c r="M62" s="70"/>
      <c r="N62" s="70"/>
      <c r="O62" s="70"/>
      <c r="P62" s="70"/>
      <c r="Q62" s="70"/>
      <c r="R62" s="70"/>
      <c r="S62" s="70"/>
      <c r="T62" s="70"/>
      <c r="U62" s="70"/>
      <c r="V62" s="70"/>
      <c r="W62" s="70"/>
      <c r="X62" s="70"/>
      <c r="Y62" s="70"/>
      <c r="Z62" s="70"/>
      <c r="AA62" s="70"/>
      <c r="AB62" s="70"/>
      <c r="AC62" s="70"/>
      <c r="AD62" s="70"/>
      <c r="AE62" s="70"/>
      <c r="AF62" s="70"/>
    </row>
    <row r="63" spans="3:32" x14ac:dyDescent="0.2">
      <c r="C63" s="70"/>
      <c r="D63" s="70"/>
      <c r="E63" s="70"/>
      <c r="F63" s="70"/>
      <c r="G63" s="70"/>
      <c r="H63" s="70"/>
      <c r="I63" s="70"/>
      <c r="J63" s="70"/>
      <c r="K63" s="70"/>
      <c r="L63" s="70"/>
      <c r="M63" s="70"/>
      <c r="N63" s="70"/>
      <c r="O63" s="70"/>
      <c r="P63" s="70"/>
      <c r="Q63" s="70"/>
      <c r="R63" s="70"/>
      <c r="S63" s="70"/>
      <c r="T63" s="70"/>
      <c r="U63" s="70"/>
      <c r="V63" s="70"/>
      <c r="W63" s="70"/>
      <c r="X63" s="70"/>
      <c r="Y63" s="70"/>
      <c r="Z63" s="70"/>
      <c r="AA63" s="70"/>
      <c r="AB63" s="70"/>
      <c r="AC63" s="70"/>
      <c r="AD63" s="70"/>
      <c r="AE63" s="70"/>
      <c r="AF63" s="70"/>
    </row>
    <row r="64" spans="3:32" x14ac:dyDescent="0.2">
      <c r="C64" s="70"/>
      <c r="D64" s="70"/>
      <c r="E64" s="70"/>
      <c r="F64" s="70"/>
      <c r="G64" s="70"/>
      <c r="H64" s="70"/>
      <c r="I64" s="70"/>
      <c r="J64" s="70"/>
      <c r="K64" s="70"/>
      <c r="L64" s="70"/>
      <c r="M64" s="70"/>
      <c r="N64" s="70"/>
      <c r="O64" s="70"/>
      <c r="P64" s="70"/>
      <c r="Q64" s="70"/>
      <c r="R64" s="70"/>
      <c r="S64" s="70"/>
      <c r="T64" s="70"/>
      <c r="U64" s="70"/>
      <c r="V64" s="70"/>
      <c r="W64" s="70"/>
      <c r="X64" s="70"/>
      <c r="Y64" s="70"/>
      <c r="Z64" s="70"/>
      <c r="AA64" s="70"/>
      <c r="AB64" s="70"/>
      <c r="AC64" s="70"/>
      <c r="AD64" s="70"/>
      <c r="AE64" s="70"/>
      <c r="AF64" s="70"/>
    </row>
    <row r="65" spans="3:32" x14ac:dyDescent="0.2">
      <c r="C65" s="70"/>
      <c r="D65" s="70"/>
      <c r="E65" s="70"/>
      <c r="F65" s="70"/>
      <c r="G65" s="70"/>
      <c r="H65" s="70"/>
      <c r="I65" s="70"/>
      <c r="J65" s="70"/>
      <c r="K65" s="70"/>
      <c r="L65" s="70"/>
      <c r="M65" s="70"/>
      <c r="N65" s="70"/>
      <c r="O65" s="70"/>
      <c r="P65" s="70"/>
      <c r="Q65" s="70"/>
      <c r="R65" s="70"/>
      <c r="S65" s="70"/>
      <c r="T65" s="70"/>
      <c r="U65" s="70"/>
      <c r="V65" s="70"/>
      <c r="W65" s="70"/>
      <c r="X65" s="70"/>
      <c r="Y65" s="70"/>
      <c r="Z65" s="70"/>
      <c r="AA65" s="70"/>
      <c r="AB65" s="70"/>
      <c r="AC65" s="70"/>
      <c r="AD65" s="70"/>
      <c r="AE65" s="70"/>
      <c r="AF65" s="70"/>
    </row>
    <row r="66" spans="3:32" x14ac:dyDescent="0.2">
      <c r="C66" s="70"/>
      <c r="D66" s="70"/>
      <c r="E66" s="70"/>
      <c r="F66" s="70"/>
      <c r="G66" s="70"/>
      <c r="H66" s="70"/>
      <c r="I66" s="70"/>
      <c r="J66" s="70"/>
      <c r="K66" s="70"/>
      <c r="L66" s="70"/>
      <c r="M66" s="70"/>
      <c r="N66" s="70"/>
      <c r="O66" s="70"/>
      <c r="P66" s="70"/>
      <c r="Q66" s="70"/>
      <c r="R66" s="70"/>
      <c r="S66" s="70"/>
      <c r="T66" s="70"/>
      <c r="U66" s="70"/>
      <c r="V66" s="70"/>
      <c r="W66" s="70"/>
      <c r="X66" s="70"/>
      <c r="Y66" s="70"/>
      <c r="Z66" s="70"/>
      <c r="AA66" s="70"/>
      <c r="AB66" s="70"/>
      <c r="AC66" s="70"/>
      <c r="AD66" s="70"/>
      <c r="AE66" s="70"/>
      <c r="AF66" s="70"/>
    </row>
    <row r="67" spans="3:32" x14ac:dyDescent="0.2">
      <c r="C67" s="70"/>
      <c r="D67" s="70"/>
      <c r="E67" s="70"/>
      <c r="F67" s="70"/>
      <c r="G67" s="70"/>
      <c r="H67" s="70"/>
      <c r="I67" s="70"/>
      <c r="J67" s="70"/>
      <c r="K67" s="70"/>
      <c r="L67" s="70"/>
      <c r="M67" s="70"/>
      <c r="N67" s="70"/>
      <c r="O67" s="70"/>
      <c r="P67" s="70"/>
      <c r="Q67" s="70"/>
      <c r="R67" s="70"/>
      <c r="S67" s="70"/>
      <c r="T67" s="70"/>
      <c r="U67" s="70"/>
      <c r="V67" s="70"/>
      <c r="W67" s="70"/>
      <c r="X67" s="70"/>
      <c r="Y67" s="70"/>
      <c r="Z67" s="70"/>
      <c r="AA67" s="70"/>
      <c r="AB67" s="70"/>
      <c r="AC67" s="70"/>
      <c r="AD67" s="70"/>
      <c r="AE67" s="70"/>
      <c r="AF67" s="70"/>
    </row>
    <row r="68" spans="3:32" x14ac:dyDescent="0.2">
      <c r="C68" s="70"/>
      <c r="D68" s="70"/>
      <c r="E68" s="70"/>
      <c r="F68" s="70"/>
      <c r="G68" s="70"/>
      <c r="H68" s="70"/>
      <c r="I68" s="70"/>
      <c r="J68" s="70"/>
      <c r="K68" s="70"/>
      <c r="L68" s="70"/>
      <c r="M68" s="70"/>
      <c r="N68" s="70"/>
      <c r="O68" s="70"/>
      <c r="P68" s="70"/>
      <c r="Q68" s="70"/>
      <c r="R68" s="70"/>
      <c r="S68" s="70"/>
      <c r="T68" s="70"/>
      <c r="U68" s="70"/>
      <c r="V68" s="70"/>
      <c r="W68" s="70"/>
      <c r="X68" s="70"/>
      <c r="Y68" s="70"/>
      <c r="Z68" s="70"/>
      <c r="AA68" s="70"/>
      <c r="AB68" s="70"/>
      <c r="AC68" s="70"/>
      <c r="AD68" s="70"/>
      <c r="AE68" s="70"/>
      <c r="AF68" s="70"/>
    </row>
    <row r="69" spans="3:32" x14ac:dyDescent="0.2">
      <c r="C69" s="70"/>
      <c r="D69" s="70"/>
      <c r="E69" s="70"/>
      <c r="F69" s="70"/>
      <c r="G69" s="70"/>
      <c r="H69" s="70"/>
      <c r="I69" s="70"/>
      <c r="J69" s="70"/>
      <c r="K69" s="70"/>
      <c r="L69" s="70"/>
      <c r="M69" s="70"/>
      <c r="N69" s="70"/>
      <c r="O69" s="70"/>
      <c r="P69" s="70"/>
      <c r="Q69" s="70"/>
      <c r="R69" s="70"/>
      <c r="S69" s="70"/>
      <c r="T69" s="70"/>
      <c r="U69" s="70"/>
      <c r="V69" s="70"/>
      <c r="W69" s="70"/>
      <c r="X69" s="70"/>
      <c r="Y69" s="70"/>
      <c r="Z69" s="70"/>
      <c r="AA69" s="70"/>
      <c r="AB69" s="70"/>
      <c r="AC69" s="70"/>
      <c r="AD69" s="70"/>
      <c r="AE69" s="70"/>
      <c r="AF69" s="70"/>
    </row>
    <row r="70" spans="3:32" x14ac:dyDescent="0.2">
      <c r="C70" s="70"/>
      <c r="D70" s="70"/>
      <c r="E70" s="70"/>
      <c r="F70" s="70"/>
      <c r="G70" s="70"/>
      <c r="H70" s="70"/>
      <c r="I70" s="70"/>
      <c r="J70" s="70"/>
      <c r="K70" s="70"/>
      <c r="L70" s="70"/>
      <c r="M70" s="70"/>
      <c r="N70" s="70"/>
      <c r="O70" s="70"/>
      <c r="P70" s="70"/>
      <c r="Q70" s="70"/>
      <c r="R70" s="70"/>
      <c r="S70" s="70"/>
      <c r="T70" s="70"/>
      <c r="U70" s="70"/>
      <c r="V70" s="70"/>
      <c r="W70" s="70"/>
      <c r="X70" s="70"/>
      <c r="Y70" s="70"/>
      <c r="Z70" s="70"/>
      <c r="AA70" s="70"/>
      <c r="AB70" s="70"/>
      <c r="AC70" s="70"/>
      <c r="AD70" s="70"/>
      <c r="AE70" s="70"/>
      <c r="AF70" s="70"/>
    </row>
    <row r="71" spans="3:32" x14ac:dyDescent="0.2">
      <c r="C71" s="70"/>
      <c r="D71" s="70"/>
      <c r="E71" s="70"/>
      <c r="F71" s="70"/>
      <c r="G71" s="70"/>
      <c r="H71" s="70"/>
      <c r="I71" s="70"/>
      <c r="J71" s="70"/>
      <c r="K71" s="70"/>
      <c r="L71" s="70"/>
      <c r="M71" s="70"/>
      <c r="N71" s="70"/>
      <c r="O71" s="70"/>
      <c r="P71" s="70"/>
      <c r="Q71" s="70"/>
      <c r="R71" s="70"/>
      <c r="S71" s="70"/>
      <c r="T71" s="70"/>
      <c r="U71" s="70"/>
      <c r="V71" s="70"/>
      <c r="W71" s="70"/>
      <c r="X71" s="70"/>
      <c r="Y71" s="70"/>
      <c r="Z71" s="70"/>
      <c r="AA71" s="70"/>
      <c r="AB71" s="70"/>
      <c r="AC71" s="70"/>
      <c r="AD71" s="70"/>
      <c r="AE71" s="70"/>
      <c r="AF71" s="70"/>
    </row>
    <row r="72" spans="3:32" x14ac:dyDescent="0.2">
      <c r="C72" s="70"/>
      <c r="D72" s="70"/>
      <c r="E72" s="70"/>
      <c r="F72" s="70"/>
      <c r="G72" s="70"/>
      <c r="H72" s="70"/>
      <c r="I72" s="70"/>
      <c r="J72" s="70"/>
      <c r="K72" s="70"/>
      <c r="L72" s="70"/>
      <c r="M72" s="70"/>
      <c r="N72" s="70"/>
      <c r="O72" s="70"/>
      <c r="P72" s="70"/>
      <c r="Q72" s="70"/>
      <c r="R72" s="70"/>
      <c r="S72" s="70"/>
      <c r="T72" s="70"/>
      <c r="U72" s="70"/>
      <c r="V72" s="70"/>
      <c r="W72" s="70"/>
      <c r="X72" s="70"/>
      <c r="Y72" s="70"/>
      <c r="Z72" s="70"/>
      <c r="AA72" s="70"/>
      <c r="AB72" s="70"/>
      <c r="AC72" s="70"/>
      <c r="AD72" s="70"/>
      <c r="AE72" s="70"/>
      <c r="AF72" s="70"/>
    </row>
    <row r="73" spans="3:32" x14ac:dyDescent="0.2">
      <c r="C73" s="70"/>
      <c r="D73" s="70"/>
      <c r="E73" s="70"/>
      <c r="F73" s="70"/>
      <c r="G73" s="70"/>
      <c r="H73" s="70"/>
      <c r="I73" s="70"/>
      <c r="J73" s="70"/>
      <c r="K73" s="70"/>
      <c r="L73" s="70"/>
      <c r="M73" s="70"/>
      <c r="N73" s="70"/>
      <c r="O73" s="70"/>
      <c r="P73" s="70"/>
      <c r="Q73" s="70"/>
      <c r="R73" s="70"/>
      <c r="S73" s="70"/>
      <c r="T73" s="70"/>
      <c r="U73" s="70"/>
      <c r="V73" s="70"/>
      <c r="W73" s="70"/>
      <c r="X73" s="70"/>
      <c r="Y73" s="70"/>
      <c r="Z73" s="70"/>
      <c r="AA73" s="70"/>
      <c r="AB73" s="70"/>
      <c r="AC73" s="70"/>
      <c r="AD73" s="70"/>
      <c r="AE73" s="70"/>
      <c r="AF73" s="70"/>
    </row>
    <row r="74" spans="3:32" x14ac:dyDescent="0.2">
      <c r="C74" s="70"/>
      <c r="D74" s="70"/>
      <c r="E74" s="70"/>
      <c r="F74" s="70"/>
      <c r="G74" s="70"/>
      <c r="H74" s="70"/>
      <c r="I74" s="70"/>
      <c r="J74" s="70"/>
      <c r="K74" s="70"/>
      <c r="L74" s="70"/>
      <c r="M74" s="70"/>
      <c r="N74" s="70"/>
      <c r="O74" s="70"/>
      <c r="P74" s="70"/>
      <c r="Q74" s="70"/>
      <c r="R74" s="70"/>
      <c r="S74" s="70"/>
      <c r="T74" s="70"/>
      <c r="U74" s="70"/>
      <c r="V74" s="70"/>
      <c r="W74" s="70"/>
      <c r="X74" s="70"/>
      <c r="Y74" s="70"/>
      <c r="Z74" s="70"/>
      <c r="AA74" s="70"/>
      <c r="AB74" s="70"/>
      <c r="AC74" s="70"/>
      <c r="AD74" s="70"/>
      <c r="AE74" s="70"/>
      <c r="AF74" s="70"/>
    </row>
    <row r="75" spans="3:32" x14ac:dyDescent="0.2">
      <c r="C75" s="70"/>
      <c r="D75" s="70"/>
      <c r="E75" s="70"/>
      <c r="F75" s="70"/>
      <c r="G75" s="70"/>
      <c r="H75" s="70"/>
      <c r="I75" s="70"/>
      <c r="J75" s="70"/>
      <c r="K75" s="70"/>
      <c r="L75" s="70"/>
      <c r="M75" s="70"/>
      <c r="N75" s="70"/>
      <c r="O75" s="70"/>
      <c r="P75" s="70"/>
      <c r="Q75" s="70"/>
      <c r="R75" s="70"/>
      <c r="S75" s="70"/>
      <c r="T75" s="70"/>
      <c r="U75" s="70"/>
      <c r="V75" s="70"/>
      <c r="W75" s="70"/>
      <c r="X75" s="70"/>
      <c r="Y75" s="70"/>
      <c r="Z75" s="70"/>
      <c r="AA75" s="70"/>
      <c r="AB75" s="70"/>
      <c r="AC75" s="70"/>
      <c r="AD75" s="70"/>
      <c r="AE75" s="70"/>
      <c r="AF75" s="70"/>
    </row>
    <row r="76" spans="3:32" x14ac:dyDescent="0.2">
      <c r="C76" s="70"/>
      <c r="D76" s="70"/>
      <c r="E76" s="70"/>
      <c r="F76" s="70"/>
      <c r="G76" s="70"/>
      <c r="H76" s="70"/>
      <c r="I76" s="70"/>
      <c r="J76" s="70"/>
      <c r="K76" s="70"/>
      <c r="L76" s="70"/>
      <c r="M76" s="70"/>
      <c r="N76" s="70"/>
      <c r="O76" s="70"/>
      <c r="P76" s="70"/>
      <c r="Q76" s="70"/>
      <c r="R76" s="70"/>
      <c r="S76" s="70"/>
      <c r="T76" s="70"/>
      <c r="U76" s="70"/>
      <c r="V76" s="70"/>
      <c r="W76" s="70"/>
      <c r="X76" s="70"/>
      <c r="Y76" s="70"/>
      <c r="Z76" s="70"/>
      <c r="AA76" s="70"/>
      <c r="AB76" s="70"/>
      <c r="AC76" s="70"/>
      <c r="AD76" s="70"/>
      <c r="AE76" s="70"/>
      <c r="AF76" s="70"/>
    </row>
    <row r="77" spans="3:32" x14ac:dyDescent="0.2">
      <c r="C77" s="70"/>
      <c r="D77" s="70"/>
      <c r="E77" s="70"/>
      <c r="F77" s="70"/>
      <c r="G77" s="70"/>
      <c r="H77" s="70"/>
      <c r="I77" s="70"/>
      <c r="J77" s="70"/>
      <c r="K77" s="70"/>
      <c r="L77" s="70"/>
      <c r="M77" s="70"/>
      <c r="N77" s="70"/>
      <c r="O77" s="70"/>
      <c r="P77" s="70"/>
      <c r="Q77" s="70"/>
      <c r="R77" s="70"/>
      <c r="S77" s="70"/>
      <c r="T77" s="70"/>
      <c r="U77" s="70"/>
      <c r="V77" s="70"/>
      <c r="W77" s="70"/>
      <c r="X77" s="70"/>
      <c r="Y77" s="70"/>
      <c r="Z77" s="70"/>
      <c r="AA77" s="70"/>
      <c r="AB77" s="70"/>
      <c r="AC77" s="70"/>
      <c r="AD77" s="70"/>
      <c r="AE77" s="70"/>
      <c r="AF77" s="70"/>
    </row>
    <row r="78" spans="3:32" x14ac:dyDescent="0.2">
      <c r="C78" s="70"/>
      <c r="D78" s="70"/>
      <c r="E78" s="70"/>
      <c r="F78" s="70"/>
      <c r="G78" s="70"/>
      <c r="H78" s="70"/>
      <c r="I78" s="70"/>
      <c r="J78" s="70"/>
      <c r="K78" s="70"/>
      <c r="L78" s="70"/>
      <c r="M78" s="70"/>
      <c r="N78" s="70"/>
      <c r="O78" s="70"/>
      <c r="P78" s="70"/>
      <c r="Q78" s="70"/>
      <c r="R78" s="70"/>
      <c r="S78" s="70"/>
      <c r="T78" s="70"/>
      <c r="U78" s="70"/>
      <c r="V78" s="70"/>
      <c r="W78" s="70"/>
      <c r="X78" s="70"/>
      <c r="Y78" s="70"/>
      <c r="Z78" s="70"/>
      <c r="AA78" s="70"/>
      <c r="AB78" s="70"/>
      <c r="AC78" s="70"/>
      <c r="AD78" s="70"/>
      <c r="AE78" s="70"/>
      <c r="AF78" s="70"/>
    </row>
    <row r="79" spans="3:32" x14ac:dyDescent="0.2">
      <c r="C79" s="70"/>
      <c r="D79" s="70"/>
      <c r="E79" s="70"/>
      <c r="F79" s="70"/>
      <c r="G79" s="70"/>
      <c r="H79" s="70"/>
      <c r="I79" s="70"/>
      <c r="J79" s="70"/>
      <c r="K79" s="70"/>
      <c r="L79" s="70"/>
      <c r="M79" s="70"/>
      <c r="N79" s="70"/>
      <c r="O79" s="70"/>
      <c r="P79" s="70"/>
      <c r="Q79" s="70"/>
      <c r="R79" s="70"/>
      <c r="S79" s="70"/>
      <c r="T79" s="70"/>
      <c r="U79" s="70"/>
      <c r="V79" s="70"/>
      <c r="W79" s="70"/>
      <c r="X79" s="70"/>
      <c r="Y79" s="70"/>
      <c r="Z79" s="70"/>
      <c r="AA79" s="70"/>
      <c r="AB79" s="70"/>
      <c r="AC79" s="70"/>
      <c r="AD79" s="70"/>
      <c r="AE79" s="70"/>
      <c r="AF79" s="70"/>
    </row>
    <row r="80" spans="3:32" x14ac:dyDescent="0.2">
      <c r="C80" s="70"/>
      <c r="D80" s="70"/>
      <c r="E80" s="70"/>
      <c r="F80" s="70"/>
      <c r="G80" s="70"/>
      <c r="H80" s="70"/>
      <c r="I80" s="70"/>
      <c r="J80" s="70"/>
      <c r="K80" s="70"/>
      <c r="L80" s="70"/>
      <c r="M80" s="70"/>
      <c r="N80" s="70"/>
      <c r="O80" s="70"/>
      <c r="P80" s="70"/>
      <c r="Q80" s="70"/>
      <c r="R80" s="70"/>
      <c r="S80" s="70"/>
      <c r="T80" s="70"/>
      <c r="U80" s="70"/>
      <c r="V80" s="70"/>
      <c r="W80" s="70"/>
      <c r="X80" s="70"/>
      <c r="Y80" s="70"/>
      <c r="Z80" s="70"/>
      <c r="AA80" s="70"/>
      <c r="AB80" s="70"/>
      <c r="AC80" s="70"/>
      <c r="AD80" s="70"/>
      <c r="AE80" s="70"/>
      <c r="AF80" s="70"/>
    </row>
    <row r="81" spans="3:32" x14ac:dyDescent="0.2">
      <c r="C81" s="70"/>
      <c r="D81" s="70"/>
      <c r="E81" s="70"/>
      <c r="F81" s="70"/>
      <c r="G81" s="70"/>
      <c r="H81" s="70"/>
      <c r="I81" s="70"/>
      <c r="J81" s="70"/>
      <c r="K81" s="70"/>
      <c r="L81" s="70"/>
      <c r="M81" s="70"/>
      <c r="N81" s="70"/>
      <c r="O81" s="70"/>
      <c r="P81" s="70"/>
      <c r="Q81" s="70"/>
      <c r="R81" s="70"/>
      <c r="S81" s="70"/>
      <c r="T81" s="70"/>
      <c r="U81" s="70"/>
      <c r="V81" s="70"/>
      <c r="W81" s="70"/>
      <c r="X81" s="70"/>
      <c r="Y81" s="70"/>
      <c r="Z81" s="70"/>
      <c r="AA81" s="70"/>
      <c r="AB81" s="70"/>
      <c r="AC81" s="70"/>
      <c r="AD81" s="70"/>
      <c r="AE81" s="70"/>
      <c r="AF81" s="70"/>
    </row>
    <row r="82" spans="3:32" x14ac:dyDescent="0.2">
      <c r="C82" s="70"/>
      <c r="D82" s="70"/>
      <c r="E82" s="70"/>
      <c r="F82" s="70"/>
      <c r="G82" s="70"/>
      <c r="H82" s="70"/>
      <c r="I82" s="70"/>
      <c r="J82" s="70"/>
      <c r="K82" s="70"/>
      <c r="L82" s="70"/>
      <c r="M82" s="70"/>
      <c r="N82" s="70"/>
      <c r="O82" s="70"/>
      <c r="P82" s="70"/>
      <c r="Q82" s="70"/>
      <c r="R82" s="70"/>
      <c r="S82" s="70"/>
      <c r="T82" s="70"/>
      <c r="U82" s="70"/>
      <c r="V82" s="70"/>
      <c r="W82" s="70"/>
      <c r="X82" s="70"/>
      <c r="Y82" s="70"/>
      <c r="Z82" s="70"/>
      <c r="AA82" s="70"/>
      <c r="AB82" s="70"/>
      <c r="AC82" s="70"/>
      <c r="AD82" s="70"/>
      <c r="AE82" s="70"/>
      <c r="AF82" s="70"/>
    </row>
    <row r="83" spans="3:32" x14ac:dyDescent="0.2">
      <c r="C83" s="70"/>
      <c r="D83" s="70"/>
      <c r="E83" s="70"/>
      <c r="F83" s="70"/>
      <c r="G83" s="70"/>
      <c r="H83" s="70"/>
      <c r="I83" s="70"/>
      <c r="J83" s="70"/>
      <c r="K83" s="70"/>
      <c r="L83" s="70"/>
      <c r="M83" s="70"/>
      <c r="N83" s="70"/>
      <c r="O83" s="70"/>
      <c r="P83" s="70"/>
      <c r="Q83" s="70"/>
      <c r="R83" s="70"/>
      <c r="S83" s="70"/>
      <c r="T83" s="70"/>
      <c r="U83" s="70"/>
      <c r="V83" s="70"/>
      <c r="W83" s="70"/>
      <c r="X83" s="70"/>
      <c r="Y83" s="70"/>
      <c r="Z83" s="70"/>
      <c r="AA83" s="70"/>
      <c r="AB83" s="70"/>
      <c r="AC83" s="70"/>
      <c r="AD83" s="70"/>
      <c r="AE83" s="70"/>
      <c r="AF83" s="70"/>
    </row>
    <row r="84" spans="3:32" x14ac:dyDescent="0.2">
      <c r="C84" s="70"/>
      <c r="D84" s="70"/>
      <c r="E84" s="70"/>
      <c r="F84" s="70"/>
      <c r="G84" s="70"/>
      <c r="H84" s="70"/>
      <c r="I84" s="70"/>
      <c r="J84" s="70"/>
      <c r="K84" s="70"/>
      <c r="L84" s="70"/>
      <c r="M84" s="70"/>
      <c r="N84" s="70"/>
      <c r="O84" s="70"/>
      <c r="P84" s="70"/>
      <c r="Q84" s="70"/>
      <c r="R84" s="70"/>
      <c r="S84" s="70"/>
      <c r="T84" s="70"/>
      <c r="U84" s="70"/>
      <c r="V84" s="70"/>
      <c r="W84" s="70"/>
      <c r="X84" s="70"/>
      <c r="Y84" s="70"/>
      <c r="Z84" s="70"/>
      <c r="AA84" s="70"/>
      <c r="AB84" s="70"/>
      <c r="AC84" s="70"/>
      <c r="AD84" s="70"/>
      <c r="AE84" s="70"/>
      <c r="AF84" s="70"/>
    </row>
    <row r="85" spans="3:32" x14ac:dyDescent="0.2">
      <c r="C85" s="70"/>
      <c r="D85" s="70"/>
      <c r="E85" s="70"/>
      <c r="F85" s="70"/>
      <c r="G85" s="70"/>
      <c r="H85" s="70"/>
      <c r="I85" s="70"/>
      <c r="J85" s="70"/>
      <c r="K85" s="70"/>
      <c r="L85" s="70"/>
      <c r="M85" s="70"/>
      <c r="N85" s="70"/>
      <c r="O85" s="70"/>
      <c r="P85" s="70"/>
      <c r="Q85" s="70"/>
      <c r="R85" s="70"/>
      <c r="S85" s="70"/>
      <c r="T85" s="70"/>
      <c r="U85" s="70"/>
      <c r="V85" s="70"/>
      <c r="W85" s="70"/>
      <c r="X85" s="70"/>
      <c r="Y85" s="70"/>
      <c r="Z85" s="70"/>
      <c r="AA85" s="70"/>
      <c r="AB85" s="70"/>
      <c r="AC85" s="70"/>
      <c r="AD85" s="70"/>
      <c r="AE85" s="70"/>
      <c r="AF85" s="70"/>
    </row>
    <row r="86" spans="3:32" x14ac:dyDescent="0.2">
      <c r="C86" s="70"/>
      <c r="D86" s="70"/>
      <c r="E86" s="70"/>
      <c r="F86" s="70"/>
      <c r="G86" s="70"/>
      <c r="H86" s="70"/>
      <c r="I86" s="70"/>
      <c r="J86" s="70"/>
      <c r="K86" s="70"/>
      <c r="L86" s="70"/>
      <c r="M86" s="70"/>
      <c r="N86" s="70"/>
      <c r="O86" s="70"/>
      <c r="P86" s="70"/>
      <c r="Q86" s="70"/>
      <c r="R86" s="70"/>
      <c r="S86" s="70"/>
      <c r="T86" s="70"/>
      <c r="U86" s="70"/>
      <c r="V86" s="70"/>
      <c r="W86" s="70"/>
      <c r="X86" s="70"/>
      <c r="Y86" s="70"/>
      <c r="Z86" s="70"/>
      <c r="AA86" s="70"/>
      <c r="AB86" s="70"/>
      <c r="AC86" s="70"/>
      <c r="AD86" s="70"/>
      <c r="AE86" s="70"/>
      <c r="AF86" s="70"/>
    </row>
    <row r="87" spans="3:32" x14ac:dyDescent="0.2">
      <c r="C87" s="70"/>
      <c r="D87" s="70"/>
      <c r="E87" s="70"/>
      <c r="F87" s="70"/>
      <c r="G87" s="70"/>
      <c r="H87" s="70"/>
      <c r="I87" s="70"/>
      <c r="J87" s="70"/>
      <c r="K87" s="70"/>
      <c r="L87" s="70"/>
      <c r="M87" s="70"/>
      <c r="N87" s="70"/>
      <c r="O87" s="70"/>
      <c r="P87" s="70"/>
      <c r="Q87" s="70"/>
      <c r="R87" s="70"/>
      <c r="S87" s="70"/>
      <c r="T87" s="70"/>
      <c r="U87" s="70"/>
      <c r="V87" s="70"/>
      <c r="W87" s="70"/>
      <c r="X87" s="70"/>
      <c r="Y87" s="70"/>
      <c r="Z87" s="70"/>
      <c r="AA87" s="70"/>
      <c r="AB87" s="70"/>
      <c r="AC87" s="70"/>
      <c r="AD87" s="70"/>
      <c r="AE87" s="70"/>
      <c r="AF87" s="70"/>
    </row>
    <row r="88" spans="3:32" x14ac:dyDescent="0.2">
      <c r="C88" s="70"/>
      <c r="D88" s="70"/>
      <c r="E88" s="70"/>
      <c r="F88" s="70"/>
      <c r="G88" s="70"/>
      <c r="H88" s="70"/>
      <c r="I88" s="70"/>
      <c r="J88" s="70"/>
      <c r="K88" s="70"/>
      <c r="L88" s="70"/>
      <c r="M88" s="70"/>
      <c r="N88" s="70"/>
      <c r="O88" s="70"/>
      <c r="P88" s="70"/>
      <c r="Q88" s="70"/>
      <c r="R88" s="70"/>
      <c r="S88" s="70"/>
      <c r="T88" s="70"/>
      <c r="U88" s="70"/>
      <c r="V88" s="70"/>
      <c r="W88" s="70"/>
      <c r="X88" s="70"/>
      <c r="Y88" s="70"/>
      <c r="Z88" s="70"/>
      <c r="AA88" s="70"/>
      <c r="AB88" s="70"/>
      <c r="AC88" s="70"/>
      <c r="AD88" s="70"/>
      <c r="AE88" s="70"/>
      <c r="AF88" s="70"/>
    </row>
    <row r="89" spans="3:32" x14ac:dyDescent="0.2">
      <c r="C89" s="70"/>
      <c r="D89" s="70"/>
      <c r="E89" s="70"/>
      <c r="F89" s="70"/>
      <c r="G89" s="70"/>
      <c r="H89" s="70"/>
      <c r="I89" s="70"/>
      <c r="J89" s="70"/>
      <c r="K89" s="70"/>
      <c r="L89" s="70"/>
      <c r="M89" s="70"/>
      <c r="N89" s="70"/>
      <c r="O89" s="70"/>
      <c r="P89" s="70"/>
      <c r="Q89" s="70"/>
      <c r="R89" s="70"/>
      <c r="S89" s="70"/>
      <c r="T89" s="70"/>
      <c r="U89" s="70"/>
      <c r="V89" s="70"/>
      <c r="W89" s="70"/>
      <c r="X89" s="70"/>
      <c r="Y89" s="70"/>
      <c r="Z89" s="70"/>
      <c r="AA89" s="70"/>
      <c r="AB89" s="70"/>
      <c r="AC89" s="70"/>
      <c r="AD89" s="70"/>
      <c r="AE89" s="70"/>
      <c r="AF89" s="70"/>
    </row>
    <row r="90" spans="3:32" x14ac:dyDescent="0.2">
      <c r="C90" s="70"/>
      <c r="D90" s="70"/>
      <c r="E90" s="70"/>
      <c r="F90" s="70"/>
      <c r="G90" s="70"/>
      <c r="H90" s="70"/>
      <c r="I90" s="70"/>
      <c r="J90" s="70"/>
      <c r="K90" s="70"/>
      <c r="L90" s="70"/>
      <c r="M90" s="70"/>
      <c r="N90" s="70"/>
      <c r="O90" s="70"/>
      <c r="P90" s="70"/>
      <c r="Q90" s="70"/>
      <c r="R90" s="70"/>
      <c r="S90" s="70"/>
      <c r="T90" s="70"/>
      <c r="U90" s="70"/>
      <c r="V90" s="70"/>
      <c r="W90" s="70"/>
      <c r="X90" s="70"/>
      <c r="Y90" s="70"/>
      <c r="Z90" s="70"/>
      <c r="AA90" s="70"/>
      <c r="AB90" s="70"/>
      <c r="AC90" s="70"/>
      <c r="AD90" s="70"/>
      <c r="AE90" s="70"/>
      <c r="AF90" s="70"/>
    </row>
    <row r="91" spans="3:32" x14ac:dyDescent="0.2">
      <c r="C91" s="70"/>
      <c r="D91" s="70"/>
      <c r="E91" s="70"/>
      <c r="F91" s="70"/>
      <c r="G91" s="70"/>
      <c r="H91" s="70"/>
      <c r="I91" s="70"/>
      <c r="J91" s="70"/>
      <c r="K91" s="70"/>
      <c r="L91" s="70"/>
      <c r="M91" s="70"/>
      <c r="N91" s="70"/>
      <c r="O91" s="70"/>
      <c r="P91" s="70"/>
      <c r="Q91" s="70"/>
      <c r="R91" s="70"/>
      <c r="S91" s="70"/>
      <c r="T91" s="70"/>
      <c r="U91" s="70"/>
      <c r="V91" s="70"/>
      <c r="W91" s="70"/>
      <c r="X91" s="70"/>
      <c r="Y91" s="70"/>
      <c r="Z91" s="70"/>
      <c r="AA91" s="70"/>
      <c r="AB91" s="70"/>
      <c r="AC91" s="70"/>
      <c r="AD91" s="70"/>
      <c r="AE91" s="70"/>
      <c r="AF91" s="70"/>
    </row>
    <row r="92" spans="3:32" x14ac:dyDescent="0.2">
      <c r="C92" s="70"/>
      <c r="D92" s="70"/>
      <c r="E92" s="70"/>
      <c r="F92" s="70"/>
      <c r="G92" s="70"/>
      <c r="H92" s="70"/>
      <c r="I92" s="70"/>
      <c r="J92" s="70"/>
      <c r="K92" s="70"/>
      <c r="L92" s="70"/>
      <c r="M92" s="70"/>
      <c r="N92" s="70"/>
      <c r="O92" s="70"/>
      <c r="P92" s="70"/>
      <c r="Q92" s="70"/>
      <c r="R92" s="70"/>
      <c r="S92" s="70"/>
      <c r="T92" s="70"/>
      <c r="U92" s="70"/>
      <c r="V92" s="70"/>
      <c r="W92" s="70"/>
      <c r="X92" s="70"/>
      <c r="Y92" s="70"/>
      <c r="Z92" s="70"/>
      <c r="AA92" s="70"/>
      <c r="AB92" s="70"/>
      <c r="AC92" s="70"/>
      <c r="AD92" s="70"/>
      <c r="AE92" s="70"/>
      <c r="AF92" s="70"/>
    </row>
    <row r="93" spans="3:32" x14ac:dyDescent="0.2">
      <c r="C93" s="70"/>
      <c r="D93" s="70"/>
      <c r="E93" s="70"/>
      <c r="F93" s="70"/>
      <c r="G93" s="70"/>
      <c r="H93" s="70"/>
      <c r="I93" s="70"/>
      <c r="J93" s="70"/>
      <c r="K93" s="70"/>
      <c r="L93" s="70"/>
      <c r="M93" s="70"/>
      <c r="N93" s="70"/>
      <c r="O93" s="70"/>
      <c r="P93" s="70"/>
      <c r="Q93" s="70"/>
      <c r="R93" s="70"/>
      <c r="S93" s="70"/>
      <c r="T93" s="70"/>
      <c r="U93" s="70"/>
      <c r="V93" s="70"/>
      <c r="W93" s="70"/>
      <c r="X93" s="70"/>
      <c r="Y93" s="70"/>
      <c r="Z93" s="70"/>
      <c r="AA93" s="70"/>
      <c r="AB93" s="70"/>
      <c r="AC93" s="70"/>
      <c r="AD93" s="70"/>
      <c r="AE93" s="70"/>
      <c r="AF93" s="70"/>
    </row>
    <row r="94" spans="3:32" x14ac:dyDescent="0.2">
      <c r="C94" s="70"/>
      <c r="D94" s="70"/>
      <c r="E94" s="70"/>
      <c r="F94" s="70"/>
      <c r="G94" s="70"/>
      <c r="H94" s="70"/>
      <c r="I94" s="70"/>
      <c r="J94" s="70"/>
      <c r="K94" s="70"/>
      <c r="L94" s="70"/>
      <c r="M94" s="70"/>
      <c r="N94" s="70"/>
      <c r="O94" s="70"/>
      <c r="P94" s="70"/>
      <c r="Q94" s="70"/>
      <c r="R94" s="70"/>
      <c r="S94" s="70"/>
      <c r="T94" s="70"/>
      <c r="U94" s="70"/>
      <c r="V94" s="70"/>
      <c r="W94" s="70"/>
      <c r="X94" s="70"/>
      <c r="Y94" s="70"/>
      <c r="Z94" s="70"/>
      <c r="AA94" s="70"/>
      <c r="AB94" s="70"/>
      <c r="AC94" s="70"/>
      <c r="AD94" s="70"/>
      <c r="AE94" s="70"/>
      <c r="AF94" s="70"/>
    </row>
    <row r="95" spans="3:32" x14ac:dyDescent="0.2">
      <c r="C95" s="70"/>
      <c r="D95" s="70"/>
      <c r="E95" s="70"/>
      <c r="F95" s="70"/>
      <c r="G95" s="70"/>
      <c r="H95" s="70"/>
      <c r="I95" s="70"/>
      <c r="J95" s="70"/>
      <c r="K95" s="70"/>
      <c r="L95" s="70"/>
      <c r="M95" s="70"/>
      <c r="N95" s="70"/>
      <c r="O95" s="70"/>
      <c r="P95" s="70"/>
      <c r="Q95" s="70"/>
      <c r="R95" s="70"/>
      <c r="S95" s="70"/>
      <c r="T95" s="70"/>
      <c r="U95" s="70"/>
      <c r="V95" s="70"/>
      <c r="W95" s="70"/>
      <c r="X95" s="70"/>
      <c r="Y95" s="70"/>
      <c r="Z95" s="70"/>
      <c r="AA95" s="70"/>
      <c r="AB95" s="70"/>
      <c r="AC95" s="70"/>
      <c r="AD95" s="70"/>
      <c r="AE95" s="70"/>
      <c r="AF95" s="70"/>
    </row>
    <row r="96" spans="3:32" x14ac:dyDescent="0.2">
      <c r="C96" s="70"/>
      <c r="D96" s="70"/>
      <c r="E96" s="70"/>
      <c r="F96" s="70"/>
      <c r="G96" s="70"/>
      <c r="H96" s="70"/>
      <c r="I96" s="70"/>
      <c r="J96" s="70"/>
      <c r="K96" s="70"/>
      <c r="L96" s="70"/>
      <c r="M96" s="70"/>
      <c r="N96" s="70"/>
      <c r="O96" s="70"/>
      <c r="P96" s="70"/>
      <c r="Q96" s="70"/>
      <c r="R96" s="70"/>
      <c r="S96" s="70"/>
      <c r="T96" s="70"/>
      <c r="U96" s="70"/>
      <c r="V96" s="70"/>
      <c r="W96" s="70"/>
      <c r="X96" s="70"/>
      <c r="Y96" s="70"/>
      <c r="Z96" s="70"/>
      <c r="AA96" s="70"/>
      <c r="AB96" s="70"/>
      <c r="AC96" s="70"/>
      <c r="AD96" s="70"/>
      <c r="AE96" s="70"/>
      <c r="AF96" s="70"/>
    </row>
    <row r="97" spans="3:32" x14ac:dyDescent="0.2">
      <c r="C97" s="70"/>
      <c r="D97" s="70"/>
      <c r="E97" s="70"/>
      <c r="F97" s="70"/>
      <c r="G97" s="70"/>
      <c r="H97" s="70"/>
      <c r="I97" s="70"/>
      <c r="J97" s="70"/>
      <c r="K97" s="70"/>
      <c r="L97" s="70"/>
      <c r="M97" s="70"/>
      <c r="N97" s="70"/>
      <c r="O97" s="70"/>
      <c r="P97" s="70"/>
      <c r="Q97" s="70"/>
      <c r="R97" s="70"/>
      <c r="S97" s="70"/>
      <c r="T97" s="70"/>
      <c r="U97" s="70"/>
      <c r="V97" s="70"/>
      <c r="W97" s="70"/>
      <c r="X97" s="70"/>
      <c r="Y97" s="70"/>
      <c r="Z97" s="70"/>
      <c r="AA97" s="70"/>
      <c r="AB97" s="70"/>
      <c r="AC97" s="70"/>
      <c r="AD97" s="70"/>
      <c r="AE97" s="70"/>
      <c r="AF97" s="70"/>
    </row>
    <row r="98" spans="3:32" x14ac:dyDescent="0.2">
      <c r="C98" s="70"/>
      <c r="D98" s="70"/>
      <c r="E98" s="70"/>
      <c r="F98" s="70"/>
      <c r="G98" s="70"/>
      <c r="H98" s="70"/>
      <c r="I98" s="70"/>
      <c r="J98" s="70"/>
      <c r="K98" s="70"/>
      <c r="L98" s="70"/>
      <c r="M98" s="70"/>
      <c r="N98" s="70"/>
      <c r="O98" s="70"/>
      <c r="P98" s="70"/>
      <c r="Q98" s="70"/>
      <c r="R98" s="70"/>
      <c r="S98" s="70"/>
      <c r="T98" s="70"/>
      <c r="U98" s="70"/>
      <c r="V98" s="70"/>
      <c r="W98" s="70"/>
      <c r="X98" s="70"/>
      <c r="Y98" s="70"/>
      <c r="Z98" s="70"/>
      <c r="AA98" s="70"/>
      <c r="AB98" s="70"/>
      <c r="AC98" s="70"/>
      <c r="AD98" s="70"/>
      <c r="AE98" s="70"/>
      <c r="AF98" s="70"/>
    </row>
    <row r="99" spans="3:32" x14ac:dyDescent="0.2">
      <c r="C99" s="70"/>
      <c r="D99" s="70"/>
      <c r="E99" s="70"/>
      <c r="F99" s="70"/>
      <c r="G99" s="70"/>
      <c r="H99" s="70"/>
      <c r="I99" s="70"/>
      <c r="J99" s="70"/>
      <c r="K99" s="70"/>
      <c r="L99" s="70"/>
      <c r="M99" s="70"/>
      <c r="N99" s="70"/>
      <c r="O99" s="70"/>
      <c r="P99" s="70"/>
      <c r="Q99" s="70"/>
      <c r="R99" s="70"/>
      <c r="S99" s="70"/>
      <c r="T99" s="70"/>
      <c r="U99" s="70"/>
      <c r="V99" s="70"/>
      <c r="W99" s="70"/>
      <c r="X99" s="70"/>
      <c r="Y99" s="70"/>
      <c r="Z99" s="70"/>
      <c r="AA99" s="70"/>
      <c r="AB99" s="70"/>
      <c r="AC99" s="70"/>
      <c r="AD99" s="70"/>
      <c r="AE99" s="70"/>
      <c r="AF99" s="70"/>
    </row>
    <row r="100" spans="3:32" x14ac:dyDescent="0.2">
      <c r="C100" s="70"/>
      <c r="D100" s="70"/>
      <c r="E100" s="70"/>
      <c r="F100" s="70"/>
      <c r="G100" s="70"/>
      <c r="H100" s="70"/>
      <c r="I100" s="70"/>
      <c r="J100" s="70"/>
      <c r="K100" s="70"/>
      <c r="L100" s="70"/>
      <c r="M100" s="70"/>
      <c r="N100" s="70"/>
      <c r="O100" s="70"/>
      <c r="P100" s="70"/>
      <c r="Q100" s="70"/>
      <c r="R100" s="70"/>
      <c r="S100" s="70"/>
      <c r="T100" s="70"/>
      <c r="U100" s="70"/>
      <c r="V100" s="70"/>
      <c r="W100" s="70"/>
      <c r="X100" s="70"/>
      <c r="Y100" s="70"/>
      <c r="Z100" s="70"/>
      <c r="AA100" s="70"/>
      <c r="AB100" s="70"/>
      <c r="AC100" s="70"/>
      <c r="AD100" s="70"/>
      <c r="AE100" s="70"/>
      <c r="AF100" s="70"/>
    </row>
    <row r="101" spans="3:32" x14ac:dyDescent="0.2">
      <c r="C101" s="70"/>
      <c r="D101" s="70"/>
      <c r="E101" s="70"/>
      <c r="F101" s="70"/>
      <c r="G101" s="70"/>
      <c r="H101" s="70"/>
      <c r="I101" s="70"/>
      <c r="J101" s="70"/>
      <c r="K101" s="70"/>
      <c r="L101" s="70"/>
      <c r="M101" s="70"/>
      <c r="N101" s="70"/>
      <c r="O101" s="70"/>
      <c r="P101" s="70"/>
      <c r="Q101" s="70"/>
      <c r="R101" s="70"/>
      <c r="S101" s="70"/>
      <c r="T101" s="70"/>
      <c r="U101" s="70"/>
      <c r="V101" s="70"/>
      <c r="W101" s="70"/>
      <c r="X101" s="70"/>
      <c r="Y101" s="70"/>
      <c r="Z101" s="70"/>
      <c r="AA101" s="70"/>
      <c r="AB101" s="70"/>
      <c r="AC101" s="70"/>
      <c r="AD101" s="70"/>
      <c r="AE101" s="70"/>
      <c r="AF101" s="70"/>
    </row>
    <row r="102" spans="3:32" x14ac:dyDescent="0.2">
      <c r="C102" s="70"/>
      <c r="D102" s="70"/>
      <c r="E102" s="70"/>
      <c r="F102" s="70"/>
      <c r="G102" s="70"/>
      <c r="H102" s="70"/>
      <c r="I102" s="70"/>
      <c r="J102" s="70"/>
      <c r="K102" s="70"/>
      <c r="L102" s="70"/>
      <c r="M102" s="70"/>
      <c r="N102" s="70"/>
      <c r="O102" s="70"/>
      <c r="P102" s="70"/>
      <c r="Q102" s="70"/>
      <c r="R102" s="70"/>
      <c r="S102" s="70"/>
      <c r="T102" s="70"/>
      <c r="U102" s="70"/>
      <c r="V102" s="70"/>
      <c r="W102" s="70"/>
      <c r="X102" s="70"/>
      <c r="Y102" s="70"/>
      <c r="Z102" s="70"/>
      <c r="AA102" s="70"/>
      <c r="AB102" s="70"/>
      <c r="AC102" s="70"/>
      <c r="AD102" s="70"/>
      <c r="AE102" s="70"/>
      <c r="AF102" s="70"/>
    </row>
    <row r="103" spans="3:32" x14ac:dyDescent="0.2">
      <c r="C103" s="70"/>
      <c r="D103" s="70"/>
      <c r="E103" s="70"/>
      <c r="F103" s="70"/>
      <c r="G103" s="70"/>
      <c r="H103" s="70"/>
      <c r="I103" s="70"/>
      <c r="J103" s="70"/>
      <c r="K103" s="70"/>
      <c r="L103" s="70"/>
      <c r="M103" s="70"/>
      <c r="N103" s="70"/>
      <c r="O103" s="70"/>
      <c r="P103" s="70"/>
      <c r="Q103" s="70"/>
      <c r="R103" s="70"/>
      <c r="S103" s="70"/>
      <c r="T103" s="70"/>
      <c r="U103" s="70"/>
      <c r="V103" s="70"/>
      <c r="W103" s="70"/>
      <c r="X103" s="70"/>
      <c r="Y103" s="70"/>
      <c r="Z103" s="70"/>
      <c r="AA103" s="70"/>
      <c r="AB103" s="70"/>
      <c r="AC103" s="70"/>
      <c r="AD103" s="70"/>
      <c r="AE103" s="70"/>
      <c r="AF103" s="70"/>
    </row>
    <row r="104" spans="3:32" x14ac:dyDescent="0.2">
      <c r="C104" s="70"/>
      <c r="D104" s="70"/>
      <c r="E104" s="70"/>
      <c r="F104" s="70"/>
      <c r="G104" s="70"/>
      <c r="H104" s="70"/>
      <c r="I104" s="70"/>
      <c r="J104" s="70"/>
      <c r="K104" s="70"/>
      <c r="L104" s="70"/>
      <c r="M104" s="70"/>
      <c r="N104" s="70"/>
      <c r="O104" s="70"/>
      <c r="P104" s="70"/>
      <c r="Q104" s="70"/>
      <c r="R104" s="70"/>
      <c r="S104" s="70"/>
      <c r="T104" s="70"/>
      <c r="U104" s="70"/>
      <c r="V104" s="70"/>
      <c r="W104" s="70"/>
      <c r="X104" s="70"/>
      <c r="Y104" s="70"/>
      <c r="Z104" s="70"/>
      <c r="AA104" s="70"/>
      <c r="AB104" s="70"/>
      <c r="AC104" s="70"/>
      <c r="AD104" s="70"/>
      <c r="AE104" s="70"/>
      <c r="AF104" s="70"/>
    </row>
    <row r="105" spans="3:32" x14ac:dyDescent="0.2">
      <c r="C105" s="70"/>
      <c r="D105" s="70"/>
      <c r="E105" s="70"/>
      <c r="F105" s="70"/>
      <c r="G105" s="70"/>
      <c r="H105" s="70"/>
      <c r="I105" s="70"/>
      <c r="J105" s="70"/>
      <c r="K105" s="70"/>
      <c r="L105" s="70"/>
      <c r="M105" s="70"/>
      <c r="N105" s="70"/>
      <c r="O105" s="70"/>
      <c r="P105" s="70"/>
      <c r="Q105" s="70"/>
      <c r="R105" s="70"/>
      <c r="S105" s="70"/>
      <c r="T105" s="70"/>
      <c r="U105" s="70"/>
      <c r="V105" s="70"/>
      <c r="W105" s="70"/>
      <c r="X105" s="70"/>
      <c r="Y105" s="70"/>
      <c r="Z105" s="70"/>
      <c r="AA105" s="70"/>
      <c r="AB105" s="70"/>
      <c r="AC105" s="70"/>
      <c r="AD105" s="70"/>
      <c r="AE105" s="70"/>
      <c r="AF105" s="70"/>
    </row>
    <row r="106" spans="3:32" x14ac:dyDescent="0.2">
      <c r="C106" s="70"/>
      <c r="D106" s="70"/>
      <c r="E106" s="70"/>
      <c r="F106" s="70"/>
      <c r="G106" s="70"/>
      <c r="H106" s="70"/>
      <c r="I106" s="70"/>
      <c r="J106" s="70"/>
      <c r="K106" s="70"/>
      <c r="L106" s="70"/>
      <c r="M106" s="70"/>
      <c r="N106" s="70"/>
      <c r="O106" s="70"/>
      <c r="P106" s="70"/>
      <c r="Q106" s="70"/>
      <c r="R106" s="70"/>
      <c r="S106" s="70"/>
      <c r="T106" s="70"/>
      <c r="U106" s="70"/>
      <c r="V106" s="70"/>
      <c r="W106" s="70"/>
      <c r="X106" s="70"/>
      <c r="Y106" s="70"/>
      <c r="Z106" s="70"/>
      <c r="AA106" s="70"/>
      <c r="AB106" s="70"/>
      <c r="AC106" s="70"/>
      <c r="AD106" s="70"/>
      <c r="AE106" s="70"/>
      <c r="AF106" s="70"/>
    </row>
    <row r="107" spans="3:32" x14ac:dyDescent="0.2">
      <c r="C107" s="70"/>
      <c r="D107" s="70"/>
      <c r="E107" s="70"/>
      <c r="F107" s="70"/>
      <c r="G107" s="70"/>
      <c r="H107" s="70"/>
      <c r="I107" s="70"/>
      <c r="J107" s="70"/>
      <c r="K107" s="70"/>
      <c r="L107" s="70"/>
      <c r="M107" s="70"/>
      <c r="N107" s="70"/>
      <c r="O107" s="70"/>
      <c r="P107" s="70"/>
      <c r="Q107" s="70"/>
      <c r="R107" s="70"/>
      <c r="S107" s="70"/>
      <c r="T107" s="70"/>
      <c r="U107" s="70"/>
      <c r="V107" s="70"/>
      <c r="W107" s="70"/>
      <c r="X107" s="70"/>
      <c r="Y107" s="70"/>
      <c r="Z107" s="70"/>
      <c r="AA107" s="70"/>
      <c r="AB107" s="70"/>
      <c r="AC107" s="70"/>
      <c r="AD107" s="70"/>
      <c r="AE107" s="70"/>
      <c r="AF107" s="70"/>
    </row>
    <row r="108" spans="3:32" x14ac:dyDescent="0.2">
      <c r="C108" s="70"/>
      <c r="D108" s="70"/>
      <c r="E108" s="70"/>
      <c r="F108" s="70"/>
      <c r="G108" s="70"/>
      <c r="H108" s="70"/>
      <c r="I108" s="70"/>
      <c r="J108" s="70"/>
      <c r="K108" s="70"/>
      <c r="L108" s="70"/>
      <c r="M108" s="70"/>
      <c r="N108" s="70"/>
      <c r="O108" s="70"/>
      <c r="P108" s="70"/>
      <c r="Q108" s="70"/>
      <c r="R108" s="70"/>
      <c r="S108" s="70"/>
      <c r="T108" s="70"/>
      <c r="U108" s="70"/>
      <c r="V108" s="70"/>
      <c r="W108" s="70"/>
      <c r="X108" s="70"/>
      <c r="Y108" s="70"/>
      <c r="Z108" s="70"/>
      <c r="AA108" s="70"/>
      <c r="AB108" s="70"/>
      <c r="AC108" s="70"/>
      <c r="AD108" s="70"/>
      <c r="AE108" s="70"/>
      <c r="AF108" s="70"/>
    </row>
    <row r="109" spans="3:32" x14ac:dyDescent="0.2">
      <c r="C109" s="70"/>
      <c r="D109" s="70"/>
      <c r="E109" s="70"/>
      <c r="F109" s="70"/>
      <c r="G109" s="70"/>
      <c r="H109" s="70"/>
      <c r="I109" s="70"/>
      <c r="J109" s="70"/>
      <c r="K109" s="70"/>
      <c r="L109" s="70"/>
      <c r="M109" s="70"/>
      <c r="N109" s="70"/>
      <c r="O109" s="70"/>
      <c r="P109" s="70"/>
      <c r="Q109" s="70"/>
      <c r="R109" s="70"/>
      <c r="S109" s="70"/>
      <c r="T109" s="70"/>
      <c r="U109" s="70"/>
      <c r="V109" s="70"/>
      <c r="W109" s="70"/>
      <c r="X109" s="70"/>
      <c r="Y109" s="70"/>
      <c r="Z109" s="70"/>
      <c r="AA109" s="70"/>
      <c r="AB109" s="70"/>
      <c r="AC109" s="70"/>
      <c r="AD109" s="70"/>
      <c r="AE109" s="70"/>
      <c r="AF109" s="70"/>
    </row>
    <row r="110" spans="3:32" x14ac:dyDescent="0.2">
      <c r="C110" s="70"/>
      <c r="D110" s="70"/>
      <c r="E110" s="70"/>
      <c r="F110" s="70"/>
      <c r="G110" s="70"/>
      <c r="H110" s="70"/>
      <c r="I110" s="70"/>
      <c r="J110" s="70"/>
      <c r="K110" s="70"/>
      <c r="L110" s="70"/>
      <c r="M110" s="70"/>
      <c r="N110" s="70"/>
      <c r="O110" s="70"/>
      <c r="P110" s="70"/>
      <c r="Q110" s="70"/>
      <c r="R110" s="70"/>
      <c r="S110" s="70"/>
      <c r="T110" s="70"/>
      <c r="U110" s="70"/>
      <c r="V110" s="70"/>
      <c r="W110" s="70"/>
      <c r="X110" s="70"/>
      <c r="Y110" s="70"/>
      <c r="Z110" s="70"/>
      <c r="AA110" s="70"/>
      <c r="AB110" s="70"/>
      <c r="AC110" s="70"/>
      <c r="AD110" s="70"/>
      <c r="AE110" s="70"/>
      <c r="AF110" s="70"/>
    </row>
    <row r="111" spans="3:32" x14ac:dyDescent="0.2">
      <c r="C111" s="70"/>
      <c r="D111" s="70"/>
      <c r="E111" s="70"/>
      <c r="F111" s="70"/>
      <c r="G111" s="70"/>
      <c r="H111" s="70"/>
      <c r="I111" s="70"/>
      <c r="J111" s="70"/>
      <c r="K111" s="70"/>
      <c r="L111" s="70"/>
      <c r="M111" s="70"/>
      <c r="N111" s="70"/>
      <c r="O111" s="70"/>
      <c r="P111" s="70"/>
      <c r="Q111" s="70"/>
      <c r="R111" s="70"/>
      <c r="S111" s="70"/>
      <c r="T111" s="70"/>
      <c r="U111" s="70"/>
      <c r="V111" s="70"/>
      <c r="W111" s="70"/>
      <c r="X111" s="70"/>
      <c r="Y111" s="70"/>
      <c r="Z111" s="70"/>
      <c r="AA111" s="70"/>
      <c r="AB111" s="70"/>
      <c r="AC111" s="70"/>
      <c r="AD111" s="70"/>
      <c r="AE111" s="70"/>
      <c r="AF111" s="70"/>
    </row>
    <row r="112" spans="3:32" x14ac:dyDescent="0.2">
      <c r="C112" s="70"/>
      <c r="D112" s="70"/>
      <c r="E112" s="70"/>
      <c r="F112" s="70"/>
      <c r="G112" s="70"/>
      <c r="H112" s="70"/>
      <c r="I112" s="70"/>
      <c r="J112" s="70"/>
      <c r="K112" s="70"/>
      <c r="L112" s="70"/>
      <c r="M112" s="70"/>
      <c r="N112" s="70"/>
      <c r="O112" s="70"/>
      <c r="P112" s="70"/>
      <c r="Q112" s="70"/>
      <c r="R112" s="70"/>
      <c r="S112" s="70"/>
      <c r="T112" s="70"/>
      <c r="U112" s="70"/>
      <c r="V112" s="70"/>
      <c r="W112" s="70"/>
      <c r="X112" s="70"/>
      <c r="Y112" s="70"/>
      <c r="Z112" s="70"/>
      <c r="AA112" s="70"/>
      <c r="AB112" s="70"/>
      <c r="AC112" s="70"/>
      <c r="AD112" s="70"/>
      <c r="AE112" s="70"/>
      <c r="AF112" s="70"/>
    </row>
    <row r="113" spans="3:32" x14ac:dyDescent="0.2">
      <c r="C113" s="70"/>
      <c r="D113" s="70"/>
      <c r="E113" s="70"/>
      <c r="F113" s="70"/>
      <c r="G113" s="70"/>
      <c r="H113" s="70"/>
      <c r="I113" s="70"/>
      <c r="J113" s="70"/>
      <c r="K113" s="70"/>
      <c r="L113" s="70"/>
      <c r="M113" s="70"/>
      <c r="N113" s="70"/>
      <c r="O113" s="70"/>
      <c r="P113" s="70"/>
      <c r="Q113" s="70"/>
      <c r="R113" s="70"/>
      <c r="S113" s="70"/>
      <c r="T113" s="70"/>
      <c r="U113" s="70"/>
      <c r="V113" s="70"/>
      <c r="W113" s="70"/>
      <c r="X113" s="70"/>
      <c r="Y113" s="70"/>
      <c r="Z113" s="70"/>
      <c r="AA113" s="70"/>
      <c r="AB113" s="70"/>
      <c r="AC113" s="70"/>
      <c r="AD113" s="70"/>
      <c r="AE113" s="70"/>
      <c r="AF113" s="70"/>
    </row>
    <row r="114" spans="3:32" x14ac:dyDescent="0.2">
      <c r="C114" s="70"/>
      <c r="D114" s="70"/>
      <c r="E114" s="70"/>
      <c r="F114" s="70"/>
      <c r="G114" s="70"/>
      <c r="H114" s="70"/>
      <c r="I114" s="70"/>
      <c r="J114" s="70"/>
      <c r="K114" s="70"/>
      <c r="L114" s="70"/>
      <c r="M114" s="70"/>
      <c r="N114" s="70"/>
      <c r="O114" s="70"/>
      <c r="P114" s="70"/>
      <c r="Q114" s="70"/>
      <c r="R114" s="70"/>
      <c r="S114" s="70"/>
      <c r="T114" s="70"/>
      <c r="U114" s="70"/>
      <c r="V114" s="70"/>
      <c r="W114" s="70"/>
      <c r="X114" s="70"/>
      <c r="Y114" s="70"/>
      <c r="Z114" s="70"/>
      <c r="AA114" s="70"/>
      <c r="AB114" s="70"/>
      <c r="AC114" s="70"/>
      <c r="AD114" s="70"/>
      <c r="AE114" s="70"/>
      <c r="AF114" s="70"/>
    </row>
    <row r="115" spans="3:32" x14ac:dyDescent="0.2">
      <c r="C115" s="70"/>
      <c r="D115" s="70"/>
      <c r="E115" s="70"/>
      <c r="F115" s="70"/>
      <c r="G115" s="70"/>
      <c r="H115" s="70"/>
      <c r="I115" s="70"/>
      <c r="J115" s="70"/>
      <c r="K115" s="70"/>
      <c r="L115" s="70"/>
      <c r="M115" s="70"/>
      <c r="N115" s="70"/>
      <c r="O115" s="70"/>
      <c r="P115" s="70"/>
      <c r="Q115" s="70"/>
      <c r="R115" s="70"/>
      <c r="S115" s="70"/>
      <c r="T115" s="70"/>
      <c r="U115" s="70"/>
      <c r="V115" s="70"/>
      <c r="W115" s="70"/>
      <c r="X115" s="70"/>
      <c r="Y115" s="70"/>
      <c r="Z115" s="70"/>
      <c r="AA115" s="70"/>
      <c r="AB115" s="70"/>
      <c r="AC115" s="70"/>
      <c r="AD115" s="70"/>
      <c r="AE115" s="70"/>
      <c r="AF115" s="70"/>
    </row>
    <row r="116" spans="3:32" x14ac:dyDescent="0.2">
      <c r="C116" s="70"/>
      <c r="D116" s="70"/>
      <c r="E116" s="70"/>
      <c r="F116" s="70"/>
      <c r="G116" s="70"/>
      <c r="H116" s="70"/>
      <c r="I116" s="70"/>
      <c r="J116" s="70"/>
      <c r="K116" s="70"/>
      <c r="L116" s="70"/>
      <c r="M116" s="70"/>
      <c r="N116" s="70"/>
      <c r="O116" s="70"/>
      <c r="P116" s="70"/>
      <c r="Q116" s="70"/>
      <c r="R116" s="70"/>
      <c r="S116" s="70"/>
      <c r="T116" s="70"/>
      <c r="U116" s="70"/>
      <c r="V116" s="70"/>
      <c r="W116" s="70"/>
      <c r="X116" s="70"/>
      <c r="Y116" s="70"/>
      <c r="Z116" s="70"/>
      <c r="AA116" s="70"/>
      <c r="AB116" s="70"/>
      <c r="AC116" s="70"/>
      <c r="AD116" s="70"/>
      <c r="AE116" s="70"/>
      <c r="AF116" s="70"/>
    </row>
    <row r="117" spans="3:32" x14ac:dyDescent="0.2">
      <c r="C117" s="70"/>
      <c r="D117" s="70"/>
      <c r="E117" s="70"/>
      <c r="F117" s="70"/>
      <c r="G117" s="70"/>
      <c r="H117" s="70"/>
      <c r="I117" s="70"/>
      <c r="J117" s="70"/>
      <c r="K117" s="70"/>
      <c r="L117" s="70"/>
      <c r="M117" s="70"/>
      <c r="N117" s="70"/>
      <c r="O117" s="70"/>
      <c r="P117" s="70"/>
      <c r="Q117" s="70"/>
      <c r="R117" s="70"/>
      <c r="S117" s="70"/>
      <c r="T117" s="70"/>
      <c r="U117" s="70"/>
      <c r="V117" s="70"/>
      <c r="W117" s="70"/>
      <c r="X117" s="70"/>
      <c r="Y117" s="70"/>
      <c r="Z117" s="70"/>
      <c r="AA117" s="70"/>
      <c r="AB117" s="70"/>
      <c r="AC117" s="70"/>
      <c r="AD117" s="70"/>
      <c r="AE117" s="70"/>
      <c r="AF117" s="70"/>
    </row>
    <row r="118" spans="3:32" x14ac:dyDescent="0.2">
      <c r="C118" s="70"/>
      <c r="D118" s="70"/>
      <c r="E118" s="70"/>
      <c r="F118" s="70"/>
      <c r="G118" s="70"/>
      <c r="H118" s="70"/>
      <c r="I118" s="70"/>
      <c r="J118" s="70"/>
      <c r="K118" s="70"/>
      <c r="L118" s="70"/>
      <c r="M118" s="70"/>
      <c r="N118" s="70"/>
      <c r="O118" s="70"/>
      <c r="P118" s="70"/>
      <c r="Q118" s="70"/>
      <c r="R118" s="70"/>
      <c r="S118" s="70"/>
      <c r="T118" s="70"/>
      <c r="U118" s="70"/>
      <c r="V118" s="70"/>
      <c r="W118" s="70"/>
      <c r="X118" s="70"/>
      <c r="Y118" s="70"/>
      <c r="Z118" s="70"/>
      <c r="AA118" s="70"/>
      <c r="AB118" s="70"/>
      <c r="AC118" s="70"/>
      <c r="AD118" s="70"/>
      <c r="AE118" s="70"/>
      <c r="AF118" s="70"/>
    </row>
    <row r="119" spans="3:32" x14ac:dyDescent="0.2">
      <c r="C119" s="70"/>
      <c r="D119" s="70"/>
      <c r="E119" s="70"/>
      <c r="F119" s="70"/>
      <c r="G119" s="70"/>
      <c r="H119" s="70"/>
      <c r="I119" s="70"/>
      <c r="J119" s="70"/>
      <c r="K119" s="70"/>
      <c r="L119" s="70"/>
      <c r="M119" s="70"/>
      <c r="N119" s="70"/>
      <c r="O119" s="70"/>
      <c r="P119" s="70"/>
      <c r="Q119" s="70"/>
      <c r="R119" s="70"/>
      <c r="S119" s="70"/>
      <c r="T119" s="70"/>
      <c r="U119" s="70"/>
      <c r="V119" s="70"/>
      <c r="W119" s="70"/>
      <c r="X119" s="70"/>
      <c r="Y119" s="70"/>
      <c r="Z119" s="70"/>
      <c r="AA119" s="70"/>
      <c r="AB119" s="70"/>
      <c r="AC119" s="70"/>
      <c r="AD119" s="70"/>
      <c r="AE119" s="70"/>
      <c r="AF119" s="70"/>
    </row>
    <row r="120" spans="3:32" x14ac:dyDescent="0.2">
      <c r="C120" s="70"/>
      <c r="D120" s="70"/>
      <c r="E120" s="70"/>
      <c r="F120" s="70"/>
      <c r="G120" s="70"/>
      <c r="H120" s="70"/>
      <c r="I120" s="70"/>
      <c r="J120" s="70"/>
      <c r="K120" s="70"/>
      <c r="L120" s="70"/>
      <c r="M120" s="70"/>
      <c r="N120" s="70"/>
      <c r="O120" s="70"/>
      <c r="P120" s="70"/>
      <c r="Q120" s="70"/>
      <c r="R120" s="70"/>
      <c r="S120" s="70"/>
      <c r="T120" s="70"/>
      <c r="U120" s="70"/>
      <c r="V120" s="70"/>
      <c r="W120" s="70"/>
      <c r="X120" s="70"/>
      <c r="Y120" s="70"/>
      <c r="Z120" s="70"/>
      <c r="AA120" s="70"/>
      <c r="AB120" s="70"/>
      <c r="AC120" s="70"/>
      <c r="AD120" s="70"/>
      <c r="AE120" s="70"/>
      <c r="AF120" s="70"/>
    </row>
    <row r="121" spans="3:32" x14ac:dyDescent="0.2">
      <c r="C121" s="70"/>
      <c r="D121" s="70"/>
      <c r="E121" s="70"/>
      <c r="F121" s="70"/>
      <c r="G121" s="70"/>
      <c r="H121" s="70"/>
      <c r="I121" s="70"/>
      <c r="J121" s="70"/>
      <c r="K121" s="70"/>
      <c r="L121" s="70"/>
      <c r="M121" s="70"/>
      <c r="N121" s="70"/>
      <c r="O121" s="70"/>
      <c r="P121" s="70"/>
      <c r="Q121" s="70"/>
      <c r="R121" s="70"/>
      <c r="S121" s="70"/>
      <c r="T121" s="70"/>
      <c r="U121" s="70"/>
      <c r="V121" s="70"/>
      <c r="W121" s="70"/>
      <c r="X121" s="70"/>
      <c r="Y121" s="70"/>
      <c r="Z121" s="70"/>
      <c r="AA121" s="70"/>
      <c r="AB121" s="70"/>
      <c r="AC121" s="70"/>
      <c r="AD121" s="70"/>
      <c r="AE121" s="70"/>
      <c r="AF121" s="70"/>
    </row>
    <row r="122" spans="3:32" x14ac:dyDescent="0.2">
      <c r="C122" s="70"/>
      <c r="D122" s="70"/>
      <c r="E122" s="70"/>
      <c r="F122" s="70"/>
      <c r="G122" s="70"/>
      <c r="H122" s="70"/>
      <c r="I122" s="70"/>
      <c r="J122" s="70"/>
      <c r="K122" s="70"/>
      <c r="L122" s="70"/>
      <c r="M122" s="70"/>
      <c r="N122" s="70"/>
      <c r="O122" s="70"/>
      <c r="P122" s="70"/>
      <c r="Q122" s="70"/>
      <c r="R122" s="70"/>
      <c r="S122" s="70"/>
      <c r="T122" s="70"/>
      <c r="U122" s="70"/>
      <c r="V122" s="70"/>
      <c r="W122" s="70"/>
      <c r="X122" s="70"/>
      <c r="Y122" s="70"/>
      <c r="Z122" s="70"/>
      <c r="AA122" s="70"/>
      <c r="AB122" s="70"/>
      <c r="AC122" s="70"/>
      <c r="AD122" s="70"/>
      <c r="AE122" s="70"/>
      <c r="AF122" s="70"/>
    </row>
    <row r="123" spans="3:32" x14ac:dyDescent="0.2">
      <c r="C123" s="70"/>
      <c r="D123" s="70"/>
      <c r="E123" s="70"/>
      <c r="F123" s="70"/>
      <c r="G123" s="70"/>
      <c r="H123" s="70"/>
      <c r="I123" s="70"/>
      <c r="J123" s="70"/>
      <c r="K123" s="70"/>
      <c r="L123" s="70"/>
      <c r="M123" s="70"/>
      <c r="N123" s="70"/>
      <c r="O123" s="70"/>
      <c r="P123" s="70"/>
      <c r="Q123" s="70"/>
      <c r="R123" s="70"/>
      <c r="S123" s="70"/>
      <c r="T123" s="70"/>
      <c r="U123" s="70"/>
      <c r="V123" s="70"/>
      <c r="W123" s="70"/>
      <c r="X123" s="70"/>
      <c r="Y123" s="70"/>
      <c r="Z123" s="70"/>
      <c r="AA123" s="70"/>
      <c r="AB123" s="70"/>
      <c r="AC123" s="70"/>
      <c r="AD123" s="70"/>
      <c r="AE123" s="70"/>
      <c r="AF123" s="70"/>
    </row>
    <row r="124" spans="3:32" x14ac:dyDescent="0.2">
      <c r="C124" s="70"/>
      <c r="D124" s="70"/>
      <c r="E124" s="70"/>
      <c r="F124" s="70"/>
      <c r="G124" s="70"/>
      <c r="H124" s="70"/>
      <c r="I124" s="70"/>
      <c r="J124" s="70"/>
      <c r="K124" s="70"/>
      <c r="L124" s="70"/>
      <c r="M124" s="70"/>
      <c r="N124" s="70"/>
      <c r="O124" s="70"/>
      <c r="P124" s="70"/>
      <c r="Q124" s="70"/>
      <c r="R124" s="70"/>
      <c r="S124" s="70"/>
      <c r="T124" s="70"/>
      <c r="U124" s="70"/>
      <c r="V124" s="70"/>
      <c r="W124" s="70"/>
      <c r="X124" s="70"/>
      <c r="Y124" s="70"/>
      <c r="Z124" s="70"/>
      <c r="AA124" s="70"/>
      <c r="AB124" s="70"/>
      <c r="AC124" s="70"/>
      <c r="AD124" s="70"/>
      <c r="AE124" s="70"/>
      <c r="AF124" s="70"/>
    </row>
    <row r="125" spans="3:32" x14ac:dyDescent="0.2">
      <c r="C125" s="70"/>
      <c r="D125" s="70"/>
      <c r="E125" s="70"/>
      <c r="F125" s="70"/>
      <c r="G125" s="70"/>
      <c r="H125" s="70"/>
      <c r="I125" s="70"/>
      <c r="J125" s="70"/>
      <c r="K125" s="70"/>
      <c r="L125" s="70"/>
      <c r="M125" s="70"/>
      <c r="N125" s="70"/>
      <c r="O125" s="70"/>
      <c r="P125" s="70"/>
      <c r="Q125" s="70"/>
      <c r="R125" s="70"/>
      <c r="S125" s="70"/>
      <c r="T125" s="70"/>
      <c r="U125" s="70"/>
      <c r="V125" s="70"/>
      <c r="W125" s="70"/>
      <c r="X125" s="70"/>
      <c r="Y125" s="70"/>
      <c r="Z125" s="70"/>
      <c r="AA125" s="70"/>
      <c r="AB125" s="70"/>
      <c r="AC125" s="70"/>
      <c r="AD125" s="70"/>
      <c r="AE125" s="70"/>
      <c r="AF125" s="70"/>
    </row>
    <row r="126" spans="3:32" x14ac:dyDescent="0.2">
      <c r="C126" s="70"/>
      <c r="D126" s="70"/>
      <c r="E126" s="70"/>
      <c r="F126" s="70"/>
      <c r="G126" s="70"/>
      <c r="H126" s="70"/>
      <c r="I126" s="70"/>
      <c r="J126" s="70"/>
      <c r="K126" s="70"/>
      <c r="L126" s="70"/>
      <c r="M126" s="70"/>
      <c r="N126" s="70"/>
      <c r="O126" s="70"/>
      <c r="P126" s="70"/>
      <c r="Q126" s="70"/>
      <c r="R126" s="70"/>
      <c r="S126" s="70"/>
      <c r="T126" s="70"/>
      <c r="U126" s="70"/>
      <c r="V126" s="70"/>
      <c r="W126" s="70"/>
      <c r="X126" s="70"/>
      <c r="Y126" s="70"/>
      <c r="Z126" s="70"/>
      <c r="AA126" s="70"/>
      <c r="AB126" s="70"/>
      <c r="AC126" s="70"/>
      <c r="AD126" s="70"/>
      <c r="AE126" s="70"/>
      <c r="AF126" s="70"/>
    </row>
    <row r="127" spans="3:32" x14ac:dyDescent="0.2">
      <c r="C127" s="70"/>
      <c r="D127" s="70"/>
      <c r="E127" s="70"/>
      <c r="F127" s="70"/>
      <c r="G127" s="70"/>
      <c r="H127" s="70"/>
      <c r="I127" s="70"/>
      <c r="J127" s="70"/>
      <c r="K127" s="70"/>
      <c r="L127" s="70"/>
      <c r="M127" s="70"/>
      <c r="N127" s="70"/>
      <c r="O127" s="70"/>
      <c r="P127" s="70"/>
      <c r="Q127" s="70"/>
      <c r="R127" s="70"/>
      <c r="S127" s="70"/>
      <c r="T127" s="70"/>
      <c r="U127" s="70"/>
      <c r="V127" s="70"/>
      <c r="W127" s="70"/>
      <c r="X127" s="70"/>
      <c r="Y127" s="70"/>
      <c r="Z127" s="70"/>
      <c r="AA127" s="70"/>
      <c r="AB127" s="70"/>
      <c r="AC127" s="70"/>
      <c r="AD127" s="70"/>
      <c r="AE127" s="70"/>
      <c r="AF127" s="70"/>
    </row>
    <row r="128" spans="3:32" x14ac:dyDescent="0.2">
      <c r="C128" s="70"/>
      <c r="D128" s="70"/>
      <c r="E128" s="70"/>
      <c r="F128" s="70"/>
      <c r="G128" s="70"/>
      <c r="H128" s="70"/>
      <c r="I128" s="70"/>
      <c r="J128" s="70"/>
      <c r="K128" s="70"/>
      <c r="L128" s="70"/>
      <c r="M128" s="70"/>
      <c r="N128" s="70"/>
      <c r="O128" s="70"/>
      <c r="P128" s="70"/>
      <c r="Q128" s="70"/>
      <c r="R128" s="70"/>
      <c r="S128" s="70"/>
      <c r="T128" s="70"/>
      <c r="U128" s="70"/>
      <c r="V128" s="70"/>
      <c r="W128" s="70"/>
      <c r="X128" s="70"/>
      <c r="Y128" s="70"/>
      <c r="Z128" s="70"/>
      <c r="AA128" s="70"/>
      <c r="AB128" s="70"/>
      <c r="AC128" s="70"/>
      <c r="AD128" s="70"/>
      <c r="AE128" s="70"/>
      <c r="AF128" s="70"/>
    </row>
    <row r="129" spans="3:32" x14ac:dyDescent="0.2">
      <c r="C129" s="70"/>
      <c r="D129" s="70"/>
      <c r="E129" s="70"/>
      <c r="F129" s="70"/>
      <c r="G129" s="70"/>
      <c r="H129" s="70"/>
      <c r="I129" s="70"/>
      <c r="J129" s="70"/>
      <c r="K129" s="70"/>
      <c r="L129" s="70"/>
      <c r="M129" s="70"/>
      <c r="N129" s="70"/>
      <c r="O129" s="70"/>
      <c r="P129" s="70"/>
      <c r="Q129" s="70"/>
      <c r="R129" s="70"/>
      <c r="S129" s="70"/>
      <c r="T129" s="70"/>
      <c r="U129" s="70"/>
      <c r="V129" s="70"/>
      <c r="W129" s="70"/>
      <c r="X129" s="70"/>
      <c r="Y129" s="70"/>
      <c r="Z129" s="70"/>
      <c r="AA129" s="70"/>
      <c r="AB129" s="70"/>
      <c r="AC129" s="70"/>
      <c r="AD129" s="70"/>
      <c r="AE129" s="70"/>
      <c r="AF129" s="70"/>
    </row>
    <row r="130" spans="3:32" x14ac:dyDescent="0.2">
      <c r="C130" s="70"/>
      <c r="D130" s="70"/>
      <c r="E130" s="70"/>
      <c r="F130" s="70"/>
      <c r="G130" s="70"/>
      <c r="H130" s="70"/>
      <c r="I130" s="70"/>
      <c r="J130" s="70"/>
      <c r="K130" s="70"/>
      <c r="L130" s="70"/>
      <c r="M130" s="70"/>
      <c r="N130" s="70"/>
      <c r="O130" s="70"/>
      <c r="P130" s="70"/>
      <c r="Q130" s="70"/>
      <c r="R130" s="70"/>
      <c r="S130" s="70"/>
      <c r="T130" s="70"/>
      <c r="U130" s="70"/>
      <c r="V130" s="70"/>
      <c r="W130" s="70"/>
      <c r="X130" s="70"/>
      <c r="Y130" s="70"/>
      <c r="Z130" s="70"/>
      <c r="AA130" s="70"/>
      <c r="AB130" s="70"/>
      <c r="AC130" s="70"/>
      <c r="AD130" s="70"/>
      <c r="AE130" s="70"/>
      <c r="AF130" s="70"/>
    </row>
    <row r="131" spans="3:32" x14ac:dyDescent="0.2">
      <c r="C131" s="70"/>
      <c r="D131" s="70"/>
      <c r="E131" s="70"/>
      <c r="F131" s="70"/>
      <c r="G131" s="70"/>
      <c r="H131" s="70"/>
      <c r="I131" s="70"/>
      <c r="J131" s="70"/>
      <c r="K131" s="70"/>
      <c r="L131" s="70"/>
      <c r="M131" s="70"/>
      <c r="N131" s="70"/>
      <c r="O131" s="70"/>
      <c r="P131" s="70"/>
      <c r="Q131" s="70"/>
      <c r="R131" s="70"/>
      <c r="S131" s="70"/>
      <c r="T131" s="70"/>
      <c r="U131" s="70"/>
      <c r="V131" s="70"/>
      <c r="W131" s="70"/>
      <c r="X131" s="70"/>
      <c r="Y131" s="70"/>
      <c r="Z131" s="70"/>
      <c r="AA131" s="70"/>
      <c r="AB131" s="70"/>
      <c r="AC131" s="70"/>
      <c r="AD131" s="70"/>
      <c r="AE131" s="70"/>
      <c r="AF131" s="70"/>
    </row>
    <row r="132" spans="3:32" x14ac:dyDescent="0.2">
      <c r="C132" s="70"/>
      <c r="D132" s="70"/>
      <c r="E132" s="70"/>
      <c r="F132" s="70"/>
      <c r="G132" s="70"/>
      <c r="H132" s="70"/>
      <c r="I132" s="70"/>
      <c r="J132" s="70"/>
      <c r="K132" s="70"/>
      <c r="L132" s="70"/>
      <c r="M132" s="70"/>
      <c r="N132" s="70"/>
      <c r="O132" s="70"/>
      <c r="P132" s="70"/>
      <c r="Q132" s="70"/>
      <c r="R132" s="70"/>
      <c r="S132" s="70"/>
      <c r="T132" s="70"/>
      <c r="U132" s="70"/>
      <c r="V132" s="70"/>
      <c r="W132" s="70"/>
      <c r="X132" s="70"/>
      <c r="Y132" s="70"/>
      <c r="Z132" s="70"/>
      <c r="AA132" s="70"/>
      <c r="AB132" s="70"/>
      <c r="AC132" s="70"/>
      <c r="AD132" s="70"/>
      <c r="AE132" s="70"/>
      <c r="AF132" s="70"/>
    </row>
    <row r="133" spans="3:32" x14ac:dyDescent="0.2">
      <c r="C133" s="70"/>
      <c r="D133" s="70"/>
      <c r="E133" s="70"/>
      <c r="F133" s="70"/>
      <c r="G133" s="70"/>
      <c r="H133" s="70"/>
      <c r="I133" s="70"/>
      <c r="J133" s="70"/>
      <c r="K133" s="70"/>
      <c r="L133" s="70"/>
      <c r="M133" s="70"/>
      <c r="N133" s="70"/>
      <c r="O133" s="70"/>
      <c r="P133" s="70"/>
      <c r="Q133" s="70"/>
      <c r="R133" s="70"/>
      <c r="S133" s="70"/>
      <c r="T133" s="70"/>
      <c r="U133" s="70"/>
      <c r="V133" s="70"/>
      <c r="W133" s="70"/>
      <c r="X133" s="70"/>
      <c r="Y133" s="70"/>
      <c r="Z133" s="70"/>
      <c r="AA133" s="70"/>
      <c r="AB133" s="70"/>
      <c r="AC133" s="70"/>
      <c r="AD133" s="70"/>
      <c r="AE133" s="70"/>
      <c r="AF133" s="70"/>
    </row>
    <row r="134" spans="3:32" x14ac:dyDescent="0.2">
      <c r="C134" s="70"/>
      <c r="D134" s="70"/>
      <c r="E134" s="70"/>
      <c r="F134" s="70"/>
      <c r="G134" s="70"/>
      <c r="H134" s="70"/>
      <c r="I134" s="70"/>
      <c r="J134" s="70"/>
      <c r="K134" s="70"/>
      <c r="L134" s="70"/>
      <c r="M134" s="70"/>
      <c r="N134" s="70"/>
      <c r="O134" s="70"/>
      <c r="P134" s="70"/>
      <c r="Q134" s="70"/>
      <c r="R134" s="70"/>
      <c r="S134" s="70"/>
      <c r="T134" s="70"/>
      <c r="U134" s="70"/>
      <c r="V134" s="70"/>
      <c r="W134" s="70"/>
      <c r="X134" s="70"/>
      <c r="Y134" s="70"/>
      <c r="Z134" s="70"/>
      <c r="AA134" s="70"/>
      <c r="AB134" s="70"/>
      <c r="AC134" s="70"/>
      <c r="AD134" s="70"/>
      <c r="AE134" s="70"/>
      <c r="AF134" s="70"/>
    </row>
    <row r="135" spans="3:32" x14ac:dyDescent="0.2">
      <c r="C135" s="70"/>
      <c r="D135" s="70"/>
      <c r="E135" s="70"/>
      <c r="F135" s="70"/>
      <c r="G135" s="70"/>
      <c r="H135" s="70"/>
      <c r="I135" s="70"/>
      <c r="J135" s="70"/>
      <c r="K135" s="70"/>
      <c r="L135" s="70"/>
      <c r="M135" s="70"/>
      <c r="N135" s="70"/>
      <c r="O135" s="70"/>
      <c r="P135" s="70"/>
      <c r="Q135" s="70"/>
      <c r="R135" s="70"/>
      <c r="S135" s="70"/>
      <c r="T135" s="70"/>
      <c r="U135" s="70"/>
      <c r="V135" s="70"/>
      <c r="W135" s="70"/>
      <c r="X135" s="70"/>
      <c r="Y135" s="70"/>
      <c r="Z135" s="70"/>
      <c r="AA135" s="70"/>
      <c r="AB135" s="70"/>
      <c r="AC135" s="70"/>
      <c r="AD135" s="70"/>
      <c r="AE135" s="70"/>
      <c r="AF135" s="70"/>
    </row>
    <row r="136" spans="3:32" x14ac:dyDescent="0.2">
      <c r="C136" s="70"/>
      <c r="D136" s="70"/>
      <c r="E136" s="70"/>
      <c r="F136" s="70"/>
      <c r="G136" s="70"/>
      <c r="H136" s="70"/>
      <c r="I136" s="70"/>
      <c r="J136" s="70"/>
      <c r="K136" s="70"/>
      <c r="L136" s="70"/>
      <c r="M136" s="70"/>
      <c r="N136" s="70"/>
      <c r="O136" s="70"/>
      <c r="P136" s="70"/>
      <c r="Q136" s="70"/>
      <c r="R136" s="70"/>
      <c r="S136" s="70"/>
      <c r="T136" s="70"/>
      <c r="U136" s="70"/>
      <c r="V136" s="70"/>
      <c r="W136" s="70"/>
      <c r="X136" s="70"/>
      <c r="Y136" s="70"/>
      <c r="Z136" s="70"/>
      <c r="AA136" s="70"/>
      <c r="AB136" s="70"/>
      <c r="AC136" s="70"/>
      <c r="AD136" s="70"/>
      <c r="AE136" s="70"/>
      <c r="AF136" s="70"/>
    </row>
    <row r="137" spans="3:32" x14ac:dyDescent="0.2">
      <c r="C137" s="70"/>
      <c r="D137" s="70"/>
      <c r="E137" s="70"/>
      <c r="F137" s="70"/>
      <c r="G137" s="70"/>
      <c r="H137" s="70"/>
      <c r="I137" s="70"/>
      <c r="J137" s="70"/>
      <c r="K137" s="70"/>
      <c r="L137" s="70"/>
      <c r="M137" s="70"/>
      <c r="N137" s="70"/>
      <c r="O137" s="70"/>
      <c r="P137" s="70"/>
      <c r="Q137" s="70"/>
      <c r="R137" s="70"/>
      <c r="S137" s="70"/>
      <c r="T137" s="70"/>
      <c r="U137" s="70"/>
      <c r="V137" s="70"/>
      <c r="W137" s="70"/>
      <c r="X137" s="70"/>
      <c r="Y137" s="70"/>
      <c r="Z137" s="70"/>
      <c r="AA137" s="70"/>
      <c r="AB137" s="70"/>
      <c r="AC137" s="70"/>
      <c r="AD137" s="70"/>
      <c r="AE137" s="70"/>
      <c r="AF137" s="70"/>
    </row>
    <row r="138" spans="3:32" x14ac:dyDescent="0.2">
      <c r="C138" s="70"/>
      <c r="D138" s="70"/>
      <c r="E138" s="70"/>
      <c r="F138" s="70"/>
      <c r="G138" s="70"/>
      <c r="H138" s="70"/>
      <c r="I138" s="70"/>
      <c r="J138" s="70"/>
      <c r="K138" s="70"/>
      <c r="L138" s="70"/>
      <c r="M138" s="70"/>
      <c r="N138" s="70"/>
      <c r="O138" s="70"/>
      <c r="P138" s="70"/>
      <c r="Q138" s="70"/>
      <c r="R138" s="70"/>
      <c r="S138" s="70"/>
      <c r="T138" s="70"/>
      <c r="U138" s="70"/>
      <c r="V138" s="70"/>
      <c r="W138" s="70"/>
      <c r="X138" s="70"/>
      <c r="Y138" s="70"/>
      <c r="Z138" s="70"/>
      <c r="AA138" s="70"/>
      <c r="AB138" s="70"/>
      <c r="AC138" s="70"/>
      <c r="AD138" s="70"/>
      <c r="AE138" s="70"/>
      <c r="AF138" s="70"/>
    </row>
    <row r="139" spans="3:32" x14ac:dyDescent="0.2">
      <c r="C139" s="70"/>
      <c r="D139" s="70"/>
      <c r="E139" s="70"/>
      <c r="F139" s="70"/>
      <c r="G139" s="70"/>
      <c r="H139" s="70"/>
      <c r="I139" s="70"/>
      <c r="J139" s="70"/>
      <c r="K139" s="70"/>
      <c r="L139" s="70"/>
      <c r="M139" s="70"/>
      <c r="N139" s="70"/>
      <c r="O139" s="70"/>
      <c r="P139" s="70"/>
      <c r="Q139" s="70"/>
      <c r="R139" s="70"/>
      <c r="S139" s="70"/>
      <c r="T139" s="70"/>
      <c r="U139" s="70"/>
      <c r="V139" s="70"/>
      <c r="W139" s="70"/>
      <c r="X139" s="70"/>
      <c r="Y139" s="70"/>
      <c r="Z139" s="70"/>
      <c r="AA139" s="70"/>
      <c r="AB139" s="70"/>
      <c r="AC139" s="70"/>
      <c r="AD139" s="70"/>
      <c r="AE139" s="70"/>
      <c r="AF139" s="70"/>
    </row>
    <row r="140" spans="3:32" x14ac:dyDescent="0.2">
      <c r="C140" s="70"/>
      <c r="D140" s="70"/>
      <c r="E140" s="70"/>
      <c r="F140" s="70"/>
      <c r="G140" s="70"/>
      <c r="H140" s="70"/>
      <c r="I140" s="70"/>
      <c r="J140" s="70"/>
      <c r="K140" s="70"/>
      <c r="L140" s="70"/>
      <c r="M140" s="70"/>
      <c r="N140" s="70"/>
      <c r="O140" s="70"/>
      <c r="P140" s="70"/>
      <c r="Q140" s="70"/>
      <c r="R140" s="70"/>
      <c r="S140" s="70"/>
      <c r="T140" s="70"/>
      <c r="U140" s="70"/>
      <c r="V140" s="70"/>
      <c r="W140" s="70"/>
      <c r="X140" s="70"/>
      <c r="Y140" s="70"/>
      <c r="Z140" s="70"/>
      <c r="AA140" s="70"/>
      <c r="AB140" s="70"/>
      <c r="AC140" s="70"/>
      <c r="AD140" s="70"/>
      <c r="AE140" s="70"/>
      <c r="AF140" s="70"/>
    </row>
    <row r="141" spans="3:32" x14ac:dyDescent="0.2">
      <c r="C141" s="70"/>
      <c r="D141" s="70"/>
      <c r="E141" s="70"/>
      <c r="F141" s="70"/>
      <c r="G141" s="70"/>
      <c r="H141" s="70"/>
      <c r="I141" s="70"/>
      <c r="J141" s="70"/>
      <c r="K141" s="70"/>
      <c r="L141" s="70"/>
      <c r="M141" s="70"/>
      <c r="N141" s="70"/>
      <c r="O141" s="70"/>
      <c r="P141" s="70"/>
      <c r="Q141" s="70"/>
      <c r="R141" s="70"/>
      <c r="S141" s="70"/>
      <c r="T141" s="70"/>
      <c r="U141" s="70"/>
      <c r="V141" s="70"/>
      <c r="W141" s="70"/>
      <c r="X141" s="70"/>
      <c r="Y141" s="70"/>
      <c r="Z141" s="70"/>
      <c r="AA141" s="70"/>
      <c r="AB141" s="70"/>
      <c r="AC141" s="70"/>
      <c r="AD141" s="70"/>
      <c r="AE141" s="70"/>
      <c r="AF141" s="70"/>
    </row>
    <row r="142" spans="3:32" x14ac:dyDescent="0.2">
      <c r="C142" s="70"/>
      <c r="D142" s="70"/>
      <c r="E142" s="70"/>
      <c r="F142" s="70"/>
      <c r="G142" s="70"/>
      <c r="H142" s="70"/>
      <c r="I142" s="70"/>
      <c r="J142" s="70"/>
      <c r="K142" s="70"/>
      <c r="L142" s="70"/>
      <c r="M142" s="70"/>
      <c r="N142" s="70"/>
      <c r="O142" s="70"/>
      <c r="P142" s="70"/>
      <c r="Q142" s="70"/>
      <c r="R142" s="70"/>
      <c r="S142" s="70"/>
      <c r="T142" s="70"/>
      <c r="U142" s="70"/>
      <c r="V142" s="70"/>
      <c r="W142" s="70"/>
      <c r="X142" s="70"/>
      <c r="Y142" s="70"/>
      <c r="Z142" s="70"/>
      <c r="AA142" s="70"/>
      <c r="AB142" s="70"/>
      <c r="AC142" s="70"/>
      <c r="AD142" s="70"/>
      <c r="AE142" s="70"/>
      <c r="AF142" s="70"/>
    </row>
    <row r="143" spans="3:32" x14ac:dyDescent="0.2">
      <c r="C143" s="70"/>
      <c r="D143" s="70"/>
      <c r="E143" s="70"/>
      <c r="F143" s="70"/>
      <c r="G143" s="70"/>
      <c r="H143" s="70"/>
      <c r="I143" s="70"/>
      <c r="J143" s="70"/>
      <c r="K143" s="70"/>
      <c r="L143" s="70"/>
      <c r="M143" s="70"/>
      <c r="N143" s="70"/>
      <c r="O143" s="70"/>
      <c r="P143" s="70"/>
      <c r="Q143" s="70"/>
      <c r="R143" s="70"/>
      <c r="S143" s="70"/>
      <c r="T143" s="70"/>
      <c r="U143" s="70"/>
      <c r="V143" s="70"/>
      <c r="W143" s="70"/>
      <c r="X143" s="70"/>
      <c r="Y143" s="70"/>
      <c r="Z143" s="70"/>
      <c r="AA143" s="70"/>
      <c r="AB143" s="70"/>
      <c r="AC143" s="70"/>
      <c r="AD143" s="70"/>
      <c r="AE143" s="70"/>
      <c r="AF143" s="70"/>
    </row>
    <row r="144" spans="3:32" x14ac:dyDescent="0.2">
      <c r="C144" s="70"/>
      <c r="D144" s="70"/>
      <c r="E144" s="70"/>
      <c r="F144" s="70"/>
      <c r="G144" s="70"/>
      <c r="H144" s="70"/>
      <c r="I144" s="70"/>
      <c r="J144" s="70"/>
      <c r="K144" s="70"/>
      <c r="L144" s="70"/>
      <c r="M144" s="70"/>
      <c r="N144" s="70"/>
      <c r="O144" s="70"/>
      <c r="P144" s="70"/>
      <c r="Q144" s="70"/>
      <c r="R144" s="70"/>
      <c r="S144" s="70"/>
      <c r="T144" s="70"/>
      <c r="U144" s="70"/>
      <c r="V144" s="70"/>
      <c r="W144" s="70"/>
      <c r="X144" s="70"/>
      <c r="Y144" s="70"/>
      <c r="Z144" s="70"/>
      <c r="AA144" s="70"/>
      <c r="AB144" s="70"/>
      <c r="AC144" s="70"/>
      <c r="AD144" s="70"/>
      <c r="AE144" s="70"/>
      <c r="AF144" s="70"/>
    </row>
    <row r="145" spans="3:32" x14ac:dyDescent="0.2">
      <c r="C145" s="70"/>
      <c r="D145" s="70"/>
      <c r="E145" s="70"/>
      <c r="F145" s="70"/>
      <c r="G145" s="70"/>
      <c r="H145" s="70"/>
      <c r="I145" s="70"/>
      <c r="J145" s="70"/>
      <c r="K145" s="70"/>
      <c r="L145" s="70"/>
      <c r="M145" s="70"/>
      <c r="N145" s="70"/>
      <c r="O145" s="70"/>
      <c r="P145" s="70"/>
      <c r="Q145" s="70"/>
      <c r="R145" s="70"/>
      <c r="S145" s="70"/>
      <c r="T145" s="70"/>
      <c r="U145" s="70"/>
      <c r="V145" s="70"/>
      <c r="W145" s="70"/>
      <c r="X145" s="70"/>
      <c r="Y145" s="70"/>
      <c r="Z145" s="70"/>
      <c r="AA145" s="70"/>
      <c r="AB145" s="70"/>
      <c r="AC145" s="70"/>
      <c r="AD145" s="70"/>
      <c r="AE145" s="70"/>
      <c r="AF145" s="70"/>
    </row>
    <row r="146" spans="3:32" x14ac:dyDescent="0.2">
      <c r="C146" s="70"/>
      <c r="D146" s="70"/>
      <c r="E146" s="70"/>
      <c r="F146" s="70"/>
      <c r="G146" s="70"/>
      <c r="H146" s="70"/>
      <c r="I146" s="70"/>
      <c r="J146" s="70"/>
      <c r="K146" s="70"/>
      <c r="L146" s="70"/>
      <c r="M146" s="70"/>
      <c r="N146" s="70"/>
      <c r="O146" s="70"/>
      <c r="P146" s="70"/>
      <c r="Q146" s="70"/>
      <c r="R146" s="70"/>
      <c r="S146" s="70"/>
      <c r="T146" s="70"/>
      <c r="U146" s="70"/>
      <c r="V146" s="70"/>
      <c r="W146" s="70"/>
      <c r="X146" s="70"/>
      <c r="Y146" s="70"/>
      <c r="Z146" s="70"/>
      <c r="AA146" s="70"/>
      <c r="AB146" s="70"/>
      <c r="AC146" s="70"/>
      <c r="AD146" s="70"/>
      <c r="AE146" s="70"/>
      <c r="AF146" s="70"/>
    </row>
    <row r="147" spans="3:32" x14ac:dyDescent="0.2">
      <c r="C147" s="70"/>
      <c r="D147" s="70"/>
      <c r="E147" s="70"/>
      <c r="F147" s="70"/>
      <c r="G147" s="70"/>
      <c r="H147" s="70"/>
      <c r="I147" s="70"/>
      <c r="J147" s="70"/>
      <c r="K147" s="70"/>
      <c r="L147" s="70"/>
      <c r="M147" s="70"/>
      <c r="N147" s="70"/>
      <c r="O147" s="70"/>
      <c r="P147" s="70"/>
      <c r="Q147" s="70"/>
      <c r="R147" s="70"/>
      <c r="S147" s="70"/>
      <c r="T147" s="70"/>
      <c r="U147" s="70"/>
      <c r="V147" s="70"/>
      <c r="W147" s="70"/>
      <c r="X147" s="70"/>
      <c r="Y147" s="70"/>
      <c r="Z147" s="70"/>
      <c r="AA147" s="70"/>
      <c r="AB147" s="70"/>
      <c r="AC147" s="70"/>
      <c r="AD147" s="70"/>
      <c r="AE147" s="70"/>
      <c r="AF147" s="70"/>
    </row>
    <row r="148" spans="3:32" x14ac:dyDescent="0.2">
      <c r="C148" s="70"/>
      <c r="D148" s="70"/>
      <c r="E148" s="70"/>
      <c r="F148" s="70"/>
      <c r="G148" s="70"/>
      <c r="H148" s="70"/>
      <c r="I148" s="70"/>
      <c r="J148" s="70"/>
      <c r="K148" s="70"/>
      <c r="L148" s="70"/>
      <c r="M148" s="70"/>
      <c r="N148" s="70"/>
      <c r="O148" s="70"/>
      <c r="P148" s="70"/>
      <c r="Q148" s="70"/>
      <c r="R148" s="70"/>
      <c r="S148" s="70"/>
      <c r="T148" s="70"/>
      <c r="U148" s="70"/>
      <c r="V148" s="70"/>
      <c r="W148" s="70"/>
      <c r="X148" s="70"/>
      <c r="Y148" s="70"/>
      <c r="Z148" s="70"/>
      <c r="AA148" s="70"/>
      <c r="AB148" s="70"/>
      <c r="AC148" s="70"/>
      <c r="AD148" s="70"/>
      <c r="AE148" s="70"/>
      <c r="AF148" s="70"/>
    </row>
    <row r="149" spans="3:32" x14ac:dyDescent="0.2">
      <c r="C149" s="70"/>
      <c r="D149" s="70"/>
      <c r="E149" s="70"/>
      <c r="F149" s="70"/>
      <c r="G149" s="70"/>
      <c r="H149" s="70"/>
      <c r="I149" s="70"/>
      <c r="J149" s="70"/>
      <c r="K149" s="70"/>
      <c r="L149" s="70"/>
      <c r="M149" s="70"/>
      <c r="N149" s="70"/>
      <c r="O149" s="70"/>
      <c r="P149" s="70"/>
      <c r="Q149" s="70"/>
      <c r="R149" s="70"/>
      <c r="S149" s="70"/>
      <c r="T149" s="70"/>
      <c r="U149" s="70"/>
      <c r="V149" s="70"/>
      <c r="W149" s="70"/>
      <c r="X149" s="70"/>
      <c r="Y149" s="70"/>
      <c r="Z149" s="70"/>
      <c r="AA149" s="70"/>
      <c r="AB149" s="70"/>
      <c r="AC149" s="70"/>
      <c r="AD149" s="70"/>
      <c r="AE149" s="70"/>
      <c r="AF149" s="70"/>
    </row>
    <row r="150" spans="3:32" x14ac:dyDescent="0.2">
      <c r="C150" s="70"/>
      <c r="D150" s="70"/>
      <c r="E150" s="70"/>
      <c r="F150" s="70"/>
      <c r="G150" s="70"/>
      <c r="H150" s="70"/>
      <c r="I150" s="70"/>
      <c r="J150" s="70"/>
      <c r="K150" s="70"/>
      <c r="L150" s="70"/>
      <c r="M150" s="70"/>
      <c r="N150" s="70"/>
      <c r="O150" s="70"/>
      <c r="P150" s="70"/>
      <c r="Q150" s="70"/>
      <c r="R150" s="70"/>
      <c r="S150" s="70"/>
      <c r="T150" s="70"/>
      <c r="U150" s="70"/>
      <c r="V150" s="70"/>
      <c r="W150" s="70"/>
      <c r="X150" s="70"/>
      <c r="Y150" s="70"/>
      <c r="Z150" s="70"/>
      <c r="AA150" s="70"/>
      <c r="AB150" s="70"/>
      <c r="AC150" s="70"/>
      <c r="AD150" s="70"/>
      <c r="AE150" s="70"/>
      <c r="AF150" s="70"/>
    </row>
    <row r="151" spans="3:32" x14ac:dyDescent="0.2">
      <c r="C151" s="70"/>
      <c r="D151" s="70"/>
      <c r="E151" s="70"/>
      <c r="F151" s="70"/>
      <c r="G151" s="70"/>
      <c r="H151" s="70"/>
      <c r="I151" s="70"/>
      <c r="J151" s="70"/>
      <c r="K151" s="70"/>
      <c r="L151" s="70"/>
      <c r="M151" s="70"/>
      <c r="N151" s="70"/>
      <c r="O151" s="70"/>
      <c r="P151" s="70"/>
      <c r="Q151" s="70"/>
      <c r="R151" s="70"/>
      <c r="S151" s="70"/>
      <c r="T151" s="70"/>
      <c r="U151" s="70"/>
      <c r="V151" s="70"/>
      <c r="W151" s="70"/>
      <c r="X151" s="70"/>
      <c r="Y151" s="70"/>
      <c r="Z151" s="70"/>
      <c r="AA151" s="70"/>
      <c r="AB151" s="70"/>
      <c r="AC151" s="70"/>
      <c r="AD151" s="70"/>
      <c r="AE151" s="70"/>
      <c r="AF151" s="70"/>
    </row>
    <row r="152" spans="3:32" x14ac:dyDescent="0.2">
      <c r="C152" s="70"/>
      <c r="D152" s="70"/>
      <c r="E152" s="70"/>
      <c r="F152" s="70"/>
      <c r="G152" s="70"/>
      <c r="H152" s="70"/>
      <c r="I152" s="70"/>
      <c r="J152" s="70"/>
      <c r="K152" s="70"/>
      <c r="L152" s="70"/>
      <c r="M152" s="70"/>
      <c r="N152" s="70"/>
      <c r="O152" s="70"/>
      <c r="P152" s="70"/>
      <c r="Q152" s="70"/>
      <c r="R152" s="70"/>
      <c r="S152" s="70"/>
      <c r="T152" s="70"/>
      <c r="U152" s="70"/>
      <c r="V152" s="70"/>
      <c r="W152" s="70"/>
      <c r="X152" s="70"/>
      <c r="Y152" s="70"/>
      <c r="Z152" s="70"/>
      <c r="AA152" s="70"/>
      <c r="AB152" s="70"/>
      <c r="AC152" s="70"/>
      <c r="AD152" s="70"/>
      <c r="AE152" s="70"/>
      <c r="AF152" s="70"/>
    </row>
    <row r="153" spans="3:32" x14ac:dyDescent="0.2">
      <c r="C153" s="70"/>
      <c r="D153" s="70"/>
      <c r="E153" s="70"/>
      <c r="F153" s="70"/>
      <c r="G153" s="70"/>
      <c r="H153" s="70"/>
      <c r="I153" s="70"/>
      <c r="J153" s="70"/>
      <c r="K153" s="70"/>
      <c r="L153" s="70"/>
      <c r="M153" s="70"/>
      <c r="N153" s="70"/>
      <c r="O153" s="70"/>
      <c r="P153" s="70"/>
      <c r="Q153" s="70"/>
      <c r="R153" s="70"/>
      <c r="S153" s="70"/>
      <c r="T153" s="70"/>
      <c r="U153" s="70"/>
      <c r="V153" s="70"/>
      <c r="W153" s="70"/>
      <c r="X153" s="70"/>
      <c r="Y153" s="70"/>
      <c r="Z153" s="70"/>
      <c r="AA153" s="70"/>
      <c r="AB153" s="70"/>
      <c r="AC153" s="70"/>
      <c r="AD153" s="70"/>
      <c r="AE153" s="70"/>
      <c r="AF153" s="70"/>
    </row>
    <row r="154" spans="3:32" x14ac:dyDescent="0.2">
      <c r="C154" s="70"/>
      <c r="D154" s="70"/>
      <c r="E154" s="70"/>
      <c r="F154" s="70"/>
      <c r="G154" s="70"/>
      <c r="H154" s="70"/>
      <c r="I154" s="70"/>
      <c r="J154" s="70"/>
      <c r="K154" s="70"/>
      <c r="L154" s="70"/>
      <c r="M154" s="70"/>
      <c r="N154" s="70"/>
      <c r="O154" s="70"/>
      <c r="P154" s="70"/>
      <c r="Q154" s="70"/>
      <c r="R154" s="70"/>
      <c r="S154" s="70"/>
      <c r="T154" s="70"/>
      <c r="U154" s="70"/>
      <c r="V154" s="70"/>
      <c r="W154" s="70"/>
      <c r="X154" s="70"/>
      <c r="Y154" s="70"/>
      <c r="Z154" s="70"/>
      <c r="AA154" s="70"/>
      <c r="AB154" s="70"/>
      <c r="AC154" s="70"/>
      <c r="AD154" s="70"/>
      <c r="AE154" s="70"/>
      <c r="AF154" s="70"/>
    </row>
    <row r="155" spans="3:32" x14ac:dyDescent="0.2">
      <c r="C155" s="70"/>
      <c r="D155" s="70"/>
      <c r="E155" s="70"/>
      <c r="F155" s="70"/>
      <c r="G155" s="70"/>
      <c r="H155" s="70"/>
      <c r="I155" s="70"/>
      <c r="J155" s="70"/>
      <c r="K155" s="70"/>
      <c r="L155" s="70"/>
      <c r="M155" s="70"/>
      <c r="N155" s="70"/>
      <c r="O155" s="70"/>
      <c r="P155" s="70"/>
      <c r="Q155" s="70"/>
      <c r="R155" s="70"/>
      <c r="S155" s="70"/>
      <c r="T155" s="70"/>
      <c r="U155" s="70"/>
      <c r="V155" s="70"/>
      <c r="W155" s="70"/>
      <c r="X155" s="70"/>
      <c r="Y155" s="70"/>
      <c r="Z155" s="70"/>
      <c r="AA155" s="70"/>
      <c r="AB155" s="70"/>
      <c r="AC155" s="70"/>
      <c r="AD155" s="70"/>
      <c r="AE155" s="70"/>
      <c r="AF155" s="70"/>
    </row>
    <row r="156" spans="3:32" x14ac:dyDescent="0.2">
      <c r="C156" s="70"/>
      <c r="D156" s="70"/>
      <c r="E156" s="70"/>
      <c r="F156" s="70"/>
      <c r="G156" s="70"/>
      <c r="H156" s="70"/>
      <c r="I156" s="70"/>
      <c r="J156" s="70"/>
      <c r="K156" s="70"/>
      <c r="L156" s="70"/>
      <c r="M156" s="70"/>
      <c r="N156" s="70"/>
      <c r="O156" s="70"/>
      <c r="P156" s="70"/>
      <c r="Q156" s="70"/>
      <c r="R156" s="70"/>
      <c r="S156" s="70"/>
      <c r="T156" s="70"/>
      <c r="U156" s="70"/>
      <c r="V156" s="70"/>
      <c r="W156" s="70"/>
      <c r="X156" s="70"/>
      <c r="Y156" s="70"/>
      <c r="Z156" s="70"/>
      <c r="AA156" s="70"/>
      <c r="AB156" s="70"/>
      <c r="AC156" s="70"/>
      <c r="AD156" s="70"/>
      <c r="AE156" s="70"/>
      <c r="AF156" s="70"/>
    </row>
    <row r="157" spans="3:32" x14ac:dyDescent="0.2">
      <c r="C157" s="70"/>
      <c r="D157" s="70"/>
      <c r="E157" s="70"/>
      <c r="F157" s="70"/>
      <c r="G157" s="70"/>
      <c r="H157" s="70"/>
      <c r="I157" s="70"/>
      <c r="J157" s="70"/>
      <c r="K157" s="70"/>
      <c r="L157" s="70"/>
      <c r="M157" s="70"/>
      <c r="N157" s="70"/>
      <c r="O157" s="70"/>
      <c r="P157" s="70"/>
      <c r="Q157" s="70"/>
      <c r="R157" s="70"/>
      <c r="S157" s="70"/>
      <c r="T157" s="70"/>
      <c r="U157" s="70"/>
      <c r="V157" s="70"/>
      <c r="W157" s="70"/>
      <c r="X157" s="70"/>
      <c r="Y157" s="70"/>
      <c r="Z157" s="70"/>
      <c r="AA157" s="70"/>
      <c r="AB157" s="70"/>
      <c r="AC157" s="70"/>
      <c r="AD157" s="70"/>
      <c r="AE157" s="70"/>
      <c r="AF157" s="70"/>
    </row>
    <row r="158" spans="3:32" x14ac:dyDescent="0.2">
      <c r="C158" s="70"/>
      <c r="D158" s="70"/>
      <c r="E158" s="70"/>
      <c r="F158" s="70"/>
      <c r="G158" s="70"/>
      <c r="H158" s="70"/>
      <c r="I158" s="70"/>
      <c r="J158" s="70"/>
      <c r="K158" s="70"/>
      <c r="L158" s="70"/>
      <c r="M158" s="70"/>
      <c r="N158" s="70"/>
      <c r="O158" s="70"/>
      <c r="P158" s="70"/>
      <c r="Q158" s="70"/>
      <c r="R158" s="70"/>
      <c r="S158" s="70"/>
      <c r="T158" s="70"/>
      <c r="U158" s="70"/>
      <c r="V158" s="70"/>
      <c r="W158" s="70"/>
      <c r="X158" s="70"/>
      <c r="Y158" s="70"/>
      <c r="Z158" s="70"/>
      <c r="AA158" s="70"/>
      <c r="AB158" s="70"/>
      <c r="AC158" s="70"/>
      <c r="AD158" s="70"/>
      <c r="AE158" s="70"/>
      <c r="AF158" s="70"/>
    </row>
    <row r="159" spans="3:32" x14ac:dyDescent="0.2">
      <c r="C159" s="70"/>
      <c r="D159" s="70"/>
      <c r="E159" s="70"/>
      <c r="F159" s="70"/>
      <c r="G159" s="70"/>
      <c r="H159" s="70"/>
      <c r="I159" s="70"/>
      <c r="J159" s="70"/>
      <c r="K159" s="70"/>
      <c r="L159" s="70"/>
      <c r="M159" s="70"/>
      <c r="N159" s="70"/>
      <c r="O159" s="70"/>
      <c r="P159" s="70"/>
      <c r="Q159" s="70"/>
      <c r="R159" s="70"/>
      <c r="S159" s="70"/>
      <c r="T159" s="70"/>
      <c r="U159" s="70"/>
      <c r="V159" s="70"/>
      <c r="W159" s="70"/>
      <c r="X159" s="70"/>
      <c r="Y159" s="70"/>
      <c r="Z159" s="70"/>
      <c r="AA159" s="70"/>
      <c r="AB159" s="70"/>
      <c r="AC159" s="70"/>
      <c r="AD159" s="70"/>
      <c r="AE159" s="70"/>
      <c r="AF159" s="70"/>
    </row>
    <row r="160" spans="3:32" x14ac:dyDescent="0.2">
      <c r="C160" s="70"/>
      <c r="D160" s="70"/>
      <c r="E160" s="70"/>
      <c r="F160" s="70"/>
      <c r="G160" s="70"/>
      <c r="H160" s="70"/>
      <c r="I160" s="70"/>
      <c r="J160" s="70"/>
      <c r="K160" s="70"/>
      <c r="L160" s="70"/>
      <c r="M160" s="70"/>
      <c r="N160" s="70"/>
      <c r="O160" s="70"/>
      <c r="P160" s="70"/>
      <c r="Q160" s="70"/>
      <c r="R160" s="70"/>
      <c r="S160" s="70"/>
      <c r="T160" s="70"/>
      <c r="U160" s="70"/>
      <c r="V160" s="70"/>
      <c r="W160" s="70"/>
      <c r="X160" s="70"/>
      <c r="Y160" s="70"/>
      <c r="Z160" s="70"/>
      <c r="AA160" s="70"/>
      <c r="AB160" s="70"/>
      <c r="AC160" s="70"/>
      <c r="AD160" s="70"/>
      <c r="AE160" s="70"/>
      <c r="AF160" s="70"/>
    </row>
    <row r="161" spans="3:32" x14ac:dyDescent="0.2">
      <c r="C161" s="70"/>
      <c r="D161" s="70"/>
      <c r="E161" s="70"/>
      <c r="F161" s="70"/>
      <c r="G161" s="70"/>
      <c r="H161" s="70"/>
      <c r="I161" s="70"/>
      <c r="J161" s="70"/>
      <c r="K161" s="70"/>
      <c r="L161" s="70"/>
      <c r="M161" s="70"/>
      <c r="N161" s="70"/>
      <c r="O161" s="70"/>
      <c r="P161" s="70"/>
      <c r="Q161" s="70"/>
      <c r="R161" s="70"/>
      <c r="S161" s="70"/>
      <c r="T161" s="70"/>
      <c r="U161" s="70"/>
      <c r="V161" s="70"/>
      <c r="W161" s="70"/>
      <c r="X161" s="70"/>
      <c r="Y161" s="70"/>
      <c r="Z161" s="70"/>
      <c r="AA161" s="70"/>
      <c r="AB161" s="70"/>
      <c r="AC161" s="70"/>
      <c r="AD161" s="70"/>
      <c r="AE161" s="70"/>
      <c r="AF161" s="70"/>
    </row>
    <row r="162" spans="3:32" x14ac:dyDescent="0.2">
      <c r="C162" s="70"/>
      <c r="D162" s="70"/>
      <c r="E162" s="70"/>
      <c r="F162" s="70"/>
      <c r="G162" s="70"/>
      <c r="H162" s="70"/>
      <c r="I162" s="70"/>
      <c r="J162" s="70"/>
      <c r="K162" s="70"/>
      <c r="L162" s="70"/>
      <c r="M162" s="70"/>
      <c r="N162" s="70"/>
      <c r="O162" s="70"/>
      <c r="P162" s="70"/>
      <c r="Q162" s="70"/>
      <c r="R162" s="70"/>
      <c r="S162" s="70"/>
      <c r="T162" s="70"/>
      <c r="U162" s="70"/>
      <c r="V162" s="70"/>
      <c r="W162" s="70"/>
      <c r="X162" s="70"/>
      <c r="Y162" s="70"/>
      <c r="Z162" s="70"/>
      <c r="AA162" s="70"/>
      <c r="AB162" s="70"/>
      <c r="AC162" s="70"/>
      <c r="AD162" s="70"/>
      <c r="AE162" s="70"/>
      <c r="AF162" s="70"/>
    </row>
    <row r="163" spans="3:32" x14ac:dyDescent="0.2">
      <c r="C163" s="70"/>
      <c r="D163" s="70"/>
      <c r="E163" s="70"/>
      <c r="F163" s="70"/>
      <c r="G163" s="70"/>
      <c r="H163" s="70"/>
      <c r="I163" s="70"/>
      <c r="J163" s="70"/>
      <c r="K163" s="70"/>
      <c r="L163" s="70"/>
      <c r="M163" s="70"/>
      <c r="N163" s="70"/>
      <c r="O163" s="70"/>
      <c r="P163" s="70"/>
      <c r="Q163" s="70"/>
      <c r="R163" s="70"/>
      <c r="S163" s="70"/>
      <c r="T163" s="70"/>
      <c r="U163" s="70"/>
      <c r="V163" s="70"/>
      <c r="W163" s="70"/>
      <c r="X163" s="70"/>
      <c r="Y163" s="70"/>
      <c r="Z163" s="70"/>
      <c r="AA163" s="70"/>
      <c r="AB163" s="70"/>
      <c r="AC163" s="70"/>
      <c r="AD163" s="70"/>
      <c r="AE163" s="70"/>
      <c r="AF163" s="70"/>
    </row>
    <row r="164" spans="3:32" x14ac:dyDescent="0.2">
      <c r="C164" s="70"/>
      <c r="D164" s="70"/>
      <c r="E164" s="70"/>
      <c r="F164" s="70"/>
      <c r="G164" s="70"/>
      <c r="H164" s="70"/>
      <c r="I164" s="70"/>
      <c r="J164" s="70"/>
      <c r="K164" s="70"/>
      <c r="L164" s="70"/>
      <c r="M164" s="70"/>
      <c r="N164" s="70"/>
      <c r="O164" s="70"/>
      <c r="P164" s="70"/>
      <c r="Q164" s="70"/>
      <c r="R164" s="70"/>
      <c r="S164" s="70"/>
      <c r="T164" s="70"/>
      <c r="U164" s="70"/>
      <c r="V164" s="70"/>
      <c r="W164" s="70"/>
      <c r="X164" s="70"/>
      <c r="Y164" s="70"/>
      <c r="Z164" s="70"/>
      <c r="AA164" s="70"/>
      <c r="AB164" s="70"/>
      <c r="AC164" s="70"/>
      <c r="AD164" s="70"/>
      <c r="AE164" s="70"/>
      <c r="AF164" s="70"/>
    </row>
    <row r="165" spans="3:32" x14ac:dyDescent="0.2">
      <c r="C165" s="70"/>
      <c r="D165" s="70"/>
      <c r="E165" s="70"/>
      <c r="F165" s="70"/>
      <c r="G165" s="70"/>
      <c r="H165" s="70"/>
      <c r="I165" s="70"/>
      <c r="J165" s="70"/>
      <c r="K165" s="70"/>
      <c r="L165" s="70"/>
      <c r="M165" s="70"/>
      <c r="N165" s="70"/>
      <c r="O165" s="70"/>
      <c r="P165" s="70"/>
      <c r="Q165" s="70"/>
      <c r="R165" s="70"/>
      <c r="S165" s="70"/>
      <c r="T165" s="70"/>
      <c r="U165" s="70"/>
      <c r="V165" s="70"/>
      <c r="W165" s="70"/>
      <c r="X165" s="70"/>
      <c r="Y165" s="70"/>
      <c r="Z165" s="70"/>
      <c r="AA165" s="70"/>
      <c r="AB165" s="70"/>
      <c r="AC165" s="70"/>
      <c r="AD165" s="70"/>
      <c r="AE165" s="70"/>
      <c r="AF165" s="70"/>
    </row>
    <row r="166" spans="3:32" x14ac:dyDescent="0.2">
      <c r="C166" s="70"/>
      <c r="D166" s="70"/>
      <c r="E166" s="70"/>
      <c r="F166" s="70"/>
      <c r="G166" s="70"/>
      <c r="H166" s="70"/>
      <c r="I166" s="70"/>
      <c r="J166" s="70"/>
      <c r="K166" s="70"/>
      <c r="L166" s="70"/>
      <c r="M166" s="70"/>
      <c r="N166" s="70"/>
      <c r="O166" s="70"/>
      <c r="P166" s="70"/>
      <c r="Q166" s="70"/>
      <c r="R166" s="70"/>
      <c r="S166" s="70"/>
      <c r="T166" s="70"/>
      <c r="U166" s="70"/>
      <c r="V166" s="70"/>
      <c r="W166" s="70"/>
      <c r="X166" s="70"/>
      <c r="Y166" s="70"/>
      <c r="Z166" s="70"/>
      <c r="AA166" s="70"/>
      <c r="AB166" s="70"/>
      <c r="AC166" s="70"/>
      <c r="AD166" s="70"/>
      <c r="AE166" s="70"/>
      <c r="AF166" s="70"/>
    </row>
    <row r="167" spans="3:32" x14ac:dyDescent="0.2">
      <c r="C167" s="70"/>
      <c r="D167" s="70"/>
      <c r="E167" s="70"/>
      <c r="F167" s="70"/>
      <c r="G167" s="70"/>
      <c r="H167" s="70"/>
      <c r="I167" s="70"/>
      <c r="J167" s="70"/>
      <c r="K167" s="70"/>
      <c r="L167" s="70"/>
      <c r="M167" s="70"/>
      <c r="N167" s="70"/>
      <c r="O167" s="70"/>
      <c r="P167" s="70"/>
      <c r="Q167" s="70"/>
      <c r="R167" s="70"/>
      <c r="S167" s="70"/>
      <c r="T167" s="70"/>
      <c r="U167" s="70"/>
      <c r="V167" s="70"/>
      <c r="W167" s="70"/>
      <c r="X167" s="70"/>
      <c r="Y167" s="70"/>
      <c r="Z167" s="70"/>
      <c r="AA167" s="70"/>
      <c r="AB167" s="70"/>
      <c r="AC167" s="70"/>
      <c r="AD167" s="70"/>
      <c r="AE167" s="70"/>
      <c r="AF167" s="70"/>
    </row>
    <row r="168" spans="3:32" x14ac:dyDescent="0.2">
      <c r="C168" s="70"/>
      <c r="D168" s="70"/>
      <c r="E168" s="70"/>
      <c r="F168" s="70"/>
      <c r="G168" s="70"/>
      <c r="H168" s="70"/>
      <c r="I168" s="70"/>
      <c r="J168" s="70"/>
      <c r="K168" s="70"/>
      <c r="L168" s="70"/>
      <c r="M168" s="70"/>
      <c r="N168" s="70"/>
      <c r="O168" s="70"/>
      <c r="P168" s="70"/>
      <c r="Q168" s="70"/>
      <c r="R168" s="70"/>
      <c r="S168" s="70"/>
      <c r="T168" s="70"/>
      <c r="U168" s="70"/>
      <c r="V168" s="70"/>
      <c r="W168" s="70"/>
      <c r="X168" s="70"/>
      <c r="Y168" s="70"/>
      <c r="Z168" s="70"/>
      <c r="AA168" s="70"/>
      <c r="AB168" s="70"/>
      <c r="AC168" s="70"/>
      <c r="AD168" s="70"/>
      <c r="AE168" s="70"/>
      <c r="AF168" s="70"/>
    </row>
    <row r="169" spans="3:32" x14ac:dyDescent="0.2">
      <c r="C169" s="70"/>
      <c r="D169" s="70"/>
      <c r="E169" s="70"/>
      <c r="F169" s="70"/>
      <c r="G169" s="70"/>
      <c r="H169" s="70"/>
      <c r="I169" s="70"/>
      <c r="J169" s="70"/>
      <c r="K169" s="70"/>
      <c r="L169" s="70"/>
      <c r="M169" s="70"/>
      <c r="N169" s="70"/>
      <c r="O169" s="70"/>
      <c r="P169" s="70"/>
      <c r="Q169" s="70"/>
      <c r="R169" s="70"/>
      <c r="S169" s="70"/>
      <c r="T169" s="70"/>
      <c r="U169" s="70"/>
      <c r="V169" s="70"/>
      <c r="W169" s="70"/>
      <c r="X169" s="70"/>
      <c r="Y169" s="70"/>
      <c r="Z169" s="70"/>
      <c r="AA169" s="70"/>
      <c r="AB169" s="70"/>
      <c r="AC169" s="70"/>
      <c r="AD169" s="70"/>
      <c r="AE169" s="70"/>
      <c r="AF169" s="70"/>
    </row>
    <row r="170" spans="3:32" x14ac:dyDescent="0.2">
      <c r="C170" s="70"/>
      <c r="D170" s="70"/>
      <c r="E170" s="70"/>
      <c r="F170" s="70"/>
      <c r="G170" s="70"/>
      <c r="H170" s="70"/>
      <c r="I170" s="70"/>
      <c r="J170" s="70"/>
      <c r="K170" s="70"/>
      <c r="L170" s="70"/>
      <c r="M170" s="70"/>
      <c r="N170" s="70"/>
      <c r="O170" s="70"/>
      <c r="P170" s="70"/>
      <c r="Q170" s="70"/>
      <c r="R170" s="70"/>
      <c r="S170" s="70"/>
      <c r="T170" s="70"/>
      <c r="U170" s="70"/>
      <c r="V170" s="70"/>
      <c r="W170" s="70"/>
      <c r="X170" s="70"/>
      <c r="Y170" s="70"/>
      <c r="Z170" s="70"/>
      <c r="AA170" s="70"/>
      <c r="AB170" s="70"/>
      <c r="AC170" s="70"/>
      <c r="AD170" s="70"/>
      <c r="AE170" s="70"/>
      <c r="AF170" s="70"/>
    </row>
    <row r="171" spans="3:32" x14ac:dyDescent="0.2">
      <c r="C171" s="70"/>
      <c r="D171" s="70"/>
      <c r="E171" s="70"/>
      <c r="F171" s="70"/>
      <c r="G171" s="70"/>
      <c r="H171" s="70"/>
      <c r="I171" s="70"/>
      <c r="J171" s="70"/>
      <c r="K171" s="70"/>
      <c r="L171" s="70"/>
      <c r="M171" s="70"/>
      <c r="N171" s="70"/>
      <c r="O171" s="70"/>
      <c r="P171" s="70"/>
      <c r="Q171" s="70"/>
      <c r="R171" s="70"/>
      <c r="S171" s="70"/>
      <c r="T171" s="70"/>
      <c r="U171" s="70"/>
      <c r="V171" s="70"/>
      <c r="W171" s="70"/>
      <c r="X171" s="70"/>
      <c r="Y171" s="70"/>
      <c r="Z171" s="70"/>
      <c r="AA171" s="70"/>
      <c r="AB171" s="70"/>
      <c r="AC171" s="70"/>
      <c r="AD171" s="70"/>
      <c r="AE171" s="70"/>
      <c r="AF171" s="70"/>
    </row>
    <row r="172" spans="3:32" x14ac:dyDescent="0.2">
      <c r="C172" s="70"/>
      <c r="D172" s="70"/>
      <c r="E172" s="70"/>
      <c r="F172" s="70"/>
      <c r="G172" s="70"/>
      <c r="H172" s="70"/>
      <c r="I172" s="70"/>
      <c r="J172" s="70"/>
      <c r="K172" s="70"/>
      <c r="L172" s="70"/>
      <c r="M172" s="70"/>
      <c r="N172" s="70"/>
      <c r="O172" s="70"/>
      <c r="P172" s="70"/>
      <c r="Q172" s="70"/>
      <c r="R172" s="70"/>
      <c r="S172" s="70"/>
      <c r="T172" s="70"/>
      <c r="U172" s="70"/>
      <c r="V172" s="70"/>
      <c r="W172" s="70"/>
      <c r="X172" s="70"/>
      <c r="Y172" s="70"/>
      <c r="Z172" s="70"/>
      <c r="AA172" s="70"/>
      <c r="AB172" s="70"/>
      <c r="AC172" s="70"/>
      <c r="AD172" s="70"/>
      <c r="AE172" s="70"/>
      <c r="AF172" s="70"/>
    </row>
    <row r="173" spans="3:32" x14ac:dyDescent="0.2">
      <c r="C173" s="70"/>
      <c r="D173" s="70"/>
      <c r="E173" s="70"/>
      <c r="F173" s="70"/>
      <c r="G173" s="70"/>
      <c r="H173" s="70"/>
      <c r="I173" s="70"/>
      <c r="J173" s="70"/>
      <c r="K173" s="70"/>
      <c r="L173" s="70"/>
      <c r="M173" s="70"/>
      <c r="N173" s="70"/>
      <c r="O173" s="70"/>
      <c r="P173" s="70"/>
      <c r="Q173" s="70"/>
      <c r="R173" s="70"/>
      <c r="S173" s="70"/>
      <c r="T173" s="70"/>
      <c r="U173" s="70"/>
      <c r="V173" s="70"/>
      <c r="W173" s="70"/>
      <c r="X173" s="70"/>
      <c r="Y173" s="70"/>
      <c r="Z173" s="70"/>
      <c r="AA173" s="70"/>
      <c r="AB173" s="70"/>
      <c r="AC173" s="70"/>
      <c r="AD173" s="70"/>
      <c r="AE173" s="70"/>
      <c r="AF173" s="70"/>
    </row>
    <row r="174" spans="3:32" x14ac:dyDescent="0.2">
      <c r="C174" s="70"/>
      <c r="D174" s="70"/>
      <c r="E174" s="70"/>
      <c r="F174" s="70"/>
      <c r="G174" s="70"/>
      <c r="H174" s="70"/>
      <c r="I174" s="70"/>
      <c r="J174" s="70"/>
      <c r="K174" s="70"/>
      <c r="L174" s="70"/>
      <c r="M174" s="70"/>
      <c r="N174" s="70"/>
      <c r="O174" s="70"/>
      <c r="P174" s="70"/>
      <c r="Q174" s="70"/>
      <c r="R174" s="70"/>
      <c r="S174" s="70"/>
      <c r="T174" s="70"/>
      <c r="U174" s="70"/>
      <c r="V174" s="70"/>
      <c r="W174" s="70"/>
      <c r="X174" s="70"/>
      <c r="Y174" s="70"/>
      <c r="Z174" s="70"/>
      <c r="AA174" s="70"/>
      <c r="AB174" s="70"/>
      <c r="AC174" s="70"/>
      <c r="AD174" s="70"/>
      <c r="AE174" s="70"/>
      <c r="AF174" s="70"/>
    </row>
    <row r="175" spans="3:32" x14ac:dyDescent="0.2">
      <c r="C175" s="70"/>
      <c r="D175" s="70"/>
      <c r="E175" s="70"/>
      <c r="F175" s="70"/>
      <c r="G175" s="70"/>
      <c r="H175" s="70"/>
      <c r="I175" s="70"/>
      <c r="J175" s="70"/>
      <c r="K175" s="70"/>
      <c r="L175" s="70"/>
      <c r="M175" s="70"/>
      <c r="N175" s="70"/>
      <c r="O175" s="70"/>
      <c r="P175" s="70"/>
      <c r="Q175" s="70"/>
      <c r="R175" s="70"/>
      <c r="S175" s="70"/>
      <c r="T175" s="70"/>
      <c r="U175" s="70"/>
      <c r="V175" s="70"/>
      <c r="W175" s="70"/>
      <c r="X175" s="70"/>
      <c r="Y175" s="70"/>
      <c r="Z175" s="70"/>
      <c r="AA175" s="70"/>
      <c r="AB175" s="70"/>
      <c r="AC175" s="70"/>
      <c r="AD175" s="70"/>
      <c r="AE175" s="70"/>
      <c r="AF175" s="70"/>
    </row>
    <row r="176" spans="3:32" x14ac:dyDescent="0.2">
      <c r="C176" s="70"/>
      <c r="D176" s="70"/>
      <c r="E176" s="70"/>
      <c r="F176" s="70"/>
      <c r="G176" s="70"/>
      <c r="H176" s="70"/>
      <c r="I176" s="70"/>
      <c r="J176" s="70"/>
      <c r="K176" s="70"/>
      <c r="L176" s="70"/>
      <c r="M176" s="70"/>
      <c r="N176" s="70"/>
      <c r="O176" s="70"/>
      <c r="P176" s="70"/>
      <c r="Q176" s="70"/>
      <c r="R176" s="70"/>
      <c r="S176" s="70"/>
      <c r="T176" s="70"/>
      <c r="U176" s="70"/>
      <c r="V176" s="70"/>
      <c r="W176" s="70"/>
      <c r="X176" s="70"/>
      <c r="Y176" s="70"/>
      <c r="Z176" s="70"/>
      <c r="AA176" s="70"/>
      <c r="AB176" s="70"/>
      <c r="AC176" s="70"/>
      <c r="AD176" s="70"/>
      <c r="AE176" s="70"/>
      <c r="AF176" s="70"/>
    </row>
    <row r="177" spans="3:32" x14ac:dyDescent="0.2">
      <c r="C177" s="70"/>
      <c r="D177" s="70"/>
      <c r="E177" s="70"/>
      <c r="F177" s="70"/>
      <c r="G177" s="70"/>
      <c r="H177" s="70"/>
      <c r="I177" s="70"/>
      <c r="J177" s="70"/>
      <c r="K177" s="70"/>
      <c r="L177" s="70"/>
      <c r="M177" s="70"/>
      <c r="N177" s="70"/>
      <c r="O177" s="70"/>
      <c r="P177" s="70"/>
      <c r="Q177" s="70"/>
      <c r="R177" s="70"/>
      <c r="S177" s="70"/>
      <c r="T177" s="70"/>
      <c r="U177" s="70"/>
      <c r="V177" s="70"/>
      <c r="W177" s="70"/>
      <c r="X177" s="70"/>
      <c r="Y177" s="70"/>
      <c r="Z177" s="70"/>
      <c r="AA177" s="70"/>
      <c r="AB177" s="70"/>
      <c r="AC177" s="70"/>
      <c r="AD177" s="70"/>
      <c r="AE177" s="70"/>
      <c r="AF177" s="70"/>
    </row>
    <row r="178" spans="3:32" x14ac:dyDescent="0.2">
      <c r="C178" s="70"/>
      <c r="D178" s="70"/>
      <c r="E178" s="70"/>
      <c r="F178" s="70"/>
      <c r="G178" s="70"/>
      <c r="H178" s="70"/>
      <c r="I178" s="70"/>
      <c r="J178" s="70"/>
      <c r="K178" s="70"/>
      <c r="L178" s="70"/>
      <c r="M178" s="70"/>
      <c r="N178" s="70"/>
      <c r="O178" s="70"/>
      <c r="P178" s="70"/>
      <c r="Q178" s="70"/>
      <c r="R178" s="70"/>
      <c r="S178" s="70"/>
      <c r="T178" s="70"/>
      <c r="U178" s="70"/>
      <c r="V178" s="70"/>
      <c r="W178" s="70"/>
      <c r="X178" s="70"/>
      <c r="Y178" s="70"/>
      <c r="Z178" s="70"/>
      <c r="AA178" s="70"/>
      <c r="AB178" s="70"/>
      <c r="AC178" s="70"/>
      <c r="AD178" s="70"/>
      <c r="AE178" s="70"/>
      <c r="AF178" s="70"/>
    </row>
    <row r="179" spans="3:32" x14ac:dyDescent="0.2">
      <c r="C179" s="70"/>
      <c r="D179" s="70"/>
      <c r="E179" s="70"/>
      <c r="F179" s="70"/>
      <c r="G179" s="70"/>
      <c r="H179" s="70"/>
      <c r="I179" s="70"/>
      <c r="J179" s="70"/>
      <c r="K179" s="70"/>
      <c r="L179" s="70"/>
      <c r="M179" s="70"/>
      <c r="N179" s="70"/>
      <c r="O179" s="70"/>
      <c r="P179" s="70"/>
      <c r="Q179" s="70"/>
      <c r="R179" s="70"/>
      <c r="S179" s="70"/>
      <c r="T179" s="70"/>
      <c r="U179" s="70"/>
      <c r="V179" s="70"/>
      <c r="W179" s="70"/>
      <c r="X179" s="70"/>
      <c r="Y179" s="70"/>
      <c r="Z179" s="70"/>
      <c r="AA179" s="70"/>
      <c r="AB179" s="70"/>
      <c r="AC179" s="70"/>
      <c r="AD179" s="70"/>
      <c r="AE179" s="70"/>
      <c r="AF179" s="70"/>
    </row>
    <row r="180" spans="3:32" x14ac:dyDescent="0.2">
      <c r="C180" s="70"/>
      <c r="D180" s="70"/>
      <c r="E180" s="70"/>
      <c r="F180" s="70"/>
      <c r="G180" s="70"/>
      <c r="H180" s="70"/>
      <c r="I180" s="70"/>
      <c r="J180" s="70"/>
      <c r="K180" s="70"/>
      <c r="L180" s="70"/>
      <c r="M180" s="70"/>
      <c r="N180" s="70"/>
      <c r="O180" s="70"/>
      <c r="P180" s="70"/>
      <c r="Q180" s="70"/>
      <c r="R180" s="70"/>
      <c r="S180" s="70"/>
      <c r="T180" s="70"/>
      <c r="U180" s="70"/>
      <c r="V180" s="70"/>
      <c r="W180" s="70"/>
      <c r="X180" s="70"/>
      <c r="Y180" s="70"/>
      <c r="Z180" s="70"/>
      <c r="AA180" s="70"/>
      <c r="AB180" s="70"/>
      <c r="AC180" s="70"/>
      <c r="AD180" s="70"/>
      <c r="AE180" s="70"/>
      <c r="AF180" s="70"/>
    </row>
    <row r="181" spans="3:32" x14ac:dyDescent="0.2">
      <c r="C181" s="70"/>
      <c r="D181" s="70"/>
      <c r="E181" s="70"/>
      <c r="F181" s="70"/>
      <c r="G181" s="70"/>
      <c r="H181" s="70"/>
      <c r="I181" s="70"/>
      <c r="J181" s="70"/>
      <c r="K181" s="70"/>
      <c r="L181" s="70"/>
      <c r="M181" s="70"/>
      <c r="N181" s="70"/>
      <c r="O181" s="70"/>
      <c r="P181" s="70"/>
      <c r="Q181" s="70"/>
      <c r="R181" s="70"/>
      <c r="S181" s="70"/>
      <c r="T181" s="70"/>
      <c r="U181" s="70"/>
      <c r="V181" s="70"/>
      <c r="W181" s="70"/>
      <c r="X181" s="70"/>
      <c r="Y181" s="70"/>
      <c r="Z181" s="70"/>
      <c r="AA181" s="70"/>
      <c r="AB181" s="70"/>
      <c r="AC181" s="70"/>
      <c r="AD181" s="70"/>
      <c r="AE181" s="70"/>
      <c r="AF181" s="70"/>
    </row>
    <row r="182" spans="3:32" x14ac:dyDescent="0.2">
      <c r="C182" s="70"/>
      <c r="D182" s="70"/>
      <c r="E182" s="70"/>
      <c r="F182" s="70"/>
      <c r="G182" s="70"/>
      <c r="H182" s="70"/>
      <c r="I182" s="70"/>
      <c r="J182" s="70"/>
      <c r="K182" s="70"/>
      <c r="L182" s="70"/>
      <c r="M182" s="70"/>
      <c r="N182" s="70"/>
      <c r="O182" s="70"/>
      <c r="P182" s="70"/>
      <c r="Q182" s="70"/>
      <c r="R182" s="70"/>
      <c r="S182" s="70"/>
      <c r="T182" s="70"/>
      <c r="U182" s="70"/>
      <c r="V182" s="70"/>
      <c r="W182" s="70"/>
      <c r="X182" s="70"/>
      <c r="Y182" s="70"/>
      <c r="Z182" s="70"/>
      <c r="AA182" s="70"/>
      <c r="AB182" s="70"/>
      <c r="AC182" s="70"/>
      <c r="AD182" s="70"/>
      <c r="AE182" s="70"/>
      <c r="AF182" s="70"/>
    </row>
    <row r="183" spans="3:32" x14ac:dyDescent="0.2">
      <c r="C183" s="70"/>
      <c r="D183" s="70"/>
      <c r="E183" s="70"/>
      <c r="F183" s="70"/>
      <c r="G183" s="70"/>
      <c r="H183" s="70"/>
      <c r="I183" s="70"/>
      <c r="J183" s="70"/>
      <c r="K183" s="70"/>
      <c r="L183" s="70"/>
      <c r="M183" s="70"/>
      <c r="N183" s="70"/>
      <c r="O183" s="70"/>
      <c r="P183" s="70"/>
      <c r="Q183" s="70"/>
      <c r="R183" s="70"/>
      <c r="S183" s="70"/>
      <c r="T183" s="70"/>
      <c r="U183" s="70"/>
      <c r="V183" s="70"/>
      <c r="W183" s="70"/>
      <c r="X183" s="70"/>
      <c r="Y183" s="70"/>
      <c r="Z183" s="70"/>
      <c r="AA183" s="70"/>
      <c r="AB183" s="70"/>
      <c r="AC183" s="70"/>
      <c r="AD183" s="70"/>
      <c r="AE183" s="70"/>
      <c r="AF183" s="70"/>
    </row>
    <row r="184" spans="3:32" x14ac:dyDescent="0.2">
      <c r="C184" s="70"/>
      <c r="D184" s="70"/>
      <c r="E184" s="70"/>
      <c r="F184" s="70"/>
      <c r="G184" s="70"/>
      <c r="H184" s="70"/>
      <c r="I184" s="70"/>
      <c r="J184" s="70"/>
      <c r="K184" s="70"/>
      <c r="L184" s="70"/>
      <c r="M184" s="70"/>
      <c r="N184" s="70"/>
      <c r="O184" s="70"/>
      <c r="P184" s="70"/>
      <c r="Q184" s="70"/>
      <c r="R184" s="70"/>
      <c r="S184" s="70"/>
      <c r="T184" s="70"/>
      <c r="U184" s="70"/>
      <c r="V184" s="70"/>
      <c r="W184" s="70"/>
      <c r="X184" s="70"/>
      <c r="Y184" s="70"/>
      <c r="Z184" s="70"/>
      <c r="AA184" s="70"/>
      <c r="AB184" s="70"/>
      <c r="AC184" s="70"/>
      <c r="AD184" s="70"/>
      <c r="AE184" s="70"/>
      <c r="AF184" s="70"/>
    </row>
    <row r="185" spans="3:32" x14ac:dyDescent="0.2">
      <c r="C185" s="70"/>
      <c r="D185" s="70"/>
      <c r="E185" s="70"/>
      <c r="F185" s="70"/>
      <c r="G185" s="70"/>
      <c r="H185" s="70"/>
      <c r="I185" s="70"/>
      <c r="J185" s="70"/>
      <c r="K185" s="70"/>
      <c r="L185" s="70"/>
      <c r="M185" s="70"/>
      <c r="N185" s="70"/>
      <c r="O185" s="70"/>
      <c r="P185" s="70"/>
      <c r="Q185" s="70"/>
      <c r="R185" s="70"/>
      <c r="S185" s="70"/>
      <c r="T185" s="70"/>
      <c r="U185" s="70"/>
      <c r="V185" s="70"/>
      <c r="W185" s="70"/>
      <c r="X185" s="70"/>
      <c r="Y185" s="70"/>
      <c r="Z185" s="70"/>
      <c r="AA185" s="70"/>
      <c r="AB185" s="70"/>
      <c r="AC185" s="70"/>
      <c r="AD185" s="70"/>
      <c r="AE185" s="70"/>
      <c r="AF185" s="70"/>
    </row>
    <row r="186" spans="3:32" x14ac:dyDescent="0.2">
      <c r="C186" s="70"/>
      <c r="D186" s="70"/>
      <c r="E186" s="70"/>
      <c r="F186" s="70"/>
      <c r="G186" s="70"/>
      <c r="H186" s="70"/>
      <c r="I186" s="70"/>
      <c r="J186" s="70"/>
      <c r="K186" s="70"/>
      <c r="L186" s="70"/>
      <c r="M186" s="70"/>
      <c r="N186" s="70"/>
      <c r="O186" s="70"/>
      <c r="P186" s="70"/>
      <c r="Q186" s="70"/>
      <c r="R186" s="70"/>
      <c r="S186" s="70"/>
      <c r="T186" s="70"/>
      <c r="U186" s="70"/>
      <c r="V186" s="70"/>
      <c r="W186" s="70"/>
      <c r="X186" s="70"/>
      <c r="Y186" s="70"/>
      <c r="Z186" s="70"/>
      <c r="AA186" s="70"/>
      <c r="AB186" s="70"/>
      <c r="AC186" s="70"/>
      <c r="AD186" s="70"/>
      <c r="AE186" s="70"/>
      <c r="AF186" s="70"/>
    </row>
    <row r="187" spans="3:32" x14ac:dyDescent="0.2">
      <c r="C187" s="70"/>
      <c r="D187" s="70"/>
      <c r="E187" s="70"/>
      <c r="F187" s="70"/>
      <c r="G187" s="70"/>
      <c r="H187" s="70"/>
      <c r="I187" s="70"/>
      <c r="J187" s="70"/>
      <c r="K187" s="70"/>
      <c r="L187" s="70"/>
      <c r="M187" s="70"/>
      <c r="N187" s="70"/>
      <c r="O187" s="70"/>
      <c r="P187" s="70"/>
      <c r="Q187" s="70"/>
      <c r="R187" s="70"/>
      <c r="S187" s="70"/>
      <c r="T187" s="70"/>
      <c r="U187" s="70"/>
      <c r="V187" s="70"/>
      <c r="W187" s="70"/>
      <c r="X187" s="70"/>
      <c r="Y187" s="70"/>
      <c r="Z187" s="70"/>
      <c r="AA187" s="70"/>
      <c r="AB187" s="70"/>
      <c r="AC187" s="70"/>
      <c r="AD187" s="70"/>
      <c r="AE187" s="70"/>
      <c r="AF187" s="70"/>
    </row>
    <row r="188" spans="3:32" x14ac:dyDescent="0.2">
      <c r="C188" s="70"/>
      <c r="D188" s="70"/>
      <c r="E188" s="70"/>
      <c r="F188" s="70"/>
      <c r="G188" s="70"/>
      <c r="H188" s="70"/>
      <c r="I188" s="70"/>
      <c r="J188" s="70"/>
      <c r="K188" s="70"/>
      <c r="L188" s="70"/>
      <c r="M188" s="70"/>
      <c r="N188" s="70"/>
      <c r="O188" s="70"/>
      <c r="P188" s="70"/>
      <c r="Q188" s="70"/>
      <c r="R188" s="70"/>
      <c r="S188" s="70"/>
      <c r="T188" s="70"/>
      <c r="U188" s="70"/>
      <c r="V188" s="70"/>
      <c r="W188" s="70"/>
      <c r="X188" s="70"/>
      <c r="Y188" s="70"/>
      <c r="Z188" s="70"/>
      <c r="AA188" s="70"/>
      <c r="AB188" s="70"/>
      <c r="AC188" s="70"/>
      <c r="AD188" s="70"/>
      <c r="AE188" s="70"/>
      <c r="AF188" s="70"/>
    </row>
    <row r="189" spans="3:32" x14ac:dyDescent="0.2">
      <c r="C189" s="70"/>
      <c r="D189" s="70"/>
      <c r="E189" s="70"/>
      <c r="F189" s="70"/>
      <c r="G189" s="70"/>
      <c r="H189" s="70"/>
      <c r="I189" s="70"/>
      <c r="J189" s="70"/>
      <c r="K189" s="70"/>
      <c r="L189" s="70"/>
      <c r="M189" s="70"/>
      <c r="N189" s="70"/>
      <c r="O189" s="70"/>
      <c r="P189" s="70"/>
      <c r="Q189" s="70"/>
      <c r="R189" s="70"/>
      <c r="S189" s="70"/>
      <c r="T189" s="70"/>
      <c r="U189" s="70"/>
      <c r="V189" s="70"/>
      <c r="W189" s="70"/>
      <c r="X189" s="70"/>
      <c r="Y189" s="70"/>
      <c r="Z189" s="70"/>
      <c r="AA189" s="70"/>
      <c r="AB189" s="70"/>
      <c r="AC189" s="70"/>
      <c r="AD189" s="70"/>
      <c r="AE189" s="70"/>
      <c r="AF189" s="70"/>
    </row>
    <row r="190" spans="3:32" x14ac:dyDescent="0.2">
      <c r="C190" s="70"/>
      <c r="D190" s="70"/>
      <c r="E190" s="70"/>
      <c r="F190" s="70"/>
      <c r="G190" s="70"/>
      <c r="H190" s="70"/>
      <c r="I190" s="70"/>
      <c r="J190" s="70"/>
      <c r="K190" s="70"/>
      <c r="L190" s="70"/>
      <c r="M190" s="70"/>
      <c r="N190" s="70"/>
      <c r="O190" s="70"/>
      <c r="P190" s="70"/>
      <c r="Q190" s="70"/>
      <c r="R190" s="70"/>
      <c r="S190" s="70"/>
      <c r="T190" s="70"/>
      <c r="U190" s="70"/>
      <c r="V190" s="70"/>
      <c r="W190" s="70"/>
      <c r="X190" s="70"/>
      <c r="Y190" s="70"/>
      <c r="Z190" s="70"/>
      <c r="AA190" s="70"/>
      <c r="AB190" s="70"/>
      <c r="AC190" s="70"/>
      <c r="AD190" s="70"/>
      <c r="AE190" s="70"/>
      <c r="AF190" s="70"/>
    </row>
    <row r="191" spans="3:32" x14ac:dyDescent="0.2">
      <c r="C191" s="70"/>
      <c r="D191" s="70"/>
      <c r="E191" s="70"/>
      <c r="F191" s="70"/>
      <c r="G191" s="70"/>
      <c r="H191" s="70"/>
      <c r="I191" s="70"/>
      <c r="J191" s="70"/>
      <c r="K191" s="70"/>
      <c r="L191" s="70"/>
      <c r="M191" s="70"/>
      <c r="N191" s="70"/>
      <c r="O191" s="70"/>
      <c r="P191" s="70"/>
      <c r="Q191" s="70"/>
      <c r="R191" s="70"/>
      <c r="S191" s="70"/>
      <c r="T191" s="70"/>
      <c r="U191" s="70"/>
      <c r="V191" s="70"/>
      <c r="W191" s="70"/>
      <c r="X191" s="70"/>
      <c r="Y191" s="70"/>
      <c r="Z191" s="70"/>
      <c r="AA191" s="70"/>
      <c r="AB191" s="70"/>
      <c r="AC191" s="70"/>
      <c r="AD191" s="70"/>
      <c r="AE191" s="70"/>
      <c r="AF191" s="70"/>
    </row>
    <row r="192" spans="3:32" x14ac:dyDescent="0.2">
      <c r="C192" s="70"/>
      <c r="D192" s="70"/>
      <c r="E192" s="70"/>
      <c r="F192" s="70"/>
      <c r="G192" s="70"/>
      <c r="H192" s="70"/>
      <c r="I192" s="70"/>
      <c r="J192" s="70"/>
      <c r="K192" s="70"/>
      <c r="L192" s="70"/>
      <c r="M192" s="70"/>
      <c r="N192" s="70"/>
      <c r="O192" s="70"/>
      <c r="P192" s="70"/>
      <c r="Q192" s="70"/>
      <c r="R192" s="70"/>
      <c r="S192" s="70"/>
      <c r="T192" s="70"/>
      <c r="U192" s="70"/>
      <c r="V192" s="70"/>
      <c r="W192" s="70"/>
      <c r="X192" s="70"/>
      <c r="Y192" s="70"/>
      <c r="Z192" s="70"/>
      <c r="AA192" s="70"/>
      <c r="AB192" s="70"/>
      <c r="AC192" s="70"/>
      <c r="AD192" s="70"/>
      <c r="AE192" s="70"/>
      <c r="AF192" s="70"/>
    </row>
    <row r="193" spans="3:32" x14ac:dyDescent="0.2">
      <c r="C193" s="70"/>
      <c r="D193" s="70"/>
      <c r="E193" s="70"/>
      <c r="F193" s="70"/>
      <c r="G193" s="70"/>
      <c r="H193" s="70"/>
      <c r="I193" s="70"/>
      <c r="J193" s="70"/>
      <c r="K193" s="70"/>
      <c r="L193" s="70"/>
      <c r="M193" s="70"/>
      <c r="N193" s="70"/>
      <c r="O193" s="70"/>
      <c r="P193" s="70"/>
      <c r="Q193" s="70"/>
      <c r="R193" s="70"/>
      <c r="S193" s="70"/>
      <c r="T193" s="70"/>
      <c r="U193" s="70"/>
      <c r="V193" s="70"/>
      <c r="W193" s="70"/>
      <c r="X193" s="70"/>
      <c r="Y193" s="70"/>
      <c r="Z193" s="70"/>
      <c r="AA193" s="70"/>
      <c r="AB193" s="70"/>
      <c r="AC193" s="70"/>
      <c r="AD193" s="70"/>
      <c r="AE193" s="70"/>
      <c r="AF193" s="70"/>
    </row>
    <row r="194" spans="3:32" x14ac:dyDescent="0.2">
      <c r="C194" s="70"/>
      <c r="D194" s="70"/>
      <c r="E194" s="70"/>
      <c r="F194" s="70"/>
      <c r="G194" s="70"/>
      <c r="H194" s="70"/>
      <c r="I194" s="70"/>
      <c r="J194" s="70"/>
      <c r="K194" s="70"/>
      <c r="L194" s="70"/>
      <c r="M194" s="70"/>
      <c r="N194" s="70"/>
      <c r="O194" s="70"/>
      <c r="P194" s="70"/>
      <c r="Q194" s="70"/>
      <c r="R194" s="70"/>
      <c r="S194" s="70"/>
      <c r="T194" s="70"/>
      <c r="U194" s="70"/>
      <c r="V194" s="70"/>
      <c r="W194" s="70"/>
      <c r="X194" s="70"/>
      <c r="Y194" s="70"/>
      <c r="Z194" s="70"/>
      <c r="AA194" s="70"/>
      <c r="AB194" s="70"/>
      <c r="AC194" s="70"/>
      <c r="AD194" s="70"/>
      <c r="AE194" s="70"/>
      <c r="AF194" s="70"/>
    </row>
    <row r="195" spans="3:32" x14ac:dyDescent="0.2">
      <c r="C195" s="70"/>
      <c r="D195" s="70"/>
      <c r="E195" s="70"/>
      <c r="F195" s="70"/>
      <c r="G195" s="70"/>
      <c r="H195" s="70"/>
      <c r="I195" s="70"/>
      <c r="J195" s="70"/>
      <c r="K195" s="70"/>
      <c r="L195" s="70"/>
      <c r="M195" s="70"/>
      <c r="N195" s="70"/>
      <c r="O195" s="70"/>
      <c r="P195" s="70"/>
      <c r="Q195" s="70"/>
      <c r="R195" s="70"/>
      <c r="S195" s="70"/>
      <c r="T195" s="70"/>
      <c r="U195" s="70"/>
      <c r="V195" s="70"/>
      <c r="W195" s="70"/>
      <c r="X195" s="70"/>
      <c r="Y195" s="70"/>
      <c r="Z195" s="70"/>
      <c r="AA195" s="70"/>
      <c r="AB195" s="70"/>
      <c r="AC195" s="70"/>
      <c r="AD195" s="70"/>
      <c r="AE195" s="70"/>
      <c r="AF195" s="70"/>
    </row>
    <row r="196" spans="3:32" x14ac:dyDescent="0.2">
      <c r="C196" s="70"/>
      <c r="D196" s="70"/>
      <c r="E196" s="70"/>
      <c r="F196" s="70"/>
      <c r="G196" s="70"/>
      <c r="H196" s="70"/>
      <c r="I196" s="70"/>
      <c r="J196" s="70"/>
      <c r="K196" s="70"/>
      <c r="L196" s="70"/>
      <c r="M196" s="70"/>
      <c r="N196" s="70"/>
      <c r="O196" s="70"/>
      <c r="P196" s="70"/>
      <c r="Q196" s="70"/>
      <c r="R196" s="70"/>
      <c r="S196" s="70"/>
      <c r="T196" s="70"/>
      <c r="U196" s="70"/>
      <c r="V196" s="70"/>
      <c r="W196" s="70"/>
      <c r="X196" s="70"/>
      <c r="Y196" s="70"/>
      <c r="Z196" s="70"/>
      <c r="AA196" s="70"/>
      <c r="AB196" s="70"/>
      <c r="AC196" s="70"/>
      <c r="AD196" s="70"/>
      <c r="AE196" s="70"/>
      <c r="AF196" s="70"/>
    </row>
    <row r="197" spans="3:32" x14ac:dyDescent="0.2">
      <c r="C197" s="70"/>
      <c r="D197" s="70"/>
      <c r="E197" s="70"/>
      <c r="F197" s="70"/>
      <c r="G197" s="70"/>
      <c r="H197" s="70"/>
      <c r="I197" s="70"/>
      <c r="J197" s="70"/>
      <c r="K197" s="70"/>
      <c r="L197" s="70"/>
      <c r="M197" s="70"/>
      <c r="N197" s="70"/>
      <c r="O197" s="70"/>
      <c r="P197" s="70"/>
      <c r="Q197" s="70"/>
      <c r="R197" s="70"/>
      <c r="S197" s="70"/>
      <c r="T197" s="70"/>
      <c r="U197" s="70"/>
      <c r="V197" s="70"/>
      <c r="W197" s="70"/>
      <c r="X197" s="70"/>
      <c r="Y197" s="70"/>
      <c r="Z197" s="70"/>
      <c r="AA197" s="70"/>
      <c r="AB197" s="70"/>
      <c r="AC197" s="70"/>
      <c r="AD197" s="70"/>
      <c r="AE197" s="70"/>
      <c r="AF197" s="70"/>
    </row>
    <row r="198" spans="3:32" x14ac:dyDescent="0.2">
      <c r="C198" s="70"/>
      <c r="D198" s="70"/>
      <c r="E198" s="70"/>
      <c r="F198" s="70"/>
      <c r="G198" s="70"/>
      <c r="H198" s="70"/>
      <c r="I198" s="70"/>
      <c r="J198" s="70"/>
      <c r="K198" s="70"/>
      <c r="L198" s="70"/>
      <c r="M198" s="70"/>
      <c r="N198" s="70"/>
      <c r="O198" s="70"/>
      <c r="P198" s="70"/>
      <c r="Q198" s="70"/>
      <c r="R198" s="70"/>
      <c r="S198" s="70"/>
      <c r="T198" s="70"/>
      <c r="U198" s="70"/>
      <c r="V198" s="70"/>
      <c r="W198" s="70"/>
      <c r="X198" s="70"/>
      <c r="Y198" s="70"/>
      <c r="Z198" s="70"/>
      <c r="AA198" s="70"/>
      <c r="AB198" s="70"/>
      <c r="AC198" s="70"/>
      <c r="AD198" s="70"/>
      <c r="AE198" s="70"/>
      <c r="AF198" s="70"/>
    </row>
    <row r="199" spans="3:32" x14ac:dyDescent="0.2">
      <c r="C199" s="70"/>
      <c r="D199" s="70"/>
      <c r="E199" s="70"/>
      <c r="F199" s="70"/>
      <c r="G199" s="70"/>
      <c r="H199" s="70"/>
      <c r="I199" s="70"/>
      <c r="J199" s="70"/>
      <c r="K199" s="70"/>
      <c r="L199" s="70"/>
      <c r="M199" s="70"/>
      <c r="N199" s="70"/>
      <c r="O199" s="70"/>
      <c r="P199" s="70"/>
      <c r="Q199" s="70"/>
      <c r="R199" s="70"/>
      <c r="S199" s="70"/>
      <c r="T199" s="70"/>
      <c r="U199" s="70"/>
      <c r="V199" s="70"/>
      <c r="W199" s="70"/>
      <c r="X199" s="70"/>
      <c r="Y199" s="70"/>
      <c r="Z199" s="70"/>
      <c r="AA199" s="70"/>
      <c r="AB199" s="70"/>
      <c r="AC199" s="70"/>
      <c r="AD199" s="70"/>
      <c r="AE199" s="70"/>
      <c r="AF199" s="70"/>
    </row>
    <row r="200" spans="3:32" x14ac:dyDescent="0.2">
      <c r="C200" s="70"/>
      <c r="D200" s="70"/>
      <c r="E200" s="70"/>
      <c r="F200" s="70"/>
      <c r="G200" s="70"/>
      <c r="H200" s="70"/>
      <c r="I200" s="70"/>
      <c r="J200" s="70"/>
      <c r="K200" s="70"/>
      <c r="L200" s="70"/>
      <c r="M200" s="70"/>
      <c r="N200" s="70"/>
      <c r="O200" s="70"/>
      <c r="P200" s="70"/>
      <c r="Q200" s="70"/>
      <c r="R200" s="70"/>
      <c r="S200" s="70"/>
      <c r="T200" s="70"/>
      <c r="U200" s="70"/>
      <c r="V200" s="70"/>
      <c r="W200" s="70"/>
      <c r="X200" s="70"/>
      <c r="Y200" s="70"/>
      <c r="Z200" s="70"/>
      <c r="AA200" s="70"/>
      <c r="AB200" s="70"/>
      <c r="AC200" s="70"/>
      <c r="AD200" s="70"/>
      <c r="AE200" s="70"/>
      <c r="AF200" s="70"/>
    </row>
    <row r="201" spans="3:32" x14ac:dyDescent="0.2">
      <c r="C201" s="70"/>
      <c r="D201" s="70"/>
      <c r="E201" s="70"/>
      <c r="F201" s="70"/>
      <c r="G201" s="70"/>
      <c r="H201" s="70"/>
      <c r="I201" s="70"/>
      <c r="J201" s="70"/>
      <c r="K201" s="70"/>
      <c r="L201" s="70"/>
      <c r="M201" s="70"/>
      <c r="N201" s="70"/>
      <c r="O201" s="70"/>
      <c r="P201" s="70"/>
      <c r="Q201" s="70"/>
      <c r="R201" s="70"/>
      <c r="S201" s="70"/>
      <c r="T201" s="70"/>
      <c r="U201" s="70"/>
      <c r="V201" s="70"/>
      <c r="W201" s="70"/>
      <c r="X201" s="70"/>
      <c r="Y201" s="70"/>
      <c r="Z201" s="70"/>
      <c r="AA201" s="70"/>
      <c r="AB201" s="70"/>
      <c r="AC201" s="70"/>
      <c r="AD201" s="70"/>
      <c r="AE201" s="70"/>
      <c r="AF201" s="70"/>
    </row>
    <row r="202" spans="3:32" x14ac:dyDescent="0.2">
      <c r="C202" s="70"/>
      <c r="D202" s="70"/>
      <c r="E202" s="70"/>
      <c r="F202" s="70"/>
      <c r="G202" s="70"/>
      <c r="H202" s="70"/>
      <c r="I202" s="70"/>
      <c r="J202" s="70"/>
      <c r="K202" s="70"/>
      <c r="L202" s="70"/>
      <c r="M202" s="70"/>
      <c r="N202" s="70"/>
      <c r="O202" s="70"/>
      <c r="P202" s="70"/>
      <c r="Q202" s="70"/>
      <c r="R202" s="70"/>
      <c r="S202" s="70"/>
      <c r="T202" s="70"/>
      <c r="U202" s="70"/>
      <c r="V202" s="70"/>
      <c r="W202" s="70"/>
      <c r="X202" s="70"/>
      <c r="Y202" s="70"/>
      <c r="Z202" s="70"/>
      <c r="AA202" s="70"/>
      <c r="AB202" s="70"/>
      <c r="AC202" s="70"/>
      <c r="AD202" s="70"/>
      <c r="AE202" s="70"/>
      <c r="AF202" s="70"/>
    </row>
    <row r="203" spans="3:32" x14ac:dyDescent="0.2">
      <c r="C203" s="70"/>
      <c r="D203" s="70"/>
      <c r="E203" s="70"/>
      <c r="F203" s="70"/>
      <c r="G203" s="70"/>
      <c r="H203" s="70"/>
      <c r="I203" s="70"/>
      <c r="J203" s="70"/>
      <c r="K203" s="70"/>
      <c r="L203" s="70"/>
      <c r="M203" s="70"/>
      <c r="N203" s="70"/>
      <c r="O203" s="70"/>
      <c r="P203" s="70"/>
      <c r="Q203" s="70"/>
      <c r="R203" s="70"/>
      <c r="S203" s="70"/>
      <c r="T203" s="70"/>
      <c r="U203" s="70"/>
      <c r="V203" s="70"/>
      <c r="W203" s="70"/>
      <c r="X203" s="70"/>
      <c r="Y203" s="70"/>
      <c r="Z203" s="70"/>
      <c r="AA203" s="70"/>
      <c r="AB203" s="70"/>
      <c r="AC203" s="70"/>
      <c r="AD203" s="70"/>
      <c r="AE203" s="70"/>
      <c r="AF203" s="70"/>
    </row>
    <row r="204" spans="3:32" x14ac:dyDescent="0.2">
      <c r="C204" s="70"/>
      <c r="D204" s="70"/>
      <c r="E204" s="70"/>
      <c r="F204" s="70"/>
      <c r="G204" s="70"/>
      <c r="H204" s="70"/>
      <c r="I204" s="70"/>
      <c r="J204" s="70"/>
      <c r="K204" s="70"/>
      <c r="L204" s="70"/>
      <c r="M204" s="70"/>
      <c r="N204" s="70"/>
      <c r="O204" s="70"/>
      <c r="P204" s="70"/>
      <c r="Q204" s="70"/>
      <c r="R204" s="70"/>
      <c r="S204" s="70"/>
      <c r="T204" s="70"/>
      <c r="U204" s="70"/>
      <c r="V204" s="70"/>
      <c r="W204" s="70"/>
      <c r="X204" s="70"/>
      <c r="Y204" s="70"/>
      <c r="Z204" s="70"/>
      <c r="AA204" s="70"/>
      <c r="AB204" s="70"/>
      <c r="AC204" s="70"/>
      <c r="AD204" s="70"/>
      <c r="AE204" s="70"/>
      <c r="AF204" s="70"/>
    </row>
    <row r="205" spans="3:32" x14ac:dyDescent="0.2">
      <c r="C205" s="70"/>
      <c r="D205" s="70"/>
      <c r="E205" s="70"/>
      <c r="F205" s="70"/>
      <c r="G205" s="70"/>
      <c r="H205" s="70"/>
      <c r="I205" s="70"/>
      <c r="J205" s="70"/>
      <c r="K205" s="70"/>
      <c r="L205" s="70"/>
      <c r="M205" s="70"/>
      <c r="N205" s="70"/>
      <c r="O205" s="70"/>
      <c r="P205" s="70"/>
      <c r="Q205" s="70"/>
      <c r="R205" s="70"/>
      <c r="S205" s="70"/>
      <c r="T205" s="70"/>
      <c r="U205" s="70"/>
      <c r="V205" s="70"/>
      <c r="W205" s="70"/>
      <c r="X205" s="70"/>
      <c r="Y205" s="70"/>
      <c r="Z205" s="70"/>
      <c r="AA205" s="70"/>
      <c r="AB205" s="70"/>
      <c r="AC205" s="70"/>
      <c r="AD205" s="70"/>
      <c r="AE205" s="70"/>
      <c r="AF205" s="70"/>
    </row>
    <row r="206" spans="3:32" x14ac:dyDescent="0.2">
      <c r="C206" s="70"/>
      <c r="D206" s="70"/>
      <c r="E206" s="70"/>
      <c r="F206" s="70"/>
      <c r="G206" s="70"/>
      <c r="H206" s="70"/>
      <c r="I206" s="70"/>
      <c r="J206" s="70"/>
      <c r="K206" s="70"/>
      <c r="L206" s="70"/>
      <c r="M206" s="70"/>
      <c r="N206" s="70"/>
      <c r="O206" s="70"/>
      <c r="P206" s="70"/>
      <c r="Q206" s="70"/>
      <c r="R206" s="70"/>
      <c r="S206" s="70"/>
      <c r="T206" s="70"/>
      <c r="U206" s="70"/>
      <c r="V206" s="70"/>
      <c r="W206" s="70"/>
      <c r="X206" s="70"/>
      <c r="Y206" s="70"/>
      <c r="Z206" s="70"/>
      <c r="AA206" s="70"/>
      <c r="AB206" s="70"/>
      <c r="AC206" s="70"/>
      <c r="AD206" s="70"/>
      <c r="AE206" s="70"/>
      <c r="AF206" s="70"/>
    </row>
    <row r="207" spans="3:32" x14ac:dyDescent="0.2">
      <c r="C207" s="70"/>
      <c r="D207" s="70"/>
      <c r="E207" s="70"/>
      <c r="F207" s="70"/>
      <c r="G207" s="70"/>
      <c r="H207" s="70"/>
      <c r="I207" s="70"/>
      <c r="J207" s="70"/>
      <c r="K207" s="70"/>
      <c r="L207" s="70"/>
      <c r="M207" s="70"/>
      <c r="N207" s="70"/>
      <c r="O207" s="70"/>
      <c r="P207" s="70"/>
      <c r="Q207" s="70"/>
      <c r="R207" s="70"/>
      <c r="S207" s="70"/>
      <c r="T207" s="70"/>
      <c r="U207" s="70"/>
      <c r="V207" s="70"/>
      <c r="W207" s="70"/>
      <c r="X207" s="70"/>
      <c r="Y207" s="70"/>
      <c r="Z207" s="70"/>
      <c r="AA207" s="70"/>
      <c r="AB207" s="70"/>
      <c r="AC207" s="70"/>
      <c r="AD207" s="70"/>
      <c r="AE207" s="70"/>
      <c r="AF207" s="70"/>
    </row>
    <row r="208" spans="3:32" x14ac:dyDescent="0.2">
      <c r="C208" s="70"/>
      <c r="D208" s="70"/>
      <c r="E208" s="70"/>
      <c r="F208" s="70"/>
      <c r="G208" s="70"/>
      <c r="H208" s="70"/>
      <c r="I208" s="70"/>
      <c r="J208" s="70"/>
      <c r="K208" s="70"/>
      <c r="L208" s="70"/>
      <c r="M208" s="70"/>
      <c r="N208" s="70"/>
      <c r="O208" s="70"/>
      <c r="P208" s="70"/>
      <c r="Q208" s="70"/>
      <c r="R208" s="70"/>
      <c r="S208" s="70"/>
      <c r="T208" s="70"/>
      <c r="U208" s="70"/>
      <c r="V208" s="70"/>
      <c r="W208" s="70"/>
      <c r="X208" s="70"/>
      <c r="Y208" s="70"/>
      <c r="Z208" s="70"/>
      <c r="AA208" s="70"/>
      <c r="AB208" s="70"/>
      <c r="AC208" s="70"/>
      <c r="AD208" s="70"/>
      <c r="AE208" s="70"/>
      <c r="AF208" s="70"/>
    </row>
    <row r="209" spans="3:32" x14ac:dyDescent="0.2">
      <c r="C209" s="70"/>
      <c r="D209" s="70"/>
      <c r="E209" s="70"/>
      <c r="F209" s="70"/>
      <c r="G209" s="70"/>
      <c r="H209" s="70"/>
      <c r="I209" s="70"/>
      <c r="J209" s="70"/>
      <c r="K209" s="70"/>
      <c r="L209" s="70"/>
      <c r="M209" s="70"/>
      <c r="N209" s="70"/>
      <c r="O209" s="70"/>
      <c r="P209" s="70"/>
      <c r="Q209" s="70"/>
      <c r="R209" s="70"/>
      <c r="S209" s="70"/>
      <c r="T209" s="70"/>
      <c r="U209" s="70"/>
      <c r="V209" s="70"/>
      <c r="W209" s="70"/>
      <c r="X209" s="70"/>
      <c r="Y209" s="70"/>
      <c r="Z209" s="70"/>
      <c r="AA209" s="70"/>
      <c r="AB209" s="70"/>
      <c r="AC209" s="70"/>
      <c r="AD209" s="70"/>
      <c r="AE209" s="70"/>
      <c r="AF209" s="70"/>
    </row>
    <row r="210" spans="3:32" x14ac:dyDescent="0.2">
      <c r="C210" s="70"/>
      <c r="D210" s="70"/>
      <c r="E210" s="70"/>
      <c r="F210" s="70"/>
      <c r="G210" s="70"/>
      <c r="H210" s="70"/>
      <c r="I210" s="70"/>
      <c r="J210" s="70"/>
      <c r="K210" s="70"/>
      <c r="L210" s="70"/>
      <c r="M210" s="70"/>
      <c r="N210" s="70"/>
      <c r="O210" s="70"/>
      <c r="P210" s="70"/>
      <c r="Q210" s="70"/>
      <c r="R210" s="70"/>
      <c r="S210" s="70"/>
      <c r="T210" s="70"/>
      <c r="U210" s="70"/>
      <c r="V210" s="70"/>
      <c r="W210" s="70"/>
      <c r="X210" s="70"/>
      <c r="Y210" s="70"/>
      <c r="Z210" s="70"/>
      <c r="AA210" s="70"/>
      <c r="AB210" s="70"/>
      <c r="AC210" s="70"/>
      <c r="AD210" s="70"/>
      <c r="AE210" s="70"/>
      <c r="AF210" s="70"/>
    </row>
    <row r="211" spans="3:32" x14ac:dyDescent="0.2">
      <c r="C211" s="70"/>
      <c r="D211" s="70"/>
      <c r="E211" s="70"/>
      <c r="F211" s="70"/>
      <c r="G211" s="70"/>
      <c r="H211" s="70"/>
      <c r="I211" s="70"/>
      <c r="J211" s="70"/>
      <c r="K211" s="70"/>
      <c r="L211" s="70"/>
      <c r="M211" s="70"/>
      <c r="N211" s="70"/>
      <c r="O211" s="70"/>
      <c r="P211" s="70"/>
      <c r="Q211" s="70"/>
      <c r="R211" s="70"/>
      <c r="S211" s="70"/>
      <c r="T211" s="70"/>
      <c r="U211" s="70"/>
      <c r="V211" s="70"/>
      <c r="W211" s="70"/>
      <c r="X211" s="70"/>
      <c r="Y211" s="70"/>
      <c r="Z211" s="70"/>
      <c r="AA211" s="70"/>
      <c r="AB211" s="70"/>
      <c r="AC211" s="70"/>
      <c r="AD211" s="70"/>
      <c r="AE211" s="70"/>
      <c r="AF211" s="70"/>
    </row>
    <row r="212" spans="3:32" x14ac:dyDescent="0.2">
      <c r="C212" s="70"/>
      <c r="D212" s="70"/>
      <c r="E212" s="70"/>
      <c r="F212" s="70"/>
      <c r="G212" s="70"/>
      <c r="H212" s="70"/>
      <c r="I212" s="70"/>
      <c r="J212" s="70"/>
      <c r="K212" s="70"/>
      <c r="L212" s="70"/>
      <c r="M212" s="70"/>
      <c r="N212" s="70"/>
      <c r="O212" s="70"/>
      <c r="P212" s="70"/>
      <c r="Q212" s="70"/>
      <c r="R212" s="70"/>
      <c r="S212" s="70"/>
      <c r="T212" s="70"/>
      <c r="U212" s="70"/>
      <c r="V212" s="70"/>
      <c r="W212" s="70"/>
      <c r="X212" s="70"/>
      <c r="Y212" s="70"/>
      <c r="Z212" s="70"/>
      <c r="AA212" s="70"/>
      <c r="AB212" s="70"/>
      <c r="AC212" s="70"/>
      <c r="AD212" s="70"/>
      <c r="AE212" s="70"/>
      <c r="AF212" s="70"/>
    </row>
    <row r="213" spans="3:32" x14ac:dyDescent="0.2">
      <c r="C213" s="70"/>
      <c r="D213" s="70"/>
      <c r="E213" s="70"/>
      <c r="F213" s="70"/>
      <c r="G213" s="70"/>
      <c r="H213" s="70"/>
      <c r="I213" s="70"/>
      <c r="J213" s="70"/>
      <c r="K213" s="70"/>
      <c r="L213" s="70"/>
      <c r="M213" s="70"/>
      <c r="N213" s="70"/>
      <c r="O213" s="70"/>
      <c r="P213" s="70"/>
      <c r="Q213" s="70"/>
      <c r="R213" s="70"/>
      <c r="S213" s="70"/>
      <c r="T213" s="70"/>
      <c r="U213" s="70"/>
      <c r="V213" s="70"/>
      <c r="W213" s="70"/>
      <c r="X213" s="70"/>
      <c r="Y213" s="70"/>
      <c r="Z213" s="70"/>
      <c r="AA213" s="70"/>
      <c r="AB213" s="70"/>
      <c r="AC213" s="70"/>
      <c r="AD213" s="70"/>
      <c r="AE213" s="70"/>
      <c r="AF213" s="70"/>
    </row>
    <row r="214" spans="3:32" x14ac:dyDescent="0.2">
      <c r="C214" s="70"/>
      <c r="D214" s="70"/>
      <c r="E214" s="70"/>
      <c r="F214" s="70"/>
      <c r="G214" s="70"/>
      <c r="H214" s="70"/>
      <c r="I214" s="70"/>
      <c r="J214" s="70"/>
      <c r="K214" s="70"/>
      <c r="L214" s="70"/>
      <c r="M214" s="70"/>
      <c r="N214" s="70"/>
      <c r="O214" s="70"/>
      <c r="P214" s="70"/>
      <c r="Q214" s="70"/>
      <c r="R214" s="70"/>
      <c r="S214" s="70"/>
      <c r="T214" s="70"/>
      <c r="U214" s="70"/>
      <c r="V214" s="70"/>
      <c r="W214" s="70"/>
      <c r="X214" s="70"/>
      <c r="Y214" s="70"/>
      <c r="Z214" s="70"/>
      <c r="AA214" s="70"/>
      <c r="AB214" s="70"/>
      <c r="AC214" s="70"/>
      <c r="AD214" s="70"/>
      <c r="AE214" s="70"/>
      <c r="AF214" s="70"/>
    </row>
    <row r="215" spans="3:32" x14ac:dyDescent="0.2">
      <c r="C215" s="70"/>
      <c r="D215" s="70"/>
      <c r="E215" s="70"/>
      <c r="F215" s="70"/>
      <c r="G215" s="70"/>
      <c r="H215" s="70"/>
      <c r="I215" s="70"/>
      <c r="J215" s="70"/>
      <c r="K215" s="70"/>
      <c r="L215" s="70"/>
      <c r="M215" s="70"/>
      <c r="N215" s="70"/>
      <c r="O215" s="70"/>
      <c r="P215" s="70"/>
      <c r="Q215" s="70"/>
      <c r="R215" s="70"/>
      <c r="S215" s="70"/>
      <c r="T215" s="70"/>
      <c r="U215" s="70"/>
      <c r="V215" s="70"/>
      <c r="W215" s="70"/>
      <c r="X215" s="70"/>
      <c r="Y215" s="70"/>
      <c r="Z215" s="70"/>
      <c r="AA215" s="70"/>
      <c r="AB215" s="70"/>
      <c r="AC215" s="70"/>
      <c r="AD215" s="70"/>
      <c r="AE215" s="70"/>
      <c r="AF215" s="70"/>
    </row>
    <row r="216" spans="3:32" x14ac:dyDescent="0.2">
      <c r="C216" s="70"/>
      <c r="D216" s="70"/>
      <c r="E216" s="70"/>
      <c r="F216" s="70"/>
      <c r="G216" s="70"/>
      <c r="H216" s="70"/>
      <c r="I216" s="70"/>
      <c r="J216" s="70"/>
      <c r="K216" s="70"/>
      <c r="L216" s="70"/>
      <c r="M216" s="70"/>
      <c r="N216" s="70"/>
      <c r="O216" s="70"/>
      <c r="P216" s="70"/>
      <c r="Q216" s="70"/>
      <c r="R216" s="70"/>
      <c r="S216" s="70"/>
      <c r="T216" s="70"/>
      <c r="U216" s="70"/>
      <c r="V216" s="70"/>
      <c r="W216" s="70"/>
      <c r="X216" s="70"/>
      <c r="Y216" s="70"/>
      <c r="Z216" s="70"/>
      <c r="AA216" s="70"/>
      <c r="AB216" s="70"/>
      <c r="AC216" s="70"/>
      <c r="AD216" s="70"/>
      <c r="AE216" s="70"/>
      <c r="AF216" s="70"/>
    </row>
    <row r="217" spans="3:32" x14ac:dyDescent="0.2">
      <c r="C217" s="70"/>
      <c r="D217" s="70"/>
      <c r="E217" s="70"/>
      <c r="F217" s="70"/>
      <c r="G217" s="70"/>
      <c r="H217" s="70"/>
      <c r="I217" s="70"/>
      <c r="J217" s="70"/>
      <c r="K217" s="70"/>
      <c r="L217" s="70"/>
      <c r="M217" s="70"/>
      <c r="N217" s="70"/>
      <c r="O217" s="70"/>
      <c r="P217" s="70"/>
      <c r="Q217" s="70"/>
      <c r="R217" s="70"/>
      <c r="S217" s="70"/>
      <c r="T217" s="70"/>
      <c r="U217" s="70"/>
      <c r="V217" s="70"/>
      <c r="W217" s="70"/>
      <c r="X217" s="70"/>
      <c r="Y217" s="70"/>
      <c r="Z217" s="70"/>
      <c r="AA217" s="70"/>
      <c r="AB217" s="70"/>
      <c r="AC217" s="70"/>
      <c r="AD217" s="70"/>
      <c r="AE217" s="70"/>
      <c r="AF217" s="70"/>
    </row>
    <row r="218" spans="3:32" x14ac:dyDescent="0.2">
      <c r="C218" s="70"/>
      <c r="D218" s="70"/>
      <c r="E218" s="70"/>
      <c r="F218" s="70"/>
      <c r="G218" s="70"/>
      <c r="H218" s="70"/>
      <c r="I218" s="70"/>
      <c r="J218" s="70"/>
      <c r="K218" s="70"/>
      <c r="L218" s="70"/>
      <c r="M218" s="70"/>
      <c r="N218" s="70"/>
      <c r="O218" s="70"/>
      <c r="P218" s="70"/>
      <c r="Q218" s="70"/>
      <c r="R218" s="70"/>
      <c r="S218" s="70"/>
      <c r="T218" s="70"/>
      <c r="U218" s="70"/>
      <c r="V218" s="70"/>
      <c r="W218" s="70"/>
      <c r="X218" s="70"/>
      <c r="Y218" s="70"/>
      <c r="Z218" s="70"/>
      <c r="AA218" s="70"/>
      <c r="AB218" s="70"/>
      <c r="AC218" s="70"/>
      <c r="AD218" s="70"/>
      <c r="AE218" s="70"/>
      <c r="AF218" s="70"/>
    </row>
    <row r="219" spans="3:32" x14ac:dyDescent="0.2">
      <c r="C219" s="70"/>
      <c r="D219" s="70"/>
      <c r="E219" s="70"/>
      <c r="F219" s="70"/>
      <c r="G219" s="70"/>
      <c r="H219" s="70"/>
      <c r="I219" s="70"/>
      <c r="J219" s="70"/>
      <c r="K219" s="70"/>
      <c r="L219" s="70"/>
      <c r="M219" s="70"/>
      <c r="N219" s="70"/>
      <c r="O219" s="70"/>
      <c r="P219" s="70"/>
      <c r="Q219" s="70"/>
      <c r="R219" s="70"/>
      <c r="S219" s="70"/>
      <c r="T219" s="70"/>
      <c r="U219" s="70"/>
      <c r="V219" s="70"/>
      <c r="W219" s="70"/>
      <c r="X219" s="70"/>
      <c r="Y219" s="70"/>
      <c r="Z219" s="70"/>
      <c r="AA219" s="70"/>
      <c r="AB219" s="70"/>
      <c r="AC219" s="70"/>
      <c r="AD219" s="70"/>
      <c r="AE219" s="70"/>
      <c r="AF219" s="70"/>
    </row>
  </sheetData>
  <mergeCells count="59">
    <mergeCell ref="F1:G1"/>
    <mergeCell ref="I1:J1"/>
    <mergeCell ref="B3:B5"/>
    <mergeCell ref="C3:AF3"/>
    <mergeCell ref="AG3:BJ3"/>
    <mergeCell ref="AG5:AI5"/>
    <mergeCell ref="AJ5:AO5"/>
    <mergeCell ref="AP5:AP6"/>
    <mergeCell ref="AQ5:AS5"/>
    <mergeCell ref="AT5:AY5"/>
    <mergeCell ref="AZ5:AZ6"/>
    <mergeCell ref="C5:E5"/>
    <mergeCell ref="F5:K5"/>
    <mergeCell ref="L5:L6"/>
    <mergeCell ref="M5:O5"/>
    <mergeCell ref="P5:U5"/>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W5:Y5"/>
    <mergeCell ref="Z5:AE5"/>
    <mergeCell ref="AF5:AF6"/>
    <mergeCell ref="BN5:BS5"/>
    <mergeCell ref="BT5:BT6"/>
    <mergeCell ref="BU5:BW5"/>
    <mergeCell ref="BX5:CC5"/>
    <mergeCell ref="BA5:BC5"/>
    <mergeCell ref="BD5:BI5"/>
    <mergeCell ref="BJ5:BJ6"/>
    <mergeCell ref="BK5:BM5"/>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5" width="7.88671875" style="70" customWidth="1"/>
    <col min="6" max="6" width="8.109375" style="70" customWidth="1"/>
    <col min="7"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102" width="9" style="70"/>
    <col min="103" max="148" width="9" style="71"/>
    <col min="149" max="149" width="7.77734375" style="71" customWidth="1"/>
    <col min="150" max="159" width="9" style="71"/>
    <col min="160" max="160" width="8.109375" style="71" customWidth="1"/>
    <col min="161" max="16384" width="9" style="71"/>
  </cols>
  <sheetData>
    <row r="1" spans="2:299" ht="24" customHeight="1" x14ac:dyDescent="0.2">
      <c r="B1" s="9" t="s">
        <v>119</v>
      </c>
      <c r="F1" s="442">
        <f>第１表!F2</f>
        <v>6</v>
      </c>
      <c r="G1" s="442"/>
      <c r="H1" s="18">
        <f>第１表!G2</f>
        <v>10</v>
      </c>
      <c r="I1" s="441">
        <f>H1</f>
        <v>10</v>
      </c>
      <c r="J1" s="441"/>
    </row>
    <row r="2" spans="2:299" ht="24" customHeight="1" thickBot="1" x14ac:dyDescent="0.25">
      <c r="B2" s="10" t="s">
        <v>127</v>
      </c>
    </row>
    <row r="3" spans="2:299" ht="21" customHeight="1" thickBot="1" x14ac:dyDescent="0.25">
      <c r="B3" s="428" t="s">
        <v>38</v>
      </c>
      <c r="C3" s="423" t="s">
        <v>96</v>
      </c>
      <c r="D3" s="423"/>
      <c r="E3" s="423"/>
      <c r="F3" s="423"/>
      <c r="G3" s="423"/>
      <c r="H3" s="423"/>
      <c r="I3" s="423"/>
      <c r="J3" s="423"/>
      <c r="K3" s="423"/>
      <c r="L3" s="423"/>
      <c r="M3" s="423"/>
      <c r="N3" s="423"/>
      <c r="O3" s="423"/>
      <c r="P3" s="423"/>
      <c r="Q3" s="423"/>
      <c r="R3" s="423"/>
      <c r="S3" s="423"/>
      <c r="T3" s="423"/>
      <c r="U3" s="423"/>
      <c r="V3" s="423"/>
      <c r="W3" s="423"/>
      <c r="X3" s="423"/>
      <c r="Y3" s="423"/>
      <c r="Z3" s="423"/>
      <c r="AA3" s="423"/>
      <c r="AB3" s="423"/>
      <c r="AC3" s="423"/>
      <c r="AD3" s="423"/>
      <c r="AE3" s="423"/>
      <c r="AF3" s="423"/>
      <c r="AG3" s="423"/>
      <c r="AH3" s="423"/>
      <c r="AI3" s="423"/>
      <c r="AJ3" s="423"/>
      <c r="AK3" s="423"/>
      <c r="AL3" s="423"/>
      <c r="AM3" s="423"/>
      <c r="AN3" s="423"/>
      <c r="AO3" s="423"/>
      <c r="AP3" s="423"/>
      <c r="AQ3" s="423"/>
      <c r="AR3" s="423"/>
      <c r="AS3" s="423"/>
      <c r="AT3" s="423"/>
      <c r="AU3" s="423"/>
      <c r="AV3" s="423"/>
      <c r="AW3" s="423"/>
      <c r="AX3" s="423"/>
      <c r="AY3" s="423"/>
      <c r="AZ3" s="423"/>
      <c r="BA3" s="423"/>
      <c r="BB3" s="423"/>
      <c r="BC3" s="423"/>
      <c r="BD3" s="423"/>
      <c r="BE3" s="423"/>
      <c r="BF3" s="423"/>
      <c r="BG3" s="423"/>
      <c r="BH3" s="423"/>
      <c r="BI3" s="423"/>
      <c r="BJ3" s="423"/>
      <c r="BK3" s="423"/>
      <c r="BL3" s="423"/>
      <c r="BM3" s="423"/>
      <c r="BN3" s="423"/>
      <c r="BO3" s="423"/>
      <c r="BP3" s="423"/>
      <c r="BQ3" s="423"/>
      <c r="BR3" s="423"/>
      <c r="BS3" s="423"/>
      <c r="BT3" s="423"/>
      <c r="BU3" s="423"/>
      <c r="BV3" s="423"/>
      <c r="BW3" s="423"/>
      <c r="BX3" s="423"/>
      <c r="BY3" s="423"/>
      <c r="BZ3" s="423"/>
      <c r="CA3" s="423"/>
      <c r="CB3" s="423"/>
      <c r="CC3" s="423"/>
      <c r="CD3" s="423"/>
      <c r="CE3" s="423"/>
      <c r="CF3" s="423"/>
      <c r="CG3" s="423"/>
      <c r="CH3" s="423"/>
      <c r="CI3" s="423"/>
      <c r="CJ3" s="423"/>
      <c r="CK3" s="423"/>
      <c r="CL3" s="423"/>
      <c r="CM3" s="423"/>
      <c r="CN3" s="423"/>
      <c r="CO3" s="423"/>
      <c r="CP3" s="423"/>
      <c r="CQ3" s="423"/>
      <c r="CR3" s="423"/>
      <c r="CS3" s="423"/>
      <c r="CT3" s="423"/>
      <c r="CU3" s="423"/>
      <c r="CV3" s="423"/>
      <c r="CW3" s="424"/>
      <c r="CX3" s="423" t="s">
        <v>102</v>
      </c>
      <c r="CY3" s="423"/>
      <c r="CZ3" s="423"/>
      <c r="DA3" s="423"/>
      <c r="DB3" s="423"/>
      <c r="DC3" s="423"/>
      <c r="DD3" s="423"/>
      <c r="DE3" s="423"/>
      <c r="DF3" s="423"/>
      <c r="DG3" s="423"/>
      <c r="DH3" s="423"/>
      <c r="DI3" s="423"/>
      <c r="DJ3" s="423"/>
      <c r="DK3" s="423"/>
      <c r="DL3" s="423"/>
      <c r="DM3" s="423"/>
      <c r="DN3" s="423"/>
      <c r="DO3" s="423"/>
      <c r="DP3" s="423"/>
      <c r="DQ3" s="423"/>
      <c r="DR3" s="423"/>
      <c r="DS3" s="423"/>
      <c r="DT3" s="423"/>
      <c r="DU3" s="423"/>
      <c r="DV3" s="423"/>
      <c r="DW3" s="423"/>
      <c r="DX3" s="423"/>
      <c r="DY3" s="423"/>
      <c r="DZ3" s="423"/>
      <c r="EA3" s="423"/>
      <c r="EB3" s="423"/>
      <c r="EC3" s="423"/>
      <c r="ED3" s="423"/>
      <c r="EE3" s="423"/>
      <c r="EF3" s="423"/>
      <c r="EG3" s="423"/>
      <c r="EH3" s="423"/>
      <c r="EI3" s="423"/>
      <c r="EJ3" s="423"/>
      <c r="EK3" s="423"/>
      <c r="EL3" s="423"/>
      <c r="EM3" s="423"/>
      <c r="EN3" s="423"/>
      <c r="EO3" s="423"/>
      <c r="EP3" s="423"/>
      <c r="EQ3" s="423"/>
      <c r="ER3" s="423"/>
      <c r="ES3" s="423"/>
      <c r="ET3" s="423"/>
      <c r="EU3" s="423"/>
      <c r="EV3" s="423"/>
      <c r="EW3" s="423"/>
      <c r="EX3" s="423"/>
      <c r="EY3" s="423"/>
      <c r="EZ3" s="423"/>
      <c r="FA3" s="423"/>
      <c r="FB3" s="423"/>
      <c r="FC3" s="423"/>
      <c r="FD3" s="423"/>
      <c r="FE3" s="423"/>
      <c r="FF3" s="423"/>
      <c r="FG3" s="423"/>
      <c r="FH3" s="423"/>
      <c r="FI3" s="423"/>
      <c r="FJ3" s="423"/>
      <c r="FK3" s="423"/>
      <c r="FL3" s="423"/>
      <c r="FM3" s="423"/>
      <c r="FN3" s="423"/>
      <c r="FO3" s="423"/>
      <c r="FP3" s="423"/>
      <c r="FQ3" s="423"/>
      <c r="FR3" s="423"/>
      <c r="FS3" s="423"/>
      <c r="FT3" s="423"/>
      <c r="FU3" s="423"/>
      <c r="FV3" s="423"/>
      <c r="FW3" s="423"/>
      <c r="FX3" s="423"/>
      <c r="FY3" s="423"/>
      <c r="FZ3" s="423"/>
      <c r="GA3" s="423"/>
      <c r="GB3" s="423"/>
      <c r="GC3" s="423"/>
      <c r="GD3" s="423"/>
      <c r="GE3" s="423"/>
      <c r="GF3" s="423"/>
      <c r="GG3" s="423"/>
      <c r="GH3" s="423"/>
      <c r="GI3" s="423"/>
      <c r="GJ3" s="423"/>
      <c r="GK3" s="423"/>
      <c r="GL3" s="423"/>
      <c r="GM3" s="423"/>
      <c r="GN3" s="423"/>
      <c r="GO3" s="423"/>
      <c r="GP3" s="423"/>
      <c r="GQ3" s="423"/>
      <c r="GR3" s="424"/>
      <c r="GS3" s="423" t="s">
        <v>103</v>
      </c>
      <c r="GT3" s="423"/>
      <c r="GU3" s="423"/>
      <c r="GV3" s="423"/>
      <c r="GW3" s="423"/>
      <c r="GX3" s="423"/>
      <c r="GY3" s="423"/>
      <c r="GZ3" s="423"/>
      <c r="HA3" s="423"/>
      <c r="HB3" s="423"/>
      <c r="HC3" s="423"/>
      <c r="HD3" s="423"/>
      <c r="HE3" s="423"/>
      <c r="HF3" s="423"/>
      <c r="HG3" s="423"/>
      <c r="HH3" s="423"/>
      <c r="HI3" s="423"/>
      <c r="HJ3" s="423"/>
      <c r="HK3" s="423"/>
      <c r="HL3" s="423"/>
      <c r="HM3" s="423"/>
      <c r="HN3" s="423"/>
      <c r="HO3" s="423"/>
      <c r="HP3" s="423"/>
      <c r="HQ3" s="423"/>
      <c r="HR3" s="423"/>
      <c r="HS3" s="423"/>
      <c r="HT3" s="423"/>
      <c r="HU3" s="423"/>
      <c r="HV3" s="423"/>
      <c r="HW3" s="423"/>
      <c r="HX3" s="423"/>
      <c r="HY3" s="423"/>
      <c r="HZ3" s="423"/>
      <c r="IA3" s="423"/>
      <c r="IB3" s="423"/>
      <c r="IC3" s="423"/>
      <c r="ID3" s="423"/>
      <c r="IE3" s="423"/>
      <c r="IF3" s="423"/>
      <c r="IG3" s="423"/>
      <c r="IH3" s="423"/>
      <c r="II3" s="423"/>
      <c r="IJ3" s="423"/>
      <c r="IK3" s="423"/>
      <c r="IL3" s="423"/>
      <c r="IM3" s="423"/>
      <c r="IN3" s="423"/>
      <c r="IO3" s="423"/>
      <c r="IP3" s="423"/>
      <c r="IQ3" s="423"/>
      <c r="IR3" s="423"/>
      <c r="IS3" s="423"/>
      <c r="IT3" s="423"/>
      <c r="IU3" s="423"/>
      <c r="IV3" s="423"/>
      <c r="IW3" s="423"/>
      <c r="IX3" s="423"/>
      <c r="IY3" s="423"/>
      <c r="IZ3" s="423"/>
      <c r="JA3" s="423"/>
      <c r="JB3" s="423"/>
      <c r="JC3" s="423"/>
      <c r="JD3" s="423"/>
      <c r="JE3" s="423"/>
      <c r="JF3" s="423"/>
      <c r="JG3" s="423"/>
      <c r="JH3" s="423"/>
      <c r="JI3" s="423"/>
      <c r="JJ3" s="423"/>
      <c r="JK3" s="423"/>
      <c r="JL3" s="423"/>
      <c r="JM3" s="423"/>
      <c r="JN3" s="423"/>
      <c r="JO3" s="423"/>
      <c r="JP3" s="423"/>
      <c r="JQ3" s="423"/>
      <c r="JR3" s="423"/>
      <c r="JS3" s="423"/>
      <c r="JT3" s="423"/>
      <c r="JU3" s="423"/>
      <c r="JV3" s="423"/>
      <c r="JW3" s="423"/>
      <c r="JX3" s="423"/>
      <c r="JY3" s="423"/>
      <c r="JZ3" s="423"/>
      <c r="KA3" s="423"/>
      <c r="KB3" s="423"/>
      <c r="KC3" s="423"/>
      <c r="KD3" s="423"/>
      <c r="KE3" s="423"/>
      <c r="KF3" s="423"/>
      <c r="KG3" s="423"/>
      <c r="KH3" s="423"/>
      <c r="KI3" s="423"/>
      <c r="KJ3" s="423"/>
      <c r="KK3" s="423"/>
      <c r="KL3" s="423"/>
      <c r="KM3" s="424"/>
    </row>
    <row r="4" spans="2:299" ht="21" customHeight="1" thickBot="1" x14ac:dyDescent="0.25">
      <c r="B4" s="440"/>
      <c r="C4" s="425" t="s">
        <v>39</v>
      </c>
      <c r="D4" s="426"/>
      <c r="E4" s="426"/>
      <c r="F4" s="426"/>
      <c r="G4" s="426"/>
      <c r="H4" s="426"/>
      <c r="I4" s="426"/>
      <c r="J4" s="426"/>
      <c r="K4" s="426"/>
      <c r="L4" s="426"/>
      <c r="M4" s="426"/>
      <c r="N4" s="426"/>
      <c r="O4" s="426"/>
      <c r="P4" s="426"/>
      <c r="Q4" s="426"/>
      <c r="R4" s="426"/>
      <c r="S4" s="426"/>
      <c r="T4" s="426"/>
      <c r="U4" s="426"/>
      <c r="V4" s="426"/>
      <c r="W4" s="426"/>
      <c r="X4" s="426"/>
      <c r="Y4" s="426"/>
      <c r="Z4" s="426"/>
      <c r="AA4" s="426"/>
      <c r="AB4" s="426"/>
      <c r="AC4" s="426"/>
      <c r="AD4" s="426"/>
      <c r="AE4" s="426"/>
      <c r="AF4" s="426"/>
      <c r="AG4" s="426"/>
      <c r="AH4" s="426"/>
      <c r="AI4" s="426"/>
      <c r="AJ4" s="426"/>
      <c r="AK4" s="426"/>
      <c r="AL4" s="426"/>
      <c r="AM4" s="426"/>
      <c r="AN4" s="426"/>
      <c r="AO4" s="426"/>
      <c r="AP4" s="426"/>
      <c r="AQ4" s="426"/>
      <c r="AR4" s="426"/>
      <c r="AS4" s="426"/>
      <c r="AT4" s="426"/>
      <c r="AU4" s="426"/>
      <c r="AV4" s="426"/>
      <c r="AW4" s="426"/>
      <c r="AX4" s="426"/>
      <c r="AY4" s="426"/>
      <c r="AZ4" s="426"/>
      <c r="BA4" s="426"/>
      <c r="BB4" s="426"/>
      <c r="BC4" s="426"/>
      <c r="BD4" s="426"/>
      <c r="BE4" s="426"/>
      <c r="BF4" s="426"/>
      <c r="BG4" s="426"/>
      <c r="BH4" s="426"/>
      <c r="BI4" s="426"/>
      <c r="BJ4" s="426"/>
      <c r="BK4" s="426"/>
      <c r="BL4" s="426"/>
      <c r="BM4" s="426"/>
      <c r="BN4" s="426"/>
      <c r="BO4" s="426"/>
      <c r="BP4" s="426"/>
      <c r="BQ4" s="426"/>
      <c r="BR4" s="426"/>
      <c r="BS4" s="426"/>
      <c r="BT4" s="426"/>
      <c r="BU4" s="426"/>
      <c r="BV4" s="426"/>
      <c r="BW4" s="426"/>
      <c r="BX4" s="426"/>
      <c r="BY4" s="426"/>
      <c r="BZ4" s="426"/>
      <c r="CA4" s="427"/>
      <c r="CB4" s="428" t="s">
        <v>40</v>
      </c>
      <c r="CC4" s="429"/>
      <c r="CD4" s="429"/>
      <c r="CE4" s="429"/>
      <c r="CF4" s="429"/>
      <c r="CG4" s="429"/>
      <c r="CH4" s="429"/>
      <c r="CI4" s="429"/>
      <c r="CJ4" s="429"/>
      <c r="CK4" s="429"/>
      <c r="CL4" s="430"/>
      <c r="CM4" s="428" t="s">
        <v>41</v>
      </c>
      <c r="CN4" s="429"/>
      <c r="CO4" s="429"/>
      <c r="CP4" s="429"/>
      <c r="CQ4" s="429"/>
      <c r="CR4" s="429"/>
      <c r="CS4" s="429"/>
      <c r="CT4" s="429"/>
      <c r="CU4" s="429"/>
      <c r="CV4" s="429"/>
      <c r="CW4" s="430"/>
      <c r="CX4" s="425" t="s">
        <v>39</v>
      </c>
      <c r="CY4" s="426"/>
      <c r="CZ4" s="426"/>
      <c r="DA4" s="426"/>
      <c r="DB4" s="426"/>
      <c r="DC4" s="426"/>
      <c r="DD4" s="426"/>
      <c r="DE4" s="426"/>
      <c r="DF4" s="426"/>
      <c r="DG4" s="426"/>
      <c r="DH4" s="426"/>
      <c r="DI4" s="426"/>
      <c r="DJ4" s="426"/>
      <c r="DK4" s="426"/>
      <c r="DL4" s="426"/>
      <c r="DM4" s="426"/>
      <c r="DN4" s="426"/>
      <c r="DO4" s="426"/>
      <c r="DP4" s="426"/>
      <c r="DQ4" s="426"/>
      <c r="DR4" s="426"/>
      <c r="DS4" s="426"/>
      <c r="DT4" s="426"/>
      <c r="DU4" s="426"/>
      <c r="DV4" s="426"/>
      <c r="DW4" s="426"/>
      <c r="DX4" s="426"/>
      <c r="DY4" s="426"/>
      <c r="DZ4" s="426"/>
      <c r="EA4" s="426"/>
      <c r="EB4" s="426"/>
      <c r="EC4" s="426"/>
      <c r="ED4" s="426"/>
      <c r="EE4" s="426"/>
      <c r="EF4" s="426"/>
      <c r="EG4" s="426"/>
      <c r="EH4" s="426"/>
      <c r="EI4" s="426"/>
      <c r="EJ4" s="426"/>
      <c r="EK4" s="426"/>
      <c r="EL4" s="426"/>
      <c r="EM4" s="426"/>
      <c r="EN4" s="426"/>
      <c r="EO4" s="426"/>
      <c r="EP4" s="426"/>
      <c r="EQ4" s="426"/>
      <c r="ER4" s="426"/>
      <c r="ES4" s="426"/>
      <c r="ET4" s="426"/>
      <c r="EU4" s="426"/>
      <c r="EV4" s="426"/>
      <c r="EW4" s="426"/>
      <c r="EX4" s="426"/>
      <c r="EY4" s="426"/>
      <c r="EZ4" s="426"/>
      <c r="FA4" s="426"/>
      <c r="FB4" s="426"/>
      <c r="FC4" s="426"/>
      <c r="FD4" s="426"/>
      <c r="FE4" s="426"/>
      <c r="FF4" s="426"/>
      <c r="FG4" s="426"/>
      <c r="FH4" s="426"/>
      <c r="FI4" s="426"/>
      <c r="FJ4" s="426"/>
      <c r="FK4" s="426"/>
      <c r="FL4" s="426"/>
      <c r="FM4" s="426"/>
      <c r="FN4" s="426"/>
      <c r="FO4" s="426"/>
      <c r="FP4" s="426"/>
      <c r="FQ4" s="426"/>
      <c r="FR4" s="426"/>
      <c r="FS4" s="426"/>
      <c r="FT4" s="426"/>
      <c r="FU4" s="426"/>
      <c r="FV4" s="427"/>
      <c r="FW4" s="428" t="s">
        <v>40</v>
      </c>
      <c r="FX4" s="429"/>
      <c r="FY4" s="429"/>
      <c r="FZ4" s="429"/>
      <c r="GA4" s="429"/>
      <c r="GB4" s="429"/>
      <c r="GC4" s="429"/>
      <c r="GD4" s="429"/>
      <c r="GE4" s="429"/>
      <c r="GF4" s="429"/>
      <c r="GG4" s="430"/>
      <c r="GH4" s="428" t="s">
        <v>41</v>
      </c>
      <c r="GI4" s="429"/>
      <c r="GJ4" s="429"/>
      <c r="GK4" s="429"/>
      <c r="GL4" s="429"/>
      <c r="GM4" s="429"/>
      <c r="GN4" s="429"/>
      <c r="GO4" s="429"/>
      <c r="GP4" s="429"/>
      <c r="GQ4" s="429"/>
      <c r="GR4" s="430"/>
      <c r="GS4" s="425" t="s">
        <v>39</v>
      </c>
      <c r="GT4" s="426"/>
      <c r="GU4" s="426"/>
      <c r="GV4" s="426"/>
      <c r="GW4" s="426"/>
      <c r="GX4" s="426"/>
      <c r="GY4" s="426"/>
      <c r="GZ4" s="426"/>
      <c r="HA4" s="426"/>
      <c r="HB4" s="426"/>
      <c r="HC4" s="426"/>
      <c r="HD4" s="426"/>
      <c r="HE4" s="426"/>
      <c r="HF4" s="426"/>
      <c r="HG4" s="426"/>
      <c r="HH4" s="426"/>
      <c r="HI4" s="426"/>
      <c r="HJ4" s="426"/>
      <c r="HK4" s="426"/>
      <c r="HL4" s="426"/>
      <c r="HM4" s="426"/>
      <c r="HN4" s="426"/>
      <c r="HO4" s="426"/>
      <c r="HP4" s="426"/>
      <c r="HQ4" s="426"/>
      <c r="HR4" s="426"/>
      <c r="HS4" s="426"/>
      <c r="HT4" s="426"/>
      <c r="HU4" s="426"/>
      <c r="HV4" s="426"/>
      <c r="HW4" s="426"/>
      <c r="HX4" s="426"/>
      <c r="HY4" s="426"/>
      <c r="HZ4" s="426"/>
      <c r="IA4" s="426"/>
      <c r="IB4" s="426"/>
      <c r="IC4" s="426"/>
      <c r="ID4" s="426"/>
      <c r="IE4" s="426"/>
      <c r="IF4" s="426"/>
      <c r="IG4" s="426"/>
      <c r="IH4" s="426"/>
      <c r="II4" s="426"/>
      <c r="IJ4" s="426"/>
      <c r="IK4" s="426"/>
      <c r="IL4" s="426"/>
      <c r="IM4" s="426"/>
      <c r="IN4" s="426"/>
      <c r="IO4" s="426"/>
      <c r="IP4" s="426"/>
      <c r="IQ4" s="426"/>
      <c r="IR4" s="426"/>
      <c r="IS4" s="426"/>
      <c r="IT4" s="426"/>
      <c r="IU4" s="426"/>
      <c r="IV4" s="426"/>
      <c r="IW4" s="426"/>
      <c r="IX4" s="426"/>
      <c r="IY4" s="426"/>
      <c r="IZ4" s="426"/>
      <c r="JA4" s="426"/>
      <c r="JB4" s="426"/>
      <c r="JC4" s="426"/>
      <c r="JD4" s="426"/>
      <c r="JE4" s="426"/>
      <c r="JF4" s="426"/>
      <c r="JG4" s="426"/>
      <c r="JH4" s="426"/>
      <c r="JI4" s="426"/>
      <c r="JJ4" s="426"/>
      <c r="JK4" s="426"/>
      <c r="JL4" s="426"/>
      <c r="JM4" s="426"/>
      <c r="JN4" s="426"/>
      <c r="JO4" s="426"/>
      <c r="JP4" s="426"/>
      <c r="JQ4" s="427"/>
      <c r="JR4" s="428" t="s">
        <v>40</v>
      </c>
      <c r="JS4" s="429"/>
      <c r="JT4" s="429"/>
      <c r="JU4" s="429"/>
      <c r="JV4" s="429"/>
      <c r="JW4" s="429"/>
      <c r="JX4" s="429"/>
      <c r="JY4" s="429"/>
      <c r="JZ4" s="429"/>
      <c r="KA4" s="429"/>
      <c r="KB4" s="430"/>
      <c r="KC4" s="428" t="s">
        <v>41</v>
      </c>
      <c r="KD4" s="429"/>
      <c r="KE4" s="429"/>
      <c r="KF4" s="429"/>
      <c r="KG4" s="429"/>
      <c r="KH4" s="429"/>
      <c r="KI4" s="429"/>
      <c r="KJ4" s="429"/>
      <c r="KK4" s="429"/>
      <c r="KL4" s="429"/>
      <c r="KM4" s="430"/>
    </row>
    <row r="5" spans="2:299" ht="21" customHeight="1" thickBot="1" x14ac:dyDescent="0.25">
      <c r="B5" s="434"/>
      <c r="C5" s="434"/>
      <c r="D5" s="435"/>
      <c r="E5" s="435"/>
      <c r="F5" s="435"/>
      <c r="G5" s="435"/>
      <c r="H5" s="435"/>
      <c r="I5" s="435"/>
      <c r="J5" s="435"/>
      <c r="K5" s="435"/>
      <c r="L5" s="435"/>
      <c r="M5" s="436"/>
      <c r="N5" s="437" t="s">
        <v>97</v>
      </c>
      <c r="O5" s="438"/>
      <c r="P5" s="438"/>
      <c r="Q5" s="438"/>
      <c r="R5" s="438"/>
      <c r="S5" s="438"/>
      <c r="T5" s="438"/>
      <c r="U5" s="438"/>
      <c r="V5" s="438"/>
      <c r="W5" s="438"/>
      <c r="X5" s="439"/>
      <c r="Y5" s="437" t="s">
        <v>98</v>
      </c>
      <c r="Z5" s="438"/>
      <c r="AA5" s="438"/>
      <c r="AB5" s="438"/>
      <c r="AC5" s="438"/>
      <c r="AD5" s="438"/>
      <c r="AE5" s="438"/>
      <c r="AF5" s="438"/>
      <c r="AG5" s="438"/>
      <c r="AH5" s="438"/>
      <c r="AI5" s="439"/>
      <c r="AJ5" s="437" t="s">
        <v>99</v>
      </c>
      <c r="AK5" s="438"/>
      <c r="AL5" s="438"/>
      <c r="AM5" s="438"/>
      <c r="AN5" s="438"/>
      <c r="AO5" s="438"/>
      <c r="AP5" s="438"/>
      <c r="AQ5" s="438"/>
      <c r="AR5" s="438"/>
      <c r="AS5" s="438"/>
      <c r="AT5" s="439"/>
      <c r="AU5" s="437" t="s">
        <v>100</v>
      </c>
      <c r="AV5" s="438"/>
      <c r="AW5" s="438"/>
      <c r="AX5" s="438"/>
      <c r="AY5" s="438"/>
      <c r="AZ5" s="438"/>
      <c r="BA5" s="438"/>
      <c r="BB5" s="438"/>
      <c r="BC5" s="438"/>
      <c r="BD5" s="438"/>
      <c r="BE5" s="439"/>
      <c r="BF5" s="437" t="s">
        <v>162</v>
      </c>
      <c r="BG5" s="438"/>
      <c r="BH5" s="438"/>
      <c r="BI5" s="438"/>
      <c r="BJ5" s="438"/>
      <c r="BK5" s="438"/>
      <c r="BL5" s="438"/>
      <c r="BM5" s="438"/>
      <c r="BN5" s="438"/>
      <c r="BO5" s="438"/>
      <c r="BP5" s="439"/>
      <c r="BQ5" s="437" t="s">
        <v>101</v>
      </c>
      <c r="BR5" s="438"/>
      <c r="BS5" s="438"/>
      <c r="BT5" s="438"/>
      <c r="BU5" s="438"/>
      <c r="BV5" s="438"/>
      <c r="BW5" s="438"/>
      <c r="BX5" s="438"/>
      <c r="BY5" s="438"/>
      <c r="BZ5" s="438"/>
      <c r="CA5" s="439"/>
      <c r="CB5" s="431"/>
      <c r="CC5" s="432"/>
      <c r="CD5" s="432"/>
      <c r="CE5" s="432"/>
      <c r="CF5" s="432"/>
      <c r="CG5" s="432"/>
      <c r="CH5" s="432"/>
      <c r="CI5" s="432"/>
      <c r="CJ5" s="432"/>
      <c r="CK5" s="432"/>
      <c r="CL5" s="433"/>
      <c r="CM5" s="431"/>
      <c r="CN5" s="432"/>
      <c r="CO5" s="432"/>
      <c r="CP5" s="432"/>
      <c r="CQ5" s="432"/>
      <c r="CR5" s="432"/>
      <c r="CS5" s="432"/>
      <c r="CT5" s="432"/>
      <c r="CU5" s="432"/>
      <c r="CV5" s="432"/>
      <c r="CW5" s="433"/>
      <c r="CX5" s="434"/>
      <c r="CY5" s="435"/>
      <c r="CZ5" s="435"/>
      <c r="DA5" s="435"/>
      <c r="DB5" s="435"/>
      <c r="DC5" s="435"/>
      <c r="DD5" s="435"/>
      <c r="DE5" s="435"/>
      <c r="DF5" s="435"/>
      <c r="DG5" s="435"/>
      <c r="DH5" s="436"/>
      <c r="DI5" s="437" t="s">
        <v>97</v>
      </c>
      <c r="DJ5" s="438"/>
      <c r="DK5" s="438"/>
      <c r="DL5" s="438"/>
      <c r="DM5" s="438"/>
      <c r="DN5" s="438"/>
      <c r="DO5" s="438"/>
      <c r="DP5" s="438"/>
      <c r="DQ5" s="438"/>
      <c r="DR5" s="438"/>
      <c r="DS5" s="439"/>
      <c r="DT5" s="437" t="s">
        <v>98</v>
      </c>
      <c r="DU5" s="438"/>
      <c r="DV5" s="438"/>
      <c r="DW5" s="438"/>
      <c r="DX5" s="438"/>
      <c r="DY5" s="438"/>
      <c r="DZ5" s="438"/>
      <c r="EA5" s="438"/>
      <c r="EB5" s="438"/>
      <c r="EC5" s="438"/>
      <c r="ED5" s="439"/>
      <c r="EE5" s="437" t="s">
        <v>99</v>
      </c>
      <c r="EF5" s="438"/>
      <c r="EG5" s="438"/>
      <c r="EH5" s="438"/>
      <c r="EI5" s="438"/>
      <c r="EJ5" s="438"/>
      <c r="EK5" s="438"/>
      <c r="EL5" s="438"/>
      <c r="EM5" s="438"/>
      <c r="EN5" s="438"/>
      <c r="EO5" s="439"/>
      <c r="EP5" s="437" t="s">
        <v>100</v>
      </c>
      <c r="EQ5" s="438"/>
      <c r="ER5" s="438"/>
      <c r="ES5" s="438"/>
      <c r="ET5" s="438"/>
      <c r="EU5" s="438"/>
      <c r="EV5" s="438"/>
      <c r="EW5" s="438"/>
      <c r="EX5" s="438"/>
      <c r="EY5" s="438"/>
      <c r="EZ5" s="439"/>
      <c r="FA5" s="437" t="s">
        <v>162</v>
      </c>
      <c r="FB5" s="438"/>
      <c r="FC5" s="438"/>
      <c r="FD5" s="438"/>
      <c r="FE5" s="438"/>
      <c r="FF5" s="438"/>
      <c r="FG5" s="438"/>
      <c r="FH5" s="438"/>
      <c r="FI5" s="438"/>
      <c r="FJ5" s="438"/>
      <c r="FK5" s="439"/>
      <c r="FL5" s="437" t="s">
        <v>101</v>
      </c>
      <c r="FM5" s="438"/>
      <c r="FN5" s="438"/>
      <c r="FO5" s="438"/>
      <c r="FP5" s="438"/>
      <c r="FQ5" s="438"/>
      <c r="FR5" s="438"/>
      <c r="FS5" s="438"/>
      <c r="FT5" s="438"/>
      <c r="FU5" s="438"/>
      <c r="FV5" s="439"/>
      <c r="FW5" s="431"/>
      <c r="FX5" s="432"/>
      <c r="FY5" s="432"/>
      <c r="FZ5" s="432"/>
      <c r="GA5" s="432"/>
      <c r="GB5" s="432"/>
      <c r="GC5" s="432"/>
      <c r="GD5" s="432"/>
      <c r="GE5" s="432"/>
      <c r="GF5" s="432"/>
      <c r="GG5" s="433"/>
      <c r="GH5" s="431"/>
      <c r="GI5" s="432"/>
      <c r="GJ5" s="432"/>
      <c r="GK5" s="432"/>
      <c r="GL5" s="432"/>
      <c r="GM5" s="432"/>
      <c r="GN5" s="432"/>
      <c r="GO5" s="432"/>
      <c r="GP5" s="432"/>
      <c r="GQ5" s="432"/>
      <c r="GR5" s="433"/>
      <c r="GS5" s="434"/>
      <c r="GT5" s="435"/>
      <c r="GU5" s="435"/>
      <c r="GV5" s="435"/>
      <c r="GW5" s="435"/>
      <c r="GX5" s="435"/>
      <c r="GY5" s="435"/>
      <c r="GZ5" s="435"/>
      <c r="HA5" s="435"/>
      <c r="HB5" s="435"/>
      <c r="HC5" s="436"/>
      <c r="HD5" s="437" t="s">
        <v>97</v>
      </c>
      <c r="HE5" s="438"/>
      <c r="HF5" s="438"/>
      <c r="HG5" s="438"/>
      <c r="HH5" s="438"/>
      <c r="HI5" s="438"/>
      <c r="HJ5" s="438"/>
      <c r="HK5" s="438"/>
      <c r="HL5" s="438"/>
      <c r="HM5" s="438"/>
      <c r="HN5" s="439"/>
      <c r="HO5" s="437" t="s">
        <v>98</v>
      </c>
      <c r="HP5" s="438"/>
      <c r="HQ5" s="438"/>
      <c r="HR5" s="438"/>
      <c r="HS5" s="438"/>
      <c r="HT5" s="438"/>
      <c r="HU5" s="438"/>
      <c r="HV5" s="438"/>
      <c r="HW5" s="438"/>
      <c r="HX5" s="438"/>
      <c r="HY5" s="439"/>
      <c r="HZ5" s="437" t="s">
        <v>99</v>
      </c>
      <c r="IA5" s="438"/>
      <c r="IB5" s="438"/>
      <c r="IC5" s="438"/>
      <c r="ID5" s="438"/>
      <c r="IE5" s="438"/>
      <c r="IF5" s="438"/>
      <c r="IG5" s="438"/>
      <c r="IH5" s="438"/>
      <c r="II5" s="438"/>
      <c r="IJ5" s="439"/>
      <c r="IK5" s="437" t="s">
        <v>100</v>
      </c>
      <c r="IL5" s="438"/>
      <c r="IM5" s="438"/>
      <c r="IN5" s="438"/>
      <c r="IO5" s="438"/>
      <c r="IP5" s="438"/>
      <c r="IQ5" s="438"/>
      <c r="IR5" s="438"/>
      <c r="IS5" s="438"/>
      <c r="IT5" s="438"/>
      <c r="IU5" s="439"/>
      <c r="IV5" s="437" t="s">
        <v>162</v>
      </c>
      <c r="IW5" s="438"/>
      <c r="IX5" s="438"/>
      <c r="IY5" s="438"/>
      <c r="IZ5" s="438"/>
      <c r="JA5" s="438"/>
      <c r="JB5" s="438"/>
      <c r="JC5" s="438"/>
      <c r="JD5" s="438"/>
      <c r="JE5" s="438"/>
      <c r="JF5" s="439"/>
      <c r="JG5" s="437" t="s">
        <v>101</v>
      </c>
      <c r="JH5" s="438"/>
      <c r="JI5" s="438"/>
      <c r="JJ5" s="438"/>
      <c r="JK5" s="438"/>
      <c r="JL5" s="438"/>
      <c r="JM5" s="438"/>
      <c r="JN5" s="438"/>
      <c r="JO5" s="438"/>
      <c r="JP5" s="438"/>
      <c r="JQ5" s="439"/>
      <c r="JR5" s="431"/>
      <c r="JS5" s="432"/>
      <c r="JT5" s="432"/>
      <c r="JU5" s="432"/>
      <c r="JV5" s="432"/>
      <c r="JW5" s="432"/>
      <c r="JX5" s="432"/>
      <c r="JY5" s="432"/>
      <c r="JZ5" s="432"/>
      <c r="KA5" s="432"/>
      <c r="KB5" s="433"/>
      <c r="KC5" s="431"/>
      <c r="KD5" s="432"/>
      <c r="KE5" s="432"/>
      <c r="KF5" s="432"/>
      <c r="KG5" s="432"/>
      <c r="KH5" s="432"/>
      <c r="KI5" s="432"/>
      <c r="KJ5" s="432"/>
      <c r="KK5" s="432"/>
      <c r="KL5" s="432"/>
      <c r="KM5" s="433"/>
    </row>
    <row r="6" spans="2:299" ht="30" customHeight="1" thickBot="1" x14ac:dyDescent="0.25">
      <c r="B6" s="72" t="s">
        <v>42</v>
      </c>
      <c r="C6" s="73" t="s">
        <v>43</v>
      </c>
      <c r="D6" s="74" t="s">
        <v>44</v>
      </c>
      <c r="E6" s="75" t="s">
        <v>45</v>
      </c>
      <c r="F6" s="76" t="s">
        <v>46</v>
      </c>
      <c r="G6" s="74" t="s">
        <v>47</v>
      </c>
      <c r="H6" s="74" t="s">
        <v>48</v>
      </c>
      <c r="I6" s="74" t="s">
        <v>49</v>
      </c>
      <c r="J6" s="74" t="s">
        <v>50</v>
      </c>
      <c r="K6" s="74" t="s">
        <v>51</v>
      </c>
      <c r="L6" s="75" t="s">
        <v>45</v>
      </c>
      <c r="M6" s="77" t="s">
        <v>52</v>
      </c>
      <c r="N6" s="78" t="s">
        <v>43</v>
      </c>
      <c r="O6" s="79" t="s">
        <v>44</v>
      </c>
      <c r="P6" s="80" t="s">
        <v>45</v>
      </c>
      <c r="Q6" s="81" t="s">
        <v>46</v>
      </c>
      <c r="R6" s="79" t="s">
        <v>47</v>
      </c>
      <c r="S6" s="79" t="s">
        <v>48</v>
      </c>
      <c r="T6" s="79" t="s">
        <v>49</v>
      </c>
      <c r="U6" s="79" t="s">
        <v>50</v>
      </c>
      <c r="V6" s="79" t="s">
        <v>51</v>
      </c>
      <c r="W6" s="80" t="s">
        <v>45</v>
      </c>
      <c r="X6" s="82" t="s">
        <v>52</v>
      </c>
      <c r="Y6" s="78" t="s">
        <v>43</v>
      </c>
      <c r="Z6" s="79" t="s">
        <v>44</v>
      </c>
      <c r="AA6" s="80" t="s">
        <v>45</v>
      </c>
      <c r="AB6" s="81" t="s">
        <v>46</v>
      </c>
      <c r="AC6" s="79" t="s">
        <v>47</v>
      </c>
      <c r="AD6" s="79" t="s">
        <v>48</v>
      </c>
      <c r="AE6" s="79" t="s">
        <v>49</v>
      </c>
      <c r="AF6" s="79" t="s">
        <v>50</v>
      </c>
      <c r="AG6" s="79" t="s">
        <v>51</v>
      </c>
      <c r="AH6" s="80" t="s">
        <v>45</v>
      </c>
      <c r="AI6" s="83" t="s">
        <v>52</v>
      </c>
      <c r="AJ6" s="78" t="s">
        <v>43</v>
      </c>
      <c r="AK6" s="79" t="s">
        <v>44</v>
      </c>
      <c r="AL6" s="80" t="s">
        <v>45</v>
      </c>
      <c r="AM6" s="81" t="s">
        <v>46</v>
      </c>
      <c r="AN6" s="79" t="s">
        <v>47</v>
      </c>
      <c r="AO6" s="79" t="s">
        <v>48</v>
      </c>
      <c r="AP6" s="79" t="s">
        <v>49</v>
      </c>
      <c r="AQ6" s="79" t="s">
        <v>50</v>
      </c>
      <c r="AR6" s="79" t="s">
        <v>51</v>
      </c>
      <c r="AS6" s="80" t="s">
        <v>45</v>
      </c>
      <c r="AT6" s="83" t="s">
        <v>52</v>
      </c>
      <c r="AU6" s="78" t="s">
        <v>43</v>
      </c>
      <c r="AV6" s="79" t="s">
        <v>44</v>
      </c>
      <c r="AW6" s="80" t="s">
        <v>45</v>
      </c>
      <c r="AX6" s="81" t="s">
        <v>46</v>
      </c>
      <c r="AY6" s="79" t="s">
        <v>47</v>
      </c>
      <c r="AZ6" s="79" t="s">
        <v>48</v>
      </c>
      <c r="BA6" s="79" t="s">
        <v>49</v>
      </c>
      <c r="BB6" s="79" t="s">
        <v>50</v>
      </c>
      <c r="BC6" s="79" t="s">
        <v>51</v>
      </c>
      <c r="BD6" s="80" t="s">
        <v>45</v>
      </c>
      <c r="BE6" s="83" t="s">
        <v>52</v>
      </c>
      <c r="BF6" s="78" t="s">
        <v>43</v>
      </c>
      <c r="BG6" s="79" t="s">
        <v>44</v>
      </c>
      <c r="BH6" s="80" t="s">
        <v>45</v>
      </c>
      <c r="BI6" s="81" t="s">
        <v>46</v>
      </c>
      <c r="BJ6" s="79" t="s">
        <v>47</v>
      </c>
      <c r="BK6" s="79" t="s">
        <v>48</v>
      </c>
      <c r="BL6" s="79" t="s">
        <v>49</v>
      </c>
      <c r="BM6" s="79" t="s">
        <v>50</v>
      </c>
      <c r="BN6" s="79" t="s">
        <v>51</v>
      </c>
      <c r="BO6" s="80" t="s">
        <v>45</v>
      </c>
      <c r="BP6" s="83" t="s">
        <v>52</v>
      </c>
      <c r="BQ6" s="78" t="s">
        <v>43</v>
      </c>
      <c r="BR6" s="79" t="s">
        <v>44</v>
      </c>
      <c r="BS6" s="80" t="s">
        <v>45</v>
      </c>
      <c r="BT6" s="81" t="s">
        <v>46</v>
      </c>
      <c r="BU6" s="79" t="s">
        <v>47</v>
      </c>
      <c r="BV6" s="79" t="s">
        <v>48</v>
      </c>
      <c r="BW6" s="79" t="s">
        <v>49</v>
      </c>
      <c r="BX6" s="79" t="s">
        <v>50</v>
      </c>
      <c r="BY6" s="79" t="s">
        <v>51</v>
      </c>
      <c r="BZ6" s="80" t="s">
        <v>45</v>
      </c>
      <c r="CA6" s="83" t="s">
        <v>52</v>
      </c>
      <c r="CB6" s="78" t="s">
        <v>43</v>
      </c>
      <c r="CC6" s="79" t="s">
        <v>44</v>
      </c>
      <c r="CD6" s="80" t="s">
        <v>45</v>
      </c>
      <c r="CE6" s="81" t="s">
        <v>46</v>
      </c>
      <c r="CF6" s="79" t="s">
        <v>47</v>
      </c>
      <c r="CG6" s="79" t="s">
        <v>48</v>
      </c>
      <c r="CH6" s="79" t="s">
        <v>49</v>
      </c>
      <c r="CI6" s="79" t="s">
        <v>50</v>
      </c>
      <c r="CJ6" s="79" t="s">
        <v>51</v>
      </c>
      <c r="CK6" s="80" t="s">
        <v>45</v>
      </c>
      <c r="CL6" s="83" t="s">
        <v>52</v>
      </c>
      <c r="CM6" s="78" t="s">
        <v>43</v>
      </c>
      <c r="CN6" s="79" t="s">
        <v>44</v>
      </c>
      <c r="CO6" s="80" t="s">
        <v>45</v>
      </c>
      <c r="CP6" s="81" t="s">
        <v>46</v>
      </c>
      <c r="CQ6" s="79" t="s">
        <v>47</v>
      </c>
      <c r="CR6" s="79" t="s">
        <v>48</v>
      </c>
      <c r="CS6" s="79" t="s">
        <v>49</v>
      </c>
      <c r="CT6" s="79" t="s">
        <v>50</v>
      </c>
      <c r="CU6" s="79" t="s">
        <v>51</v>
      </c>
      <c r="CV6" s="80" t="s">
        <v>45</v>
      </c>
      <c r="CW6" s="83" t="s">
        <v>52</v>
      </c>
      <c r="CX6" s="73" t="s">
        <v>43</v>
      </c>
      <c r="CY6" s="74" t="s">
        <v>44</v>
      </c>
      <c r="CZ6" s="75" t="s">
        <v>45</v>
      </c>
      <c r="DA6" s="76" t="s">
        <v>46</v>
      </c>
      <c r="DB6" s="74" t="s">
        <v>47</v>
      </c>
      <c r="DC6" s="74" t="s">
        <v>48</v>
      </c>
      <c r="DD6" s="74" t="s">
        <v>49</v>
      </c>
      <c r="DE6" s="74" t="s">
        <v>50</v>
      </c>
      <c r="DF6" s="74" t="s">
        <v>51</v>
      </c>
      <c r="DG6" s="75" t="s">
        <v>45</v>
      </c>
      <c r="DH6" s="77" t="s">
        <v>52</v>
      </c>
      <c r="DI6" s="78" t="s">
        <v>43</v>
      </c>
      <c r="DJ6" s="79" t="s">
        <v>44</v>
      </c>
      <c r="DK6" s="80" t="s">
        <v>45</v>
      </c>
      <c r="DL6" s="81" t="s">
        <v>46</v>
      </c>
      <c r="DM6" s="79" t="s">
        <v>47</v>
      </c>
      <c r="DN6" s="79" t="s">
        <v>48</v>
      </c>
      <c r="DO6" s="79" t="s">
        <v>49</v>
      </c>
      <c r="DP6" s="79" t="s">
        <v>50</v>
      </c>
      <c r="DQ6" s="79" t="s">
        <v>51</v>
      </c>
      <c r="DR6" s="80" t="s">
        <v>45</v>
      </c>
      <c r="DS6" s="83" t="s">
        <v>52</v>
      </c>
      <c r="DT6" s="78" t="s">
        <v>43</v>
      </c>
      <c r="DU6" s="79" t="s">
        <v>44</v>
      </c>
      <c r="DV6" s="80" t="s">
        <v>45</v>
      </c>
      <c r="DW6" s="81" t="s">
        <v>46</v>
      </c>
      <c r="DX6" s="79" t="s">
        <v>47</v>
      </c>
      <c r="DY6" s="79" t="s">
        <v>48</v>
      </c>
      <c r="DZ6" s="79" t="s">
        <v>49</v>
      </c>
      <c r="EA6" s="79" t="s">
        <v>50</v>
      </c>
      <c r="EB6" s="79" t="s">
        <v>51</v>
      </c>
      <c r="EC6" s="80" t="s">
        <v>45</v>
      </c>
      <c r="ED6" s="83" t="s">
        <v>52</v>
      </c>
      <c r="EE6" s="78" t="s">
        <v>43</v>
      </c>
      <c r="EF6" s="79" t="s">
        <v>44</v>
      </c>
      <c r="EG6" s="80" t="s">
        <v>45</v>
      </c>
      <c r="EH6" s="81" t="s">
        <v>46</v>
      </c>
      <c r="EI6" s="79" t="s">
        <v>47</v>
      </c>
      <c r="EJ6" s="79" t="s">
        <v>48</v>
      </c>
      <c r="EK6" s="79" t="s">
        <v>49</v>
      </c>
      <c r="EL6" s="79" t="s">
        <v>50</v>
      </c>
      <c r="EM6" s="79" t="s">
        <v>51</v>
      </c>
      <c r="EN6" s="80" t="s">
        <v>45</v>
      </c>
      <c r="EO6" s="83" t="s">
        <v>52</v>
      </c>
      <c r="EP6" s="78" t="s">
        <v>43</v>
      </c>
      <c r="EQ6" s="79" t="s">
        <v>44</v>
      </c>
      <c r="ER6" s="80" t="s">
        <v>45</v>
      </c>
      <c r="ES6" s="81" t="s">
        <v>46</v>
      </c>
      <c r="ET6" s="79" t="s">
        <v>47</v>
      </c>
      <c r="EU6" s="79" t="s">
        <v>48</v>
      </c>
      <c r="EV6" s="79" t="s">
        <v>49</v>
      </c>
      <c r="EW6" s="79" t="s">
        <v>50</v>
      </c>
      <c r="EX6" s="79" t="s">
        <v>51</v>
      </c>
      <c r="EY6" s="80" t="s">
        <v>45</v>
      </c>
      <c r="EZ6" s="83" t="s">
        <v>52</v>
      </c>
      <c r="FA6" s="78" t="s">
        <v>43</v>
      </c>
      <c r="FB6" s="79" t="s">
        <v>44</v>
      </c>
      <c r="FC6" s="80" t="s">
        <v>45</v>
      </c>
      <c r="FD6" s="81" t="s">
        <v>46</v>
      </c>
      <c r="FE6" s="79" t="s">
        <v>47</v>
      </c>
      <c r="FF6" s="79" t="s">
        <v>48</v>
      </c>
      <c r="FG6" s="79" t="s">
        <v>49</v>
      </c>
      <c r="FH6" s="79" t="s">
        <v>50</v>
      </c>
      <c r="FI6" s="79" t="s">
        <v>51</v>
      </c>
      <c r="FJ6" s="80" t="s">
        <v>45</v>
      </c>
      <c r="FK6" s="83" t="s">
        <v>52</v>
      </c>
      <c r="FL6" s="78" t="s">
        <v>43</v>
      </c>
      <c r="FM6" s="79" t="s">
        <v>44</v>
      </c>
      <c r="FN6" s="80" t="s">
        <v>45</v>
      </c>
      <c r="FO6" s="81" t="s">
        <v>46</v>
      </c>
      <c r="FP6" s="79" t="s">
        <v>47</v>
      </c>
      <c r="FQ6" s="79" t="s">
        <v>48</v>
      </c>
      <c r="FR6" s="79" t="s">
        <v>49</v>
      </c>
      <c r="FS6" s="79" t="s">
        <v>50</v>
      </c>
      <c r="FT6" s="79" t="s">
        <v>51</v>
      </c>
      <c r="FU6" s="80" t="s">
        <v>45</v>
      </c>
      <c r="FV6" s="83" t="s">
        <v>52</v>
      </c>
      <c r="FW6" s="78" t="s">
        <v>43</v>
      </c>
      <c r="FX6" s="79" t="s">
        <v>44</v>
      </c>
      <c r="FY6" s="80" t="s">
        <v>45</v>
      </c>
      <c r="FZ6" s="81" t="s">
        <v>46</v>
      </c>
      <c r="GA6" s="79" t="s">
        <v>47</v>
      </c>
      <c r="GB6" s="79" t="s">
        <v>48</v>
      </c>
      <c r="GC6" s="79" t="s">
        <v>49</v>
      </c>
      <c r="GD6" s="79" t="s">
        <v>50</v>
      </c>
      <c r="GE6" s="79" t="s">
        <v>51</v>
      </c>
      <c r="GF6" s="80" t="s">
        <v>45</v>
      </c>
      <c r="GG6" s="83" t="s">
        <v>52</v>
      </c>
      <c r="GH6" s="78" t="s">
        <v>43</v>
      </c>
      <c r="GI6" s="79" t="s">
        <v>44</v>
      </c>
      <c r="GJ6" s="80" t="s">
        <v>45</v>
      </c>
      <c r="GK6" s="81" t="s">
        <v>46</v>
      </c>
      <c r="GL6" s="79" t="s">
        <v>47</v>
      </c>
      <c r="GM6" s="79" t="s">
        <v>48</v>
      </c>
      <c r="GN6" s="79" t="s">
        <v>49</v>
      </c>
      <c r="GO6" s="79" t="s">
        <v>50</v>
      </c>
      <c r="GP6" s="79" t="s">
        <v>51</v>
      </c>
      <c r="GQ6" s="80" t="s">
        <v>45</v>
      </c>
      <c r="GR6" s="83" t="s">
        <v>52</v>
      </c>
      <c r="GS6" s="73" t="s">
        <v>43</v>
      </c>
      <c r="GT6" s="74" t="s">
        <v>44</v>
      </c>
      <c r="GU6" s="75" t="s">
        <v>45</v>
      </c>
      <c r="GV6" s="76" t="s">
        <v>46</v>
      </c>
      <c r="GW6" s="74" t="s">
        <v>47</v>
      </c>
      <c r="GX6" s="74" t="s">
        <v>48</v>
      </c>
      <c r="GY6" s="74" t="s">
        <v>49</v>
      </c>
      <c r="GZ6" s="74" t="s">
        <v>50</v>
      </c>
      <c r="HA6" s="74" t="s">
        <v>51</v>
      </c>
      <c r="HB6" s="75" t="s">
        <v>45</v>
      </c>
      <c r="HC6" s="77" t="s">
        <v>52</v>
      </c>
      <c r="HD6" s="78" t="s">
        <v>43</v>
      </c>
      <c r="HE6" s="79" t="s">
        <v>44</v>
      </c>
      <c r="HF6" s="80" t="s">
        <v>45</v>
      </c>
      <c r="HG6" s="81" t="s">
        <v>46</v>
      </c>
      <c r="HH6" s="79" t="s">
        <v>47</v>
      </c>
      <c r="HI6" s="79" t="s">
        <v>48</v>
      </c>
      <c r="HJ6" s="79" t="s">
        <v>49</v>
      </c>
      <c r="HK6" s="79" t="s">
        <v>50</v>
      </c>
      <c r="HL6" s="79" t="s">
        <v>51</v>
      </c>
      <c r="HM6" s="80" t="s">
        <v>45</v>
      </c>
      <c r="HN6" s="83" t="s">
        <v>52</v>
      </c>
      <c r="HO6" s="78" t="s">
        <v>43</v>
      </c>
      <c r="HP6" s="79" t="s">
        <v>44</v>
      </c>
      <c r="HQ6" s="80" t="s">
        <v>45</v>
      </c>
      <c r="HR6" s="81" t="s">
        <v>46</v>
      </c>
      <c r="HS6" s="79" t="s">
        <v>47</v>
      </c>
      <c r="HT6" s="79" t="s">
        <v>48</v>
      </c>
      <c r="HU6" s="79" t="s">
        <v>49</v>
      </c>
      <c r="HV6" s="79" t="s">
        <v>50</v>
      </c>
      <c r="HW6" s="79" t="s">
        <v>51</v>
      </c>
      <c r="HX6" s="80" t="s">
        <v>45</v>
      </c>
      <c r="HY6" s="83" t="s">
        <v>52</v>
      </c>
      <c r="HZ6" s="78" t="s">
        <v>43</v>
      </c>
      <c r="IA6" s="79" t="s">
        <v>44</v>
      </c>
      <c r="IB6" s="80" t="s">
        <v>45</v>
      </c>
      <c r="IC6" s="81" t="s">
        <v>46</v>
      </c>
      <c r="ID6" s="79" t="s">
        <v>47</v>
      </c>
      <c r="IE6" s="79" t="s">
        <v>48</v>
      </c>
      <c r="IF6" s="79" t="s">
        <v>49</v>
      </c>
      <c r="IG6" s="79" t="s">
        <v>50</v>
      </c>
      <c r="IH6" s="79" t="s">
        <v>51</v>
      </c>
      <c r="II6" s="80" t="s">
        <v>45</v>
      </c>
      <c r="IJ6" s="83" t="s">
        <v>52</v>
      </c>
      <c r="IK6" s="78" t="s">
        <v>43</v>
      </c>
      <c r="IL6" s="79" t="s">
        <v>44</v>
      </c>
      <c r="IM6" s="80" t="s">
        <v>45</v>
      </c>
      <c r="IN6" s="81" t="s">
        <v>46</v>
      </c>
      <c r="IO6" s="79" t="s">
        <v>47</v>
      </c>
      <c r="IP6" s="79" t="s">
        <v>48</v>
      </c>
      <c r="IQ6" s="79" t="s">
        <v>49</v>
      </c>
      <c r="IR6" s="79" t="s">
        <v>50</v>
      </c>
      <c r="IS6" s="79" t="s">
        <v>51</v>
      </c>
      <c r="IT6" s="80" t="s">
        <v>45</v>
      </c>
      <c r="IU6" s="83" t="s">
        <v>52</v>
      </c>
      <c r="IV6" s="78" t="s">
        <v>43</v>
      </c>
      <c r="IW6" s="79" t="s">
        <v>44</v>
      </c>
      <c r="IX6" s="80" t="s">
        <v>45</v>
      </c>
      <c r="IY6" s="81" t="s">
        <v>46</v>
      </c>
      <c r="IZ6" s="79" t="s">
        <v>47</v>
      </c>
      <c r="JA6" s="79" t="s">
        <v>48</v>
      </c>
      <c r="JB6" s="79" t="s">
        <v>49</v>
      </c>
      <c r="JC6" s="79" t="s">
        <v>50</v>
      </c>
      <c r="JD6" s="79" t="s">
        <v>51</v>
      </c>
      <c r="JE6" s="80" t="s">
        <v>45</v>
      </c>
      <c r="JF6" s="83" t="s">
        <v>52</v>
      </c>
      <c r="JG6" s="78" t="s">
        <v>43</v>
      </c>
      <c r="JH6" s="79" t="s">
        <v>44</v>
      </c>
      <c r="JI6" s="80" t="s">
        <v>45</v>
      </c>
      <c r="JJ6" s="81" t="s">
        <v>46</v>
      </c>
      <c r="JK6" s="79" t="s">
        <v>47</v>
      </c>
      <c r="JL6" s="79" t="s">
        <v>48</v>
      </c>
      <c r="JM6" s="79" t="s">
        <v>49</v>
      </c>
      <c r="JN6" s="79" t="s">
        <v>50</v>
      </c>
      <c r="JO6" s="79" t="s">
        <v>51</v>
      </c>
      <c r="JP6" s="80" t="s">
        <v>45</v>
      </c>
      <c r="JQ6" s="83" t="s">
        <v>52</v>
      </c>
      <c r="JR6" s="78" t="s">
        <v>43</v>
      </c>
      <c r="JS6" s="79" t="s">
        <v>44</v>
      </c>
      <c r="JT6" s="80" t="s">
        <v>45</v>
      </c>
      <c r="JU6" s="81" t="s">
        <v>46</v>
      </c>
      <c r="JV6" s="79" t="s">
        <v>47</v>
      </c>
      <c r="JW6" s="79" t="s">
        <v>48</v>
      </c>
      <c r="JX6" s="79" t="s">
        <v>49</v>
      </c>
      <c r="JY6" s="79" t="s">
        <v>50</v>
      </c>
      <c r="JZ6" s="79" t="s">
        <v>51</v>
      </c>
      <c r="KA6" s="80" t="s">
        <v>45</v>
      </c>
      <c r="KB6" s="83" t="s">
        <v>52</v>
      </c>
      <c r="KC6" s="78" t="s">
        <v>43</v>
      </c>
      <c r="KD6" s="79" t="s">
        <v>44</v>
      </c>
      <c r="KE6" s="80" t="s">
        <v>45</v>
      </c>
      <c r="KF6" s="81" t="s">
        <v>46</v>
      </c>
      <c r="KG6" s="79" t="s">
        <v>47</v>
      </c>
      <c r="KH6" s="79" t="s">
        <v>48</v>
      </c>
      <c r="KI6" s="79" t="s">
        <v>49</v>
      </c>
      <c r="KJ6" s="79" t="s">
        <v>50</v>
      </c>
      <c r="KK6" s="79" t="s">
        <v>51</v>
      </c>
      <c r="KL6" s="80" t="s">
        <v>45</v>
      </c>
      <c r="KM6" s="83" t="s">
        <v>52</v>
      </c>
    </row>
    <row r="7" spans="2:299" s="70" customFormat="1" ht="21" customHeight="1" x14ac:dyDescent="0.2">
      <c r="B7" s="84" t="s">
        <v>4</v>
      </c>
      <c r="C7" s="85">
        <v>21154</v>
      </c>
      <c r="D7" s="86">
        <v>21784</v>
      </c>
      <c r="E7" s="87">
        <v>42938</v>
      </c>
      <c r="F7" s="412">
        <v>0</v>
      </c>
      <c r="G7" s="86">
        <v>31919</v>
      </c>
      <c r="H7" s="86">
        <v>32232</v>
      </c>
      <c r="I7" s="86">
        <v>21164</v>
      </c>
      <c r="J7" s="86">
        <v>17533</v>
      </c>
      <c r="K7" s="86">
        <v>10609</v>
      </c>
      <c r="L7" s="88">
        <v>113457</v>
      </c>
      <c r="M7" s="89">
        <v>156395</v>
      </c>
      <c r="N7" s="90">
        <v>839</v>
      </c>
      <c r="O7" s="91">
        <v>1009</v>
      </c>
      <c r="P7" s="92">
        <v>1848</v>
      </c>
      <c r="Q7" s="412">
        <v>0</v>
      </c>
      <c r="R7" s="91">
        <v>1286</v>
      </c>
      <c r="S7" s="91">
        <v>1624</v>
      </c>
      <c r="T7" s="91">
        <v>1066</v>
      </c>
      <c r="U7" s="91">
        <v>927</v>
      </c>
      <c r="V7" s="91">
        <v>686</v>
      </c>
      <c r="W7" s="92">
        <v>5589</v>
      </c>
      <c r="X7" s="93">
        <v>7437</v>
      </c>
      <c r="Y7" s="90">
        <v>1753</v>
      </c>
      <c r="Z7" s="91">
        <v>2201</v>
      </c>
      <c r="AA7" s="92">
        <v>3954</v>
      </c>
      <c r="AB7" s="412">
        <v>0</v>
      </c>
      <c r="AC7" s="91">
        <v>2705</v>
      </c>
      <c r="AD7" s="91">
        <v>3216</v>
      </c>
      <c r="AE7" s="91">
        <v>2079</v>
      </c>
      <c r="AF7" s="91">
        <v>1839</v>
      </c>
      <c r="AG7" s="91">
        <v>1333</v>
      </c>
      <c r="AH7" s="92">
        <v>11172</v>
      </c>
      <c r="AI7" s="93">
        <v>15126</v>
      </c>
      <c r="AJ7" s="90">
        <v>3327</v>
      </c>
      <c r="AK7" s="91">
        <v>3623</v>
      </c>
      <c r="AL7" s="92">
        <v>6950</v>
      </c>
      <c r="AM7" s="412">
        <v>0</v>
      </c>
      <c r="AN7" s="91">
        <v>5003</v>
      </c>
      <c r="AO7" s="91">
        <v>5353</v>
      </c>
      <c r="AP7" s="91">
        <v>3426</v>
      </c>
      <c r="AQ7" s="91">
        <v>2967</v>
      </c>
      <c r="AR7" s="91">
        <v>1959</v>
      </c>
      <c r="AS7" s="92">
        <v>18708</v>
      </c>
      <c r="AT7" s="93">
        <v>25658</v>
      </c>
      <c r="AU7" s="90">
        <v>5696</v>
      </c>
      <c r="AV7" s="91">
        <v>5532</v>
      </c>
      <c r="AW7" s="92">
        <v>11228</v>
      </c>
      <c r="AX7" s="412">
        <v>0</v>
      </c>
      <c r="AY7" s="91">
        <v>8350</v>
      </c>
      <c r="AZ7" s="91">
        <v>7833</v>
      </c>
      <c r="BA7" s="91">
        <v>4995</v>
      </c>
      <c r="BB7" s="91">
        <v>4126</v>
      </c>
      <c r="BC7" s="91">
        <v>2497</v>
      </c>
      <c r="BD7" s="92">
        <v>27801</v>
      </c>
      <c r="BE7" s="93">
        <v>39029</v>
      </c>
      <c r="BF7" s="90">
        <v>5935</v>
      </c>
      <c r="BG7" s="91">
        <v>5571</v>
      </c>
      <c r="BH7" s="92">
        <v>11506</v>
      </c>
      <c r="BI7" s="412">
        <v>0</v>
      </c>
      <c r="BJ7" s="91">
        <v>8607</v>
      </c>
      <c r="BK7" s="91">
        <v>7811</v>
      </c>
      <c r="BL7" s="91">
        <v>5174</v>
      </c>
      <c r="BM7" s="91">
        <v>4019</v>
      </c>
      <c r="BN7" s="91">
        <v>2309</v>
      </c>
      <c r="BO7" s="92">
        <v>27920</v>
      </c>
      <c r="BP7" s="93">
        <v>39426</v>
      </c>
      <c r="BQ7" s="90">
        <v>3604</v>
      </c>
      <c r="BR7" s="91">
        <v>3848</v>
      </c>
      <c r="BS7" s="92">
        <v>7452</v>
      </c>
      <c r="BT7" s="412">
        <v>0</v>
      </c>
      <c r="BU7" s="91">
        <v>5968</v>
      </c>
      <c r="BV7" s="91">
        <v>6395</v>
      </c>
      <c r="BW7" s="91">
        <v>4424</v>
      </c>
      <c r="BX7" s="91">
        <v>3655</v>
      </c>
      <c r="BY7" s="91">
        <v>1825</v>
      </c>
      <c r="BZ7" s="92">
        <v>22267</v>
      </c>
      <c r="CA7" s="93">
        <v>29719</v>
      </c>
      <c r="CB7" s="90">
        <v>483</v>
      </c>
      <c r="CC7" s="91">
        <v>882</v>
      </c>
      <c r="CD7" s="92">
        <v>1365</v>
      </c>
      <c r="CE7" s="412">
        <v>0</v>
      </c>
      <c r="CF7" s="91">
        <v>879</v>
      </c>
      <c r="CG7" s="91">
        <v>1454</v>
      </c>
      <c r="CH7" s="91">
        <v>883</v>
      </c>
      <c r="CI7" s="91">
        <v>811</v>
      </c>
      <c r="CJ7" s="91">
        <v>782</v>
      </c>
      <c r="CK7" s="92">
        <v>4809</v>
      </c>
      <c r="CL7" s="93">
        <v>6174</v>
      </c>
      <c r="CM7" s="90">
        <v>21637</v>
      </c>
      <c r="CN7" s="91">
        <v>22666</v>
      </c>
      <c r="CO7" s="92">
        <v>44303</v>
      </c>
      <c r="CP7" s="412">
        <v>0</v>
      </c>
      <c r="CQ7" s="91">
        <v>32798</v>
      </c>
      <c r="CR7" s="91">
        <v>33686</v>
      </c>
      <c r="CS7" s="91">
        <v>22047</v>
      </c>
      <c r="CT7" s="91">
        <v>18344</v>
      </c>
      <c r="CU7" s="91">
        <v>11391</v>
      </c>
      <c r="CV7" s="92">
        <v>118266</v>
      </c>
      <c r="CW7" s="93">
        <v>162569</v>
      </c>
      <c r="CX7" s="94">
        <v>40833</v>
      </c>
      <c r="CY7" s="86">
        <v>48105</v>
      </c>
      <c r="CZ7" s="87">
        <v>88938</v>
      </c>
      <c r="DA7" s="412">
        <v>0</v>
      </c>
      <c r="DB7" s="86">
        <v>58200</v>
      </c>
      <c r="DC7" s="86">
        <v>55314</v>
      </c>
      <c r="DD7" s="86">
        <v>40419</v>
      </c>
      <c r="DE7" s="86">
        <v>39366</v>
      </c>
      <c r="DF7" s="86">
        <v>25443</v>
      </c>
      <c r="DG7" s="88">
        <v>218742</v>
      </c>
      <c r="DH7" s="89">
        <v>307680</v>
      </c>
      <c r="DI7" s="90">
        <v>844</v>
      </c>
      <c r="DJ7" s="91">
        <v>1106</v>
      </c>
      <c r="DK7" s="92">
        <v>1950</v>
      </c>
      <c r="DL7" s="412">
        <v>0</v>
      </c>
      <c r="DM7" s="91">
        <v>978</v>
      </c>
      <c r="DN7" s="91">
        <v>1084</v>
      </c>
      <c r="DO7" s="91">
        <v>725</v>
      </c>
      <c r="DP7" s="91">
        <v>662</v>
      </c>
      <c r="DQ7" s="91">
        <v>565</v>
      </c>
      <c r="DR7" s="92">
        <v>4014</v>
      </c>
      <c r="DS7" s="93">
        <v>5964</v>
      </c>
      <c r="DT7" s="90">
        <v>2359</v>
      </c>
      <c r="DU7" s="91">
        <v>2884</v>
      </c>
      <c r="DV7" s="92">
        <v>5243</v>
      </c>
      <c r="DW7" s="412">
        <v>0</v>
      </c>
      <c r="DX7" s="91">
        <v>2518</v>
      </c>
      <c r="DY7" s="91">
        <v>2696</v>
      </c>
      <c r="DZ7" s="91">
        <v>1661</v>
      </c>
      <c r="EA7" s="91">
        <v>1643</v>
      </c>
      <c r="EB7" s="91">
        <v>1298</v>
      </c>
      <c r="EC7" s="92">
        <v>9816</v>
      </c>
      <c r="ED7" s="93">
        <v>15059</v>
      </c>
      <c r="EE7" s="90">
        <v>6217</v>
      </c>
      <c r="EF7" s="91">
        <v>6891</v>
      </c>
      <c r="EG7" s="92">
        <v>13108</v>
      </c>
      <c r="EH7" s="412">
        <v>0</v>
      </c>
      <c r="EI7" s="91">
        <v>6653</v>
      </c>
      <c r="EJ7" s="91">
        <v>5854</v>
      </c>
      <c r="EK7" s="91">
        <v>3585</v>
      </c>
      <c r="EL7" s="91">
        <v>3444</v>
      </c>
      <c r="EM7" s="91">
        <v>2616</v>
      </c>
      <c r="EN7" s="92">
        <v>22152</v>
      </c>
      <c r="EO7" s="93">
        <v>35260</v>
      </c>
      <c r="EP7" s="90">
        <v>12847</v>
      </c>
      <c r="EQ7" s="91">
        <v>13618</v>
      </c>
      <c r="ER7" s="92">
        <v>26465</v>
      </c>
      <c r="ES7" s="412">
        <v>0</v>
      </c>
      <c r="ET7" s="91">
        <v>14763</v>
      </c>
      <c r="EU7" s="91">
        <v>12037</v>
      </c>
      <c r="EV7" s="91">
        <v>7868</v>
      </c>
      <c r="EW7" s="91">
        <v>6965</v>
      </c>
      <c r="EX7" s="91">
        <v>4812</v>
      </c>
      <c r="EY7" s="92">
        <v>46445</v>
      </c>
      <c r="EZ7" s="93">
        <v>72910</v>
      </c>
      <c r="FA7" s="90">
        <v>12059</v>
      </c>
      <c r="FB7" s="91">
        <v>13961</v>
      </c>
      <c r="FC7" s="92">
        <v>26020</v>
      </c>
      <c r="FD7" s="412">
        <v>0</v>
      </c>
      <c r="FE7" s="91">
        <v>17589</v>
      </c>
      <c r="FF7" s="91">
        <v>15699</v>
      </c>
      <c r="FG7" s="91">
        <v>10793</v>
      </c>
      <c r="FH7" s="91">
        <v>9862</v>
      </c>
      <c r="FI7" s="91">
        <v>6366</v>
      </c>
      <c r="FJ7" s="92">
        <v>60309</v>
      </c>
      <c r="FK7" s="93">
        <v>86329</v>
      </c>
      <c r="FL7" s="90">
        <v>6507</v>
      </c>
      <c r="FM7" s="91">
        <v>9645</v>
      </c>
      <c r="FN7" s="92">
        <v>16152</v>
      </c>
      <c r="FO7" s="412">
        <v>0</v>
      </c>
      <c r="FP7" s="91">
        <v>15699</v>
      </c>
      <c r="FQ7" s="91">
        <v>17944</v>
      </c>
      <c r="FR7" s="91">
        <v>15787</v>
      </c>
      <c r="FS7" s="91">
        <v>16790</v>
      </c>
      <c r="FT7" s="91">
        <v>9786</v>
      </c>
      <c r="FU7" s="92">
        <v>76006</v>
      </c>
      <c r="FV7" s="93">
        <v>92158</v>
      </c>
      <c r="FW7" s="90">
        <v>383</v>
      </c>
      <c r="FX7" s="91">
        <v>748</v>
      </c>
      <c r="FY7" s="92">
        <v>1131</v>
      </c>
      <c r="FZ7" s="412">
        <v>0</v>
      </c>
      <c r="GA7" s="91">
        <v>687</v>
      </c>
      <c r="GB7" s="91">
        <v>1108</v>
      </c>
      <c r="GC7" s="91">
        <v>652</v>
      </c>
      <c r="GD7" s="91">
        <v>596</v>
      </c>
      <c r="GE7" s="91">
        <v>637</v>
      </c>
      <c r="GF7" s="92">
        <v>3680</v>
      </c>
      <c r="GG7" s="93">
        <v>4811</v>
      </c>
      <c r="GH7" s="90">
        <v>41216</v>
      </c>
      <c r="GI7" s="91">
        <v>48853</v>
      </c>
      <c r="GJ7" s="92">
        <v>90069</v>
      </c>
      <c r="GK7" s="412">
        <v>0</v>
      </c>
      <c r="GL7" s="91">
        <v>58887</v>
      </c>
      <c r="GM7" s="91">
        <v>56422</v>
      </c>
      <c r="GN7" s="91">
        <v>41071</v>
      </c>
      <c r="GO7" s="91">
        <v>39962</v>
      </c>
      <c r="GP7" s="91">
        <v>26080</v>
      </c>
      <c r="GQ7" s="92">
        <v>222422</v>
      </c>
      <c r="GR7" s="93">
        <v>312491</v>
      </c>
      <c r="GS7" s="94">
        <v>61987</v>
      </c>
      <c r="GT7" s="86">
        <v>69889</v>
      </c>
      <c r="GU7" s="87">
        <v>131876</v>
      </c>
      <c r="GV7" s="412">
        <v>0</v>
      </c>
      <c r="GW7" s="86">
        <v>90119</v>
      </c>
      <c r="GX7" s="86">
        <v>87546</v>
      </c>
      <c r="GY7" s="86">
        <v>61583</v>
      </c>
      <c r="GZ7" s="86">
        <v>56899</v>
      </c>
      <c r="HA7" s="86">
        <v>36052</v>
      </c>
      <c r="HB7" s="88">
        <v>332199</v>
      </c>
      <c r="HC7" s="89">
        <v>464075</v>
      </c>
      <c r="HD7" s="90">
        <v>1683</v>
      </c>
      <c r="HE7" s="91">
        <v>2115</v>
      </c>
      <c r="HF7" s="92">
        <v>3798</v>
      </c>
      <c r="HG7" s="415">
        <v>0</v>
      </c>
      <c r="HH7" s="91">
        <v>2264</v>
      </c>
      <c r="HI7" s="91">
        <v>2708</v>
      </c>
      <c r="HJ7" s="91">
        <v>1791</v>
      </c>
      <c r="HK7" s="91">
        <v>1589</v>
      </c>
      <c r="HL7" s="91">
        <v>1251</v>
      </c>
      <c r="HM7" s="92">
        <v>9603</v>
      </c>
      <c r="HN7" s="93">
        <v>13401</v>
      </c>
      <c r="HO7" s="90">
        <v>4112</v>
      </c>
      <c r="HP7" s="91">
        <v>5085</v>
      </c>
      <c r="HQ7" s="92">
        <v>9197</v>
      </c>
      <c r="HR7" s="412">
        <v>0</v>
      </c>
      <c r="HS7" s="91">
        <v>5223</v>
      </c>
      <c r="HT7" s="91">
        <v>5912</v>
      </c>
      <c r="HU7" s="91">
        <v>3740</v>
      </c>
      <c r="HV7" s="91">
        <v>3482</v>
      </c>
      <c r="HW7" s="91">
        <v>2631</v>
      </c>
      <c r="HX7" s="92">
        <v>20988</v>
      </c>
      <c r="HY7" s="93">
        <v>30185</v>
      </c>
      <c r="HZ7" s="90">
        <v>9544</v>
      </c>
      <c r="IA7" s="91">
        <v>10514</v>
      </c>
      <c r="IB7" s="92">
        <v>20058</v>
      </c>
      <c r="IC7" s="412">
        <v>0</v>
      </c>
      <c r="ID7" s="91">
        <v>11656</v>
      </c>
      <c r="IE7" s="91">
        <v>11207</v>
      </c>
      <c r="IF7" s="91">
        <v>7011</v>
      </c>
      <c r="IG7" s="91">
        <v>6411</v>
      </c>
      <c r="IH7" s="91">
        <v>4575</v>
      </c>
      <c r="II7" s="92">
        <v>40860</v>
      </c>
      <c r="IJ7" s="93">
        <v>60918</v>
      </c>
      <c r="IK7" s="90">
        <v>18543</v>
      </c>
      <c r="IL7" s="91">
        <v>19150</v>
      </c>
      <c r="IM7" s="92">
        <v>37693</v>
      </c>
      <c r="IN7" s="412">
        <v>0</v>
      </c>
      <c r="IO7" s="91">
        <v>23113</v>
      </c>
      <c r="IP7" s="91">
        <v>19870</v>
      </c>
      <c r="IQ7" s="91">
        <v>12863</v>
      </c>
      <c r="IR7" s="91">
        <v>11091</v>
      </c>
      <c r="IS7" s="91">
        <v>7309</v>
      </c>
      <c r="IT7" s="92">
        <v>74246</v>
      </c>
      <c r="IU7" s="93">
        <v>111939</v>
      </c>
      <c r="IV7" s="90">
        <v>17994</v>
      </c>
      <c r="IW7" s="91">
        <v>19532</v>
      </c>
      <c r="IX7" s="92">
        <v>37526</v>
      </c>
      <c r="IY7" s="412">
        <v>0</v>
      </c>
      <c r="IZ7" s="91">
        <v>26196</v>
      </c>
      <c r="JA7" s="91">
        <v>23510</v>
      </c>
      <c r="JB7" s="91">
        <v>15967</v>
      </c>
      <c r="JC7" s="91">
        <v>13881</v>
      </c>
      <c r="JD7" s="91">
        <v>8675</v>
      </c>
      <c r="JE7" s="92">
        <v>88229</v>
      </c>
      <c r="JF7" s="93">
        <v>125755</v>
      </c>
      <c r="JG7" s="90">
        <v>10111</v>
      </c>
      <c r="JH7" s="91">
        <v>13493</v>
      </c>
      <c r="JI7" s="92">
        <v>23604</v>
      </c>
      <c r="JJ7" s="412">
        <v>0</v>
      </c>
      <c r="JK7" s="91">
        <v>21667</v>
      </c>
      <c r="JL7" s="91">
        <v>24339</v>
      </c>
      <c r="JM7" s="91">
        <v>20211</v>
      </c>
      <c r="JN7" s="91">
        <v>20445</v>
      </c>
      <c r="JO7" s="91">
        <v>11611</v>
      </c>
      <c r="JP7" s="92">
        <v>98273</v>
      </c>
      <c r="JQ7" s="93">
        <v>121877</v>
      </c>
      <c r="JR7" s="90">
        <v>866</v>
      </c>
      <c r="JS7" s="91">
        <v>1630</v>
      </c>
      <c r="JT7" s="92">
        <v>2496</v>
      </c>
      <c r="JU7" s="412">
        <v>0</v>
      </c>
      <c r="JV7" s="91">
        <v>1566</v>
      </c>
      <c r="JW7" s="91">
        <v>2562</v>
      </c>
      <c r="JX7" s="91">
        <v>1535</v>
      </c>
      <c r="JY7" s="91">
        <v>1407</v>
      </c>
      <c r="JZ7" s="91">
        <v>1419</v>
      </c>
      <c r="KA7" s="92">
        <v>8489</v>
      </c>
      <c r="KB7" s="93">
        <v>10985</v>
      </c>
      <c r="KC7" s="90">
        <v>62853</v>
      </c>
      <c r="KD7" s="91">
        <v>71519</v>
      </c>
      <c r="KE7" s="92">
        <v>134372</v>
      </c>
      <c r="KF7" s="412">
        <v>0</v>
      </c>
      <c r="KG7" s="91">
        <v>91685</v>
      </c>
      <c r="KH7" s="91">
        <v>90108</v>
      </c>
      <c r="KI7" s="91">
        <v>63118</v>
      </c>
      <c r="KJ7" s="91">
        <v>58306</v>
      </c>
      <c r="KK7" s="91">
        <v>37471</v>
      </c>
      <c r="KL7" s="92">
        <v>340688</v>
      </c>
      <c r="KM7" s="93">
        <v>475060</v>
      </c>
    </row>
    <row r="8" spans="2:299" s="70" customFormat="1" ht="21" customHeight="1" x14ac:dyDescent="0.2">
      <c r="B8" s="95" t="s">
        <v>5</v>
      </c>
      <c r="C8" s="96">
        <v>8245</v>
      </c>
      <c r="D8" s="97">
        <v>10375</v>
      </c>
      <c r="E8" s="98">
        <v>18620</v>
      </c>
      <c r="F8" s="413">
        <v>0</v>
      </c>
      <c r="G8" s="97">
        <v>10591</v>
      </c>
      <c r="H8" s="97">
        <v>14294</v>
      </c>
      <c r="I8" s="97">
        <v>8872</v>
      </c>
      <c r="J8" s="97">
        <v>7302</v>
      </c>
      <c r="K8" s="97">
        <v>4421</v>
      </c>
      <c r="L8" s="99">
        <v>45480</v>
      </c>
      <c r="M8" s="100">
        <v>64100</v>
      </c>
      <c r="N8" s="101">
        <v>304</v>
      </c>
      <c r="O8" s="102">
        <v>470</v>
      </c>
      <c r="P8" s="103">
        <v>774</v>
      </c>
      <c r="Q8" s="413">
        <v>0</v>
      </c>
      <c r="R8" s="102">
        <v>396</v>
      </c>
      <c r="S8" s="102">
        <v>730</v>
      </c>
      <c r="T8" s="102">
        <v>459</v>
      </c>
      <c r="U8" s="102">
        <v>401</v>
      </c>
      <c r="V8" s="102">
        <v>278</v>
      </c>
      <c r="W8" s="103">
        <v>2264</v>
      </c>
      <c r="X8" s="104">
        <v>3038</v>
      </c>
      <c r="Y8" s="101">
        <v>662</v>
      </c>
      <c r="Z8" s="102">
        <v>1033</v>
      </c>
      <c r="AA8" s="103">
        <v>1695</v>
      </c>
      <c r="AB8" s="413">
        <v>0</v>
      </c>
      <c r="AC8" s="102">
        <v>793</v>
      </c>
      <c r="AD8" s="102">
        <v>1443</v>
      </c>
      <c r="AE8" s="102">
        <v>878</v>
      </c>
      <c r="AF8" s="102">
        <v>756</v>
      </c>
      <c r="AG8" s="102">
        <v>557</v>
      </c>
      <c r="AH8" s="103">
        <v>4427</v>
      </c>
      <c r="AI8" s="104">
        <v>6122</v>
      </c>
      <c r="AJ8" s="101">
        <v>1263</v>
      </c>
      <c r="AK8" s="102">
        <v>1692</v>
      </c>
      <c r="AL8" s="103">
        <v>2955</v>
      </c>
      <c r="AM8" s="413">
        <v>0</v>
      </c>
      <c r="AN8" s="102">
        <v>1552</v>
      </c>
      <c r="AO8" s="102">
        <v>2366</v>
      </c>
      <c r="AP8" s="102">
        <v>1422</v>
      </c>
      <c r="AQ8" s="102">
        <v>1199</v>
      </c>
      <c r="AR8" s="102">
        <v>804</v>
      </c>
      <c r="AS8" s="103">
        <v>7343</v>
      </c>
      <c r="AT8" s="104">
        <v>10298</v>
      </c>
      <c r="AU8" s="101">
        <v>2191</v>
      </c>
      <c r="AV8" s="102">
        <v>2610</v>
      </c>
      <c r="AW8" s="103">
        <v>4801</v>
      </c>
      <c r="AX8" s="413">
        <v>0</v>
      </c>
      <c r="AY8" s="102">
        <v>2691</v>
      </c>
      <c r="AZ8" s="102">
        <v>3296</v>
      </c>
      <c r="BA8" s="102">
        <v>2007</v>
      </c>
      <c r="BB8" s="102">
        <v>1670</v>
      </c>
      <c r="BC8" s="102">
        <v>1026</v>
      </c>
      <c r="BD8" s="103">
        <v>10690</v>
      </c>
      <c r="BE8" s="104">
        <v>15491</v>
      </c>
      <c r="BF8" s="101">
        <v>2313</v>
      </c>
      <c r="BG8" s="102">
        <v>2640</v>
      </c>
      <c r="BH8" s="103">
        <v>4953</v>
      </c>
      <c r="BI8" s="413">
        <v>0</v>
      </c>
      <c r="BJ8" s="102">
        <v>3015</v>
      </c>
      <c r="BK8" s="102">
        <v>3495</v>
      </c>
      <c r="BL8" s="102">
        <v>2153</v>
      </c>
      <c r="BM8" s="102">
        <v>1690</v>
      </c>
      <c r="BN8" s="102">
        <v>977</v>
      </c>
      <c r="BO8" s="103">
        <v>11330</v>
      </c>
      <c r="BP8" s="104">
        <v>16283</v>
      </c>
      <c r="BQ8" s="101">
        <v>1512</v>
      </c>
      <c r="BR8" s="102">
        <v>1930</v>
      </c>
      <c r="BS8" s="103">
        <v>3442</v>
      </c>
      <c r="BT8" s="413">
        <v>0</v>
      </c>
      <c r="BU8" s="102">
        <v>2144</v>
      </c>
      <c r="BV8" s="102">
        <v>2964</v>
      </c>
      <c r="BW8" s="102">
        <v>1953</v>
      </c>
      <c r="BX8" s="102">
        <v>1586</v>
      </c>
      <c r="BY8" s="102">
        <v>779</v>
      </c>
      <c r="BZ8" s="103">
        <v>9426</v>
      </c>
      <c r="CA8" s="104">
        <v>12868</v>
      </c>
      <c r="CB8" s="101">
        <v>177</v>
      </c>
      <c r="CC8" s="102">
        <v>411</v>
      </c>
      <c r="CD8" s="103">
        <v>588</v>
      </c>
      <c r="CE8" s="413">
        <v>0</v>
      </c>
      <c r="CF8" s="102">
        <v>251</v>
      </c>
      <c r="CG8" s="102">
        <v>666</v>
      </c>
      <c r="CH8" s="102">
        <v>369</v>
      </c>
      <c r="CI8" s="102">
        <v>333</v>
      </c>
      <c r="CJ8" s="102">
        <v>340</v>
      </c>
      <c r="CK8" s="103">
        <v>1959</v>
      </c>
      <c r="CL8" s="104">
        <v>2547</v>
      </c>
      <c r="CM8" s="101">
        <v>8422</v>
      </c>
      <c r="CN8" s="102">
        <v>10786</v>
      </c>
      <c r="CO8" s="103">
        <v>19208</v>
      </c>
      <c r="CP8" s="413">
        <v>0</v>
      </c>
      <c r="CQ8" s="102">
        <v>10842</v>
      </c>
      <c r="CR8" s="102">
        <v>14960</v>
      </c>
      <c r="CS8" s="102">
        <v>9241</v>
      </c>
      <c r="CT8" s="102">
        <v>7635</v>
      </c>
      <c r="CU8" s="102">
        <v>4761</v>
      </c>
      <c r="CV8" s="103">
        <v>47439</v>
      </c>
      <c r="CW8" s="104">
        <v>66647</v>
      </c>
      <c r="CX8" s="105">
        <v>15660</v>
      </c>
      <c r="CY8" s="97">
        <v>21470</v>
      </c>
      <c r="CZ8" s="98">
        <v>37130</v>
      </c>
      <c r="DA8" s="413">
        <v>0</v>
      </c>
      <c r="DB8" s="97">
        <v>20209</v>
      </c>
      <c r="DC8" s="97">
        <v>25348</v>
      </c>
      <c r="DD8" s="97">
        <v>17003</v>
      </c>
      <c r="DE8" s="97">
        <v>16281</v>
      </c>
      <c r="DF8" s="97">
        <v>10411</v>
      </c>
      <c r="DG8" s="99">
        <v>89252</v>
      </c>
      <c r="DH8" s="100">
        <v>126382</v>
      </c>
      <c r="DI8" s="101">
        <v>328</v>
      </c>
      <c r="DJ8" s="102">
        <v>492</v>
      </c>
      <c r="DK8" s="103">
        <v>820</v>
      </c>
      <c r="DL8" s="413">
        <v>0</v>
      </c>
      <c r="DM8" s="102">
        <v>285</v>
      </c>
      <c r="DN8" s="102">
        <v>491</v>
      </c>
      <c r="DO8" s="102">
        <v>299</v>
      </c>
      <c r="DP8" s="102">
        <v>281</v>
      </c>
      <c r="DQ8" s="102">
        <v>219</v>
      </c>
      <c r="DR8" s="103">
        <v>1575</v>
      </c>
      <c r="DS8" s="104">
        <v>2395</v>
      </c>
      <c r="DT8" s="101">
        <v>848</v>
      </c>
      <c r="DU8" s="102">
        <v>1278</v>
      </c>
      <c r="DV8" s="103">
        <v>2126</v>
      </c>
      <c r="DW8" s="413">
        <v>0</v>
      </c>
      <c r="DX8" s="102">
        <v>768</v>
      </c>
      <c r="DY8" s="102">
        <v>1193</v>
      </c>
      <c r="DZ8" s="102">
        <v>660</v>
      </c>
      <c r="EA8" s="102">
        <v>648</v>
      </c>
      <c r="EB8" s="102">
        <v>552</v>
      </c>
      <c r="EC8" s="103">
        <v>3821</v>
      </c>
      <c r="ED8" s="104">
        <v>5947</v>
      </c>
      <c r="EE8" s="101">
        <v>2361</v>
      </c>
      <c r="EF8" s="102">
        <v>2965</v>
      </c>
      <c r="EG8" s="103">
        <v>5326</v>
      </c>
      <c r="EH8" s="413">
        <v>0</v>
      </c>
      <c r="EI8" s="102">
        <v>2194</v>
      </c>
      <c r="EJ8" s="102">
        <v>2632</v>
      </c>
      <c r="EK8" s="102">
        <v>1422</v>
      </c>
      <c r="EL8" s="102">
        <v>1388</v>
      </c>
      <c r="EM8" s="102">
        <v>1067</v>
      </c>
      <c r="EN8" s="103">
        <v>8703</v>
      </c>
      <c r="EO8" s="104">
        <v>14029</v>
      </c>
      <c r="EP8" s="101">
        <v>4912</v>
      </c>
      <c r="EQ8" s="102">
        <v>5963</v>
      </c>
      <c r="ER8" s="103">
        <v>10875</v>
      </c>
      <c r="ES8" s="413">
        <v>0</v>
      </c>
      <c r="ET8" s="102">
        <v>5129</v>
      </c>
      <c r="EU8" s="102">
        <v>5411</v>
      </c>
      <c r="EV8" s="102">
        <v>3194</v>
      </c>
      <c r="EW8" s="102">
        <v>2845</v>
      </c>
      <c r="EX8" s="102">
        <v>1925</v>
      </c>
      <c r="EY8" s="103">
        <v>18504</v>
      </c>
      <c r="EZ8" s="104">
        <v>29379</v>
      </c>
      <c r="FA8" s="101">
        <v>4667</v>
      </c>
      <c r="FB8" s="102">
        <v>6324</v>
      </c>
      <c r="FC8" s="103">
        <v>10991</v>
      </c>
      <c r="FD8" s="413">
        <v>0</v>
      </c>
      <c r="FE8" s="102">
        <v>6364</v>
      </c>
      <c r="FF8" s="102">
        <v>7288</v>
      </c>
      <c r="FG8" s="102">
        <v>4589</v>
      </c>
      <c r="FH8" s="102">
        <v>4171</v>
      </c>
      <c r="FI8" s="102">
        <v>2619</v>
      </c>
      <c r="FJ8" s="103">
        <v>25031</v>
      </c>
      <c r="FK8" s="104">
        <v>36022</v>
      </c>
      <c r="FL8" s="101">
        <v>2544</v>
      </c>
      <c r="FM8" s="102">
        <v>4448</v>
      </c>
      <c r="FN8" s="103">
        <v>6992</v>
      </c>
      <c r="FO8" s="413">
        <v>0</v>
      </c>
      <c r="FP8" s="102">
        <v>5469</v>
      </c>
      <c r="FQ8" s="102">
        <v>8333</v>
      </c>
      <c r="FR8" s="102">
        <v>6839</v>
      </c>
      <c r="FS8" s="102">
        <v>6948</v>
      </c>
      <c r="FT8" s="102">
        <v>4029</v>
      </c>
      <c r="FU8" s="103">
        <v>31618</v>
      </c>
      <c r="FV8" s="104">
        <v>38610</v>
      </c>
      <c r="FW8" s="101">
        <v>165</v>
      </c>
      <c r="FX8" s="102">
        <v>304</v>
      </c>
      <c r="FY8" s="103">
        <v>469</v>
      </c>
      <c r="FZ8" s="413">
        <v>0</v>
      </c>
      <c r="GA8" s="102">
        <v>194</v>
      </c>
      <c r="GB8" s="102">
        <v>529</v>
      </c>
      <c r="GC8" s="102">
        <v>258</v>
      </c>
      <c r="GD8" s="102">
        <v>239</v>
      </c>
      <c r="GE8" s="102">
        <v>270</v>
      </c>
      <c r="GF8" s="103">
        <v>1490</v>
      </c>
      <c r="GG8" s="104">
        <v>1959</v>
      </c>
      <c r="GH8" s="101">
        <v>15825</v>
      </c>
      <c r="GI8" s="102">
        <v>21774</v>
      </c>
      <c r="GJ8" s="103">
        <v>37599</v>
      </c>
      <c r="GK8" s="413">
        <v>0</v>
      </c>
      <c r="GL8" s="102">
        <v>20403</v>
      </c>
      <c r="GM8" s="102">
        <v>25877</v>
      </c>
      <c r="GN8" s="102">
        <v>17261</v>
      </c>
      <c r="GO8" s="102">
        <v>16520</v>
      </c>
      <c r="GP8" s="102">
        <v>10681</v>
      </c>
      <c r="GQ8" s="103">
        <v>90742</v>
      </c>
      <c r="GR8" s="104">
        <v>128341</v>
      </c>
      <c r="GS8" s="105">
        <v>23905</v>
      </c>
      <c r="GT8" s="97">
        <v>31845</v>
      </c>
      <c r="GU8" s="98">
        <v>55750</v>
      </c>
      <c r="GV8" s="413">
        <v>0</v>
      </c>
      <c r="GW8" s="97">
        <v>30800</v>
      </c>
      <c r="GX8" s="97">
        <v>39642</v>
      </c>
      <c r="GY8" s="97">
        <v>25875</v>
      </c>
      <c r="GZ8" s="97">
        <v>23583</v>
      </c>
      <c r="HA8" s="97">
        <v>14832</v>
      </c>
      <c r="HB8" s="99">
        <v>134732</v>
      </c>
      <c r="HC8" s="100">
        <v>190482</v>
      </c>
      <c r="HD8" s="101">
        <v>632</v>
      </c>
      <c r="HE8" s="102">
        <v>962</v>
      </c>
      <c r="HF8" s="103">
        <v>1594</v>
      </c>
      <c r="HG8" s="416">
        <v>0</v>
      </c>
      <c r="HH8" s="102">
        <v>681</v>
      </c>
      <c r="HI8" s="102">
        <v>1221</v>
      </c>
      <c r="HJ8" s="102">
        <v>758</v>
      </c>
      <c r="HK8" s="102">
        <v>682</v>
      </c>
      <c r="HL8" s="102">
        <v>497</v>
      </c>
      <c r="HM8" s="103">
        <v>3839</v>
      </c>
      <c r="HN8" s="104">
        <v>5433</v>
      </c>
      <c r="HO8" s="101">
        <v>1510</v>
      </c>
      <c r="HP8" s="102">
        <v>2311</v>
      </c>
      <c r="HQ8" s="103">
        <v>3821</v>
      </c>
      <c r="HR8" s="413">
        <v>0</v>
      </c>
      <c r="HS8" s="102">
        <v>1561</v>
      </c>
      <c r="HT8" s="102">
        <v>2636</v>
      </c>
      <c r="HU8" s="102">
        <v>1538</v>
      </c>
      <c r="HV8" s="102">
        <v>1404</v>
      </c>
      <c r="HW8" s="102">
        <v>1109</v>
      </c>
      <c r="HX8" s="103">
        <v>8248</v>
      </c>
      <c r="HY8" s="104">
        <v>12069</v>
      </c>
      <c r="HZ8" s="101">
        <v>3624</v>
      </c>
      <c r="IA8" s="102">
        <v>4657</v>
      </c>
      <c r="IB8" s="103">
        <v>8281</v>
      </c>
      <c r="IC8" s="413">
        <v>0</v>
      </c>
      <c r="ID8" s="102">
        <v>3746</v>
      </c>
      <c r="IE8" s="102">
        <v>4998</v>
      </c>
      <c r="IF8" s="102">
        <v>2844</v>
      </c>
      <c r="IG8" s="102">
        <v>2587</v>
      </c>
      <c r="IH8" s="102">
        <v>1871</v>
      </c>
      <c r="II8" s="103">
        <v>16046</v>
      </c>
      <c r="IJ8" s="104">
        <v>24327</v>
      </c>
      <c r="IK8" s="101">
        <v>7103</v>
      </c>
      <c r="IL8" s="102">
        <v>8573</v>
      </c>
      <c r="IM8" s="103">
        <v>15676</v>
      </c>
      <c r="IN8" s="413">
        <v>0</v>
      </c>
      <c r="IO8" s="102">
        <v>7820</v>
      </c>
      <c r="IP8" s="102">
        <v>8707</v>
      </c>
      <c r="IQ8" s="102">
        <v>5201</v>
      </c>
      <c r="IR8" s="102">
        <v>4515</v>
      </c>
      <c r="IS8" s="102">
        <v>2951</v>
      </c>
      <c r="IT8" s="103">
        <v>29194</v>
      </c>
      <c r="IU8" s="104">
        <v>44870</v>
      </c>
      <c r="IV8" s="101">
        <v>6980</v>
      </c>
      <c r="IW8" s="102">
        <v>8964</v>
      </c>
      <c r="IX8" s="103">
        <v>15944</v>
      </c>
      <c r="IY8" s="413">
        <v>0</v>
      </c>
      <c r="IZ8" s="102">
        <v>9379</v>
      </c>
      <c r="JA8" s="102">
        <v>10783</v>
      </c>
      <c r="JB8" s="102">
        <v>6742</v>
      </c>
      <c r="JC8" s="102">
        <v>5861</v>
      </c>
      <c r="JD8" s="102">
        <v>3596</v>
      </c>
      <c r="JE8" s="103">
        <v>36361</v>
      </c>
      <c r="JF8" s="104">
        <v>52305</v>
      </c>
      <c r="JG8" s="101">
        <v>4056</v>
      </c>
      <c r="JH8" s="102">
        <v>6378</v>
      </c>
      <c r="JI8" s="103">
        <v>10434</v>
      </c>
      <c r="JJ8" s="413">
        <v>0</v>
      </c>
      <c r="JK8" s="102">
        <v>7613</v>
      </c>
      <c r="JL8" s="102">
        <v>11297</v>
      </c>
      <c r="JM8" s="102">
        <v>8792</v>
      </c>
      <c r="JN8" s="102">
        <v>8534</v>
      </c>
      <c r="JO8" s="102">
        <v>4808</v>
      </c>
      <c r="JP8" s="103">
        <v>41044</v>
      </c>
      <c r="JQ8" s="104">
        <v>51478</v>
      </c>
      <c r="JR8" s="101">
        <v>342</v>
      </c>
      <c r="JS8" s="102">
        <v>715</v>
      </c>
      <c r="JT8" s="103">
        <v>1057</v>
      </c>
      <c r="JU8" s="413">
        <v>0</v>
      </c>
      <c r="JV8" s="102">
        <v>445</v>
      </c>
      <c r="JW8" s="102">
        <v>1195</v>
      </c>
      <c r="JX8" s="102">
        <v>627</v>
      </c>
      <c r="JY8" s="102">
        <v>572</v>
      </c>
      <c r="JZ8" s="102">
        <v>610</v>
      </c>
      <c r="KA8" s="103">
        <v>3449</v>
      </c>
      <c r="KB8" s="104">
        <v>4506</v>
      </c>
      <c r="KC8" s="101">
        <v>24247</v>
      </c>
      <c r="KD8" s="102">
        <v>32560</v>
      </c>
      <c r="KE8" s="103">
        <v>56807</v>
      </c>
      <c r="KF8" s="413">
        <v>0</v>
      </c>
      <c r="KG8" s="102">
        <v>31245</v>
      </c>
      <c r="KH8" s="102">
        <v>40837</v>
      </c>
      <c r="KI8" s="102">
        <v>26502</v>
      </c>
      <c r="KJ8" s="102">
        <v>24155</v>
      </c>
      <c r="KK8" s="102">
        <v>15442</v>
      </c>
      <c r="KL8" s="103">
        <v>138181</v>
      </c>
      <c r="KM8" s="104">
        <v>194988</v>
      </c>
    </row>
    <row r="9" spans="2:299" s="70" customFormat="1" ht="21" customHeight="1" x14ac:dyDescent="0.2">
      <c r="B9" s="106" t="s">
        <v>6</v>
      </c>
      <c r="C9" s="96">
        <v>2863</v>
      </c>
      <c r="D9" s="97">
        <v>2450</v>
      </c>
      <c r="E9" s="98">
        <v>5313</v>
      </c>
      <c r="F9" s="413">
        <v>0</v>
      </c>
      <c r="G9" s="97">
        <v>5149</v>
      </c>
      <c r="H9" s="97">
        <v>4317</v>
      </c>
      <c r="I9" s="97">
        <v>2875</v>
      </c>
      <c r="J9" s="97">
        <v>2396</v>
      </c>
      <c r="K9" s="97">
        <v>1545</v>
      </c>
      <c r="L9" s="99">
        <v>16282</v>
      </c>
      <c r="M9" s="100">
        <v>21595</v>
      </c>
      <c r="N9" s="101">
        <v>153</v>
      </c>
      <c r="O9" s="102">
        <v>162</v>
      </c>
      <c r="P9" s="103">
        <v>315</v>
      </c>
      <c r="Q9" s="413">
        <v>0</v>
      </c>
      <c r="R9" s="102">
        <v>259</v>
      </c>
      <c r="S9" s="102">
        <v>250</v>
      </c>
      <c r="T9" s="102">
        <v>164</v>
      </c>
      <c r="U9" s="102">
        <v>136</v>
      </c>
      <c r="V9" s="102">
        <v>107</v>
      </c>
      <c r="W9" s="103">
        <v>916</v>
      </c>
      <c r="X9" s="104">
        <v>1231</v>
      </c>
      <c r="Y9" s="101">
        <v>293</v>
      </c>
      <c r="Z9" s="102">
        <v>252</v>
      </c>
      <c r="AA9" s="103">
        <v>545</v>
      </c>
      <c r="AB9" s="413">
        <v>0</v>
      </c>
      <c r="AC9" s="102">
        <v>516</v>
      </c>
      <c r="AD9" s="102">
        <v>452</v>
      </c>
      <c r="AE9" s="102">
        <v>322</v>
      </c>
      <c r="AF9" s="102">
        <v>274</v>
      </c>
      <c r="AG9" s="102">
        <v>190</v>
      </c>
      <c r="AH9" s="103">
        <v>1754</v>
      </c>
      <c r="AI9" s="104">
        <v>2299</v>
      </c>
      <c r="AJ9" s="101">
        <v>515</v>
      </c>
      <c r="AK9" s="102">
        <v>414</v>
      </c>
      <c r="AL9" s="103">
        <v>929</v>
      </c>
      <c r="AM9" s="413">
        <v>0</v>
      </c>
      <c r="AN9" s="102">
        <v>868</v>
      </c>
      <c r="AO9" s="102">
        <v>742</v>
      </c>
      <c r="AP9" s="102">
        <v>486</v>
      </c>
      <c r="AQ9" s="102">
        <v>438</v>
      </c>
      <c r="AR9" s="102">
        <v>311</v>
      </c>
      <c r="AS9" s="103">
        <v>2845</v>
      </c>
      <c r="AT9" s="104">
        <v>3774</v>
      </c>
      <c r="AU9" s="101">
        <v>717</v>
      </c>
      <c r="AV9" s="102">
        <v>598</v>
      </c>
      <c r="AW9" s="103">
        <v>1315</v>
      </c>
      <c r="AX9" s="413">
        <v>0</v>
      </c>
      <c r="AY9" s="102">
        <v>1292</v>
      </c>
      <c r="AZ9" s="102">
        <v>1031</v>
      </c>
      <c r="BA9" s="102">
        <v>662</v>
      </c>
      <c r="BB9" s="102">
        <v>551</v>
      </c>
      <c r="BC9" s="102">
        <v>345</v>
      </c>
      <c r="BD9" s="103">
        <v>3881</v>
      </c>
      <c r="BE9" s="104">
        <v>5196</v>
      </c>
      <c r="BF9" s="101">
        <v>749</v>
      </c>
      <c r="BG9" s="102">
        <v>604</v>
      </c>
      <c r="BH9" s="103">
        <v>1353</v>
      </c>
      <c r="BI9" s="413">
        <v>0</v>
      </c>
      <c r="BJ9" s="102">
        <v>1266</v>
      </c>
      <c r="BK9" s="102">
        <v>998</v>
      </c>
      <c r="BL9" s="102">
        <v>670</v>
      </c>
      <c r="BM9" s="102">
        <v>499</v>
      </c>
      <c r="BN9" s="102">
        <v>343</v>
      </c>
      <c r="BO9" s="103">
        <v>3776</v>
      </c>
      <c r="BP9" s="104">
        <v>5129</v>
      </c>
      <c r="BQ9" s="101">
        <v>436</v>
      </c>
      <c r="BR9" s="102">
        <v>420</v>
      </c>
      <c r="BS9" s="103">
        <v>856</v>
      </c>
      <c r="BT9" s="413">
        <v>0</v>
      </c>
      <c r="BU9" s="102">
        <v>948</v>
      </c>
      <c r="BV9" s="102">
        <v>844</v>
      </c>
      <c r="BW9" s="102">
        <v>571</v>
      </c>
      <c r="BX9" s="102">
        <v>498</v>
      </c>
      <c r="BY9" s="102">
        <v>249</v>
      </c>
      <c r="BZ9" s="103">
        <v>3110</v>
      </c>
      <c r="CA9" s="104">
        <v>3966</v>
      </c>
      <c r="CB9" s="101">
        <v>79</v>
      </c>
      <c r="CC9" s="102">
        <v>102</v>
      </c>
      <c r="CD9" s="103">
        <v>181</v>
      </c>
      <c r="CE9" s="413">
        <v>0</v>
      </c>
      <c r="CF9" s="102">
        <v>170</v>
      </c>
      <c r="CG9" s="102">
        <v>194</v>
      </c>
      <c r="CH9" s="102">
        <v>122</v>
      </c>
      <c r="CI9" s="102">
        <v>121</v>
      </c>
      <c r="CJ9" s="102">
        <v>134</v>
      </c>
      <c r="CK9" s="103">
        <v>741</v>
      </c>
      <c r="CL9" s="104">
        <v>922</v>
      </c>
      <c r="CM9" s="101">
        <v>2942</v>
      </c>
      <c r="CN9" s="102">
        <v>2552</v>
      </c>
      <c r="CO9" s="103">
        <v>5494</v>
      </c>
      <c r="CP9" s="413">
        <v>0</v>
      </c>
      <c r="CQ9" s="102">
        <v>5319</v>
      </c>
      <c r="CR9" s="102">
        <v>4511</v>
      </c>
      <c r="CS9" s="102">
        <v>2997</v>
      </c>
      <c r="CT9" s="102">
        <v>2517</v>
      </c>
      <c r="CU9" s="102">
        <v>1679</v>
      </c>
      <c r="CV9" s="103">
        <v>17023</v>
      </c>
      <c r="CW9" s="104">
        <v>22517</v>
      </c>
      <c r="CX9" s="105">
        <v>5506</v>
      </c>
      <c r="CY9" s="97">
        <v>5700</v>
      </c>
      <c r="CZ9" s="98">
        <v>11206</v>
      </c>
      <c r="DA9" s="413">
        <v>0</v>
      </c>
      <c r="DB9" s="97">
        <v>9010</v>
      </c>
      <c r="DC9" s="97">
        <v>7108</v>
      </c>
      <c r="DD9" s="97">
        <v>5322</v>
      </c>
      <c r="DE9" s="97">
        <v>5203</v>
      </c>
      <c r="DF9" s="97">
        <v>3644</v>
      </c>
      <c r="DG9" s="99">
        <v>30287</v>
      </c>
      <c r="DH9" s="100">
        <v>41493</v>
      </c>
      <c r="DI9" s="101">
        <v>114</v>
      </c>
      <c r="DJ9" s="102">
        <v>136</v>
      </c>
      <c r="DK9" s="103">
        <v>250</v>
      </c>
      <c r="DL9" s="413">
        <v>0</v>
      </c>
      <c r="DM9" s="102">
        <v>173</v>
      </c>
      <c r="DN9" s="102">
        <v>133</v>
      </c>
      <c r="DO9" s="102">
        <v>100</v>
      </c>
      <c r="DP9" s="102">
        <v>89</v>
      </c>
      <c r="DQ9" s="102">
        <v>70</v>
      </c>
      <c r="DR9" s="103">
        <v>565</v>
      </c>
      <c r="DS9" s="104">
        <v>815</v>
      </c>
      <c r="DT9" s="101">
        <v>332</v>
      </c>
      <c r="DU9" s="102">
        <v>325</v>
      </c>
      <c r="DV9" s="103">
        <v>657</v>
      </c>
      <c r="DW9" s="413">
        <v>0</v>
      </c>
      <c r="DX9" s="102">
        <v>418</v>
      </c>
      <c r="DY9" s="102">
        <v>352</v>
      </c>
      <c r="DZ9" s="102">
        <v>231</v>
      </c>
      <c r="EA9" s="102">
        <v>228</v>
      </c>
      <c r="EB9" s="102">
        <v>192</v>
      </c>
      <c r="EC9" s="103">
        <v>1421</v>
      </c>
      <c r="ED9" s="104">
        <v>2078</v>
      </c>
      <c r="EE9" s="101">
        <v>819</v>
      </c>
      <c r="EF9" s="102">
        <v>809</v>
      </c>
      <c r="EG9" s="103">
        <v>1628</v>
      </c>
      <c r="EH9" s="413">
        <v>0</v>
      </c>
      <c r="EI9" s="102">
        <v>1051</v>
      </c>
      <c r="EJ9" s="102">
        <v>703</v>
      </c>
      <c r="EK9" s="102">
        <v>426</v>
      </c>
      <c r="EL9" s="102">
        <v>443</v>
      </c>
      <c r="EM9" s="102">
        <v>361</v>
      </c>
      <c r="EN9" s="103">
        <v>2984</v>
      </c>
      <c r="EO9" s="104">
        <v>4612</v>
      </c>
      <c r="EP9" s="101">
        <v>1748</v>
      </c>
      <c r="EQ9" s="102">
        <v>1591</v>
      </c>
      <c r="ER9" s="103">
        <v>3339</v>
      </c>
      <c r="ES9" s="413">
        <v>0</v>
      </c>
      <c r="ET9" s="102">
        <v>2224</v>
      </c>
      <c r="EU9" s="102">
        <v>1496</v>
      </c>
      <c r="EV9" s="102">
        <v>1041</v>
      </c>
      <c r="EW9" s="102">
        <v>883</v>
      </c>
      <c r="EX9" s="102">
        <v>659</v>
      </c>
      <c r="EY9" s="103">
        <v>6303</v>
      </c>
      <c r="EZ9" s="104">
        <v>9642</v>
      </c>
      <c r="FA9" s="101">
        <v>1607</v>
      </c>
      <c r="FB9" s="102">
        <v>1663</v>
      </c>
      <c r="FC9" s="103">
        <v>3270</v>
      </c>
      <c r="FD9" s="413">
        <v>0</v>
      </c>
      <c r="FE9" s="102">
        <v>2736</v>
      </c>
      <c r="FF9" s="102">
        <v>2080</v>
      </c>
      <c r="FG9" s="102">
        <v>1451</v>
      </c>
      <c r="FH9" s="102">
        <v>1280</v>
      </c>
      <c r="FI9" s="102">
        <v>915</v>
      </c>
      <c r="FJ9" s="103">
        <v>8462</v>
      </c>
      <c r="FK9" s="104">
        <v>11732</v>
      </c>
      <c r="FL9" s="101">
        <v>886</v>
      </c>
      <c r="FM9" s="102">
        <v>1176</v>
      </c>
      <c r="FN9" s="103">
        <v>2062</v>
      </c>
      <c r="FO9" s="413">
        <v>0</v>
      </c>
      <c r="FP9" s="102">
        <v>2408</v>
      </c>
      <c r="FQ9" s="102">
        <v>2344</v>
      </c>
      <c r="FR9" s="102">
        <v>2073</v>
      </c>
      <c r="FS9" s="102">
        <v>2280</v>
      </c>
      <c r="FT9" s="102">
        <v>1447</v>
      </c>
      <c r="FU9" s="103">
        <v>10552</v>
      </c>
      <c r="FV9" s="104">
        <v>12614</v>
      </c>
      <c r="FW9" s="101">
        <v>58</v>
      </c>
      <c r="FX9" s="102">
        <v>95</v>
      </c>
      <c r="FY9" s="103">
        <v>153</v>
      </c>
      <c r="FZ9" s="413">
        <v>0</v>
      </c>
      <c r="GA9" s="102">
        <v>130</v>
      </c>
      <c r="GB9" s="102">
        <v>139</v>
      </c>
      <c r="GC9" s="102">
        <v>92</v>
      </c>
      <c r="GD9" s="102">
        <v>92</v>
      </c>
      <c r="GE9" s="102">
        <v>95</v>
      </c>
      <c r="GF9" s="103">
        <v>548</v>
      </c>
      <c r="GG9" s="104">
        <v>701</v>
      </c>
      <c r="GH9" s="101">
        <v>5564</v>
      </c>
      <c r="GI9" s="102">
        <v>5795</v>
      </c>
      <c r="GJ9" s="103">
        <v>11359</v>
      </c>
      <c r="GK9" s="413">
        <v>0</v>
      </c>
      <c r="GL9" s="102">
        <v>9140</v>
      </c>
      <c r="GM9" s="102">
        <v>7247</v>
      </c>
      <c r="GN9" s="102">
        <v>5414</v>
      </c>
      <c r="GO9" s="102">
        <v>5295</v>
      </c>
      <c r="GP9" s="102">
        <v>3739</v>
      </c>
      <c r="GQ9" s="103">
        <v>30835</v>
      </c>
      <c r="GR9" s="104">
        <v>42194</v>
      </c>
      <c r="GS9" s="105">
        <v>8369</v>
      </c>
      <c r="GT9" s="97">
        <v>8150</v>
      </c>
      <c r="GU9" s="98">
        <v>16519</v>
      </c>
      <c r="GV9" s="413">
        <v>0</v>
      </c>
      <c r="GW9" s="97">
        <v>14159</v>
      </c>
      <c r="GX9" s="97">
        <v>11425</v>
      </c>
      <c r="GY9" s="97">
        <v>8197</v>
      </c>
      <c r="GZ9" s="97">
        <v>7599</v>
      </c>
      <c r="HA9" s="97">
        <v>5189</v>
      </c>
      <c r="HB9" s="99">
        <v>46569</v>
      </c>
      <c r="HC9" s="100">
        <v>63088</v>
      </c>
      <c r="HD9" s="101">
        <v>267</v>
      </c>
      <c r="HE9" s="102">
        <v>298</v>
      </c>
      <c r="HF9" s="103">
        <v>565</v>
      </c>
      <c r="HG9" s="416">
        <v>0</v>
      </c>
      <c r="HH9" s="102">
        <v>432</v>
      </c>
      <c r="HI9" s="102">
        <v>383</v>
      </c>
      <c r="HJ9" s="102">
        <v>264</v>
      </c>
      <c r="HK9" s="102">
        <v>225</v>
      </c>
      <c r="HL9" s="102">
        <v>177</v>
      </c>
      <c r="HM9" s="103">
        <v>1481</v>
      </c>
      <c r="HN9" s="104">
        <v>2046</v>
      </c>
      <c r="HO9" s="101">
        <v>625</v>
      </c>
      <c r="HP9" s="102">
        <v>577</v>
      </c>
      <c r="HQ9" s="103">
        <v>1202</v>
      </c>
      <c r="HR9" s="413">
        <v>0</v>
      </c>
      <c r="HS9" s="102">
        <v>934</v>
      </c>
      <c r="HT9" s="102">
        <v>804</v>
      </c>
      <c r="HU9" s="102">
        <v>553</v>
      </c>
      <c r="HV9" s="102">
        <v>502</v>
      </c>
      <c r="HW9" s="102">
        <v>382</v>
      </c>
      <c r="HX9" s="103">
        <v>3175</v>
      </c>
      <c r="HY9" s="104">
        <v>4377</v>
      </c>
      <c r="HZ9" s="101">
        <v>1334</v>
      </c>
      <c r="IA9" s="102">
        <v>1223</v>
      </c>
      <c r="IB9" s="103">
        <v>2557</v>
      </c>
      <c r="IC9" s="413">
        <v>0</v>
      </c>
      <c r="ID9" s="102">
        <v>1919</v>
      </c>
      <c r="IE9" s="102">
        <v>1445</v>
      </c>
      <c r="IF9" s="102">
        <v>912</v>
      </c>
      <c r="IG9" s="102">
        <v>881</v>
      </c>
      <c r="IH9" s="102">
        <v>672</v>
      </c>
      <c r="II9" s="103">
        <v>5829</v>
      </c>
      <c r="IJ9" s="104">
        <v>8386</v>
      </c>
      <c r="IK9" s="101">
        <v>2465</v>
      </c>
      <c r="IL9" s="102">
        <v>2189</v>
      </c>
      <c r="IM9" s="103">
        <v>4654</v>
      </c>
      <c r="IN9" s="413">
        <v>0</v>
      </c>
      <c r="IO9" s="102">
        <v>3516</v>
      </c>
      <c r="IP9" s="102">
        <v>2527</v>
      </c>
      <c r="IQ9" s="102">
        <v>1703</v>
      </c>
      <c r="IR9" s="102">
        <v>1434</v>
      </c>
      <c r="IS9" s="102">
        <v>1004</v>
      </c>
      <c r="IT9" s="103">
        <v>10184</v>
      </c>
      <c r="IU9" s="104">
        <v>14838</v>
      </c>
      <c r="IV9" s="101">
        <v>2356</v>
      </c>
      <c r="IW9" s="102">
        <v>2267</v>
      </c>
      <c r="IX9" s="103">
        <v>4623</v>
      </c>
      <c r="IY9" s="413">
        <v>0</v>
      </c>
      <c r="IZ9" s="102">
        <v>4002</v>
      </c>
      <c r="JA9" s="102">
        <v>3078</v>
      </c>
      <c r="JB9" s="102">
        <v>2121</v>
      </c>
      <c r="JC9" s="102">
        <v>1779</v>
      </c>
      <c r="JD9" s="102">
        <v>1258</v>
      </c>
      <c r="JE9" s="103">
        <v>12238</v>
      </c>
      <c r="JF9" s="104">
        <v>16861</v>
      </c>
      <c r="JG9" s="101">
        <v>1322</v>
      </c>
      <c r="JH9" s="102">
        <v>1596</v>
      </c>
      <c r="JI9" s="103">
        <v>2918</v>
      </c>
      <c r="JJ9" s="413">
        <v>0</v>
      </c>
      <c r="JK9" s="102">
        <v>3356</v>
      </c>
      <c r="JL9" s="102">
        <v>3188</v>
      </c>
      <c r="JM9" s="102">
        <v>2644</v>
      </c>
      <c r="JN9" s="102">
        <v>2778</v>
      </c>
      <c r="JO9" s="102">
        <v>1696</v>
      </c>
      <c r="JP9" s="103">
        <v>13662</v>
      </c>
      <c r="JQ9" s="104">
        <v>16580</v>
      </c>
      <c r="JR9" s="101">
        <v>137</v>
      </c>
      <c r="JS9" s="102">
        <v>197</v>
      </c>
      <c r="JT9" s="103">
        <v>334</v>
      </c>
      <c r="JU9" s="413">
        <v>0</v>
      </c>
      <c r="JV9" s="102">
        <v>300</v>
      </c>
      <c r="JW9" s="102">
        <v>333</v>
      </c>
      <c r="JX9" s="102">
        <v>214</v>
      </c>
      <c r="JY9" s="102">
        <v>213</v>
      </c>
      <c r="JZ9" s="102">
        <v>229</v>
      </c>
      <c r="KA9" s="103">
        <v>1289</v>
      </c>
      <c r="KB9" s="104">
        <v>1623</v>
      </c>
      <c r="KC9" s="101">
        <v>8506</v>
      </c>
      <c r="KD9" s="102">
        <v>8347</v>
      </c>
      <c r="KE9" s="103">
        <v>16853</v>
      </c>
      <c r="KF9" s="413">
        <v>0</v>
      </c>
      <c r="KG9" s="102">
        <v>14459</v>
      </c>
      <c r="KH9" s="102">
        <v>11758</v>
      </c>
      <c r="KI9" s="102">
        <v>8411</v>
      </c>
      <c r="KJ9" s="102">
        <v>7812</v>
      </c>
      <c r="KK9" s="102">
        <v>5418</v>
      </c>
      <c r="KL9" s="103">
        <v>47858</v>
      </c>
      <c r="KM9" s="104">
        <v>64711</v>
      </c>
    </row>
    <row r="10" spans="2:299" s="70" customFormat="1" ht="21" customHeight="1" x14ac:dyDescent="0.2">
      <c r="B10" s="106" t="s">
        <v>14</v>
      </c>
      <c r="C10" s="96">
        <v>1641</v>
      </c>
      <c r="D10" s="97">
        <v>2044</v>
      </c>
      <c r="E10" s="98">
        <v>3685</v>
      </c>
      <c r="F10" s="413">
        <v>0</v>
      </c>
      <c r="G10" s="97">
        <v>2403</v>
      </c>
      <c r="H10" s="97">
        <v>2696</v>
      </c>
      <c r="I10" s="97">
        <v>1931</v>
      </c>
      <c r="J10" s="97">
        <v>1518</v>
      </c>
      <c r="K10" s="97">
        <v>933</v>
      </c>
      <c r="L10" s="99">
        <v>9481</v>
      </c>
      <c r="M10" s="100">
        <v>13166</v>
      </c>
      <c r="N10" s="101">
        <v>66</v>
      </c>
      <c r="O10" s="102">
        <v>93</v>
      </c>
      <c r="P10" s="103">
        <v>159</v>
      </c>
      <c r="Q10" s="413">
        <v>0</v>
      </c>
      <c r="R10" s="102">
        <v>96</v>
      </c>
      <c r="S10" s="102">
        <v>136</v>
      </c>
      <c r="T10" s="102">
        <v>90</v>
      </c>
      <c r="U10" s="102">
        <v>95</v>
      </c>
      <c r="V10" s="102">
        <v>63</v>
      </c>
      <c r="W10" s="103">
        <v>480</v>
      </c>
      <c r="X10" s="104">
        <v>639</v>
      </c>
      <c r="Y10" s="101">
        <v>152</v>
      </c>
      <c r="Z10" s="102">
        <v>260</v>
      </c>
      <c r="AA10" s="103">
        <v>412</v>
      </c>
      <c r="AB10" s="413">
        <v>0</v>
      </c>
      <c r="AC10" s="102">
        <v>198</v>
      </c>
      <c r="AD10" s="102">
        <v>254</v>
      </c>
      <c r="AE10" s="102">
        <v>189</v>
      </c>
      <c r="AF10" s="102">
        <v>156</v>
      </c>
      <c r="AG10" s="102">
        <v>124</v>
      </c>
      <c r="AH10" s="103">
        <v>921</v>
      </c>
      <c r="AI10" s="104">
        <v>1333</v>
      </c>
      <c r="AJ10" s="101">
        <v>258</v>
      </c>
      <c r="AK10" s="102">
        <v>371</v>
      </c>
      <c r="AL10" s="103">
        <v>629</v>
      </c>
      <c r="AM10" s="413">
        <v>0</v>
      </c>
      <c r="AN10" s="102">
        <v>385</v>
      </c>
      <c r="AO10" s="102">
        <v>451</v>
      </c>
      <c r="AP10" s="102">
        <v>314</v>
      </c>
      <c r="AQ10" s="102">
        <v>262</v>
      </c>
      <c r="AR10" s="102">
        <v>167</v>
      </c>
      <c r="AS10" s="103">
        <v>1579</v>
      </c>
      <c r="AT10" s="104">
        <v>2208</v>
      </c>
      <c r="AU10" s="101">
        <v>477</v>
      </c>
      <c r="AV10" s="102">
        <v>540</v>
      </c>
      <c r="AW10" s="103">
        <v>1017</v>
      </c>
      <c r="AX10" s="413">
        <v>0</v>
      </c>
      <c r="AY10" s="102">
        <v>667</v>
      </c>
      <c r="AZ10" s="102">
        <v>723</v>
      </c>
      <c r="BA10" s="102">
        <v>501</v>
      </c>
      <c r="BB10" s="102">
        <v>387</v>
      </c>
      <c r="BC10" s="102">
        <v>230</v>
      </c>
      <c r="BD10" s="103">
        <v>2508</v>
      </c>
      <c r="BE10" s="104">
        <v>3525</v>
      </c>
      <c r="BF10" s="101">
        <v>468</v>
      </c>
      <c r="BG10" s="102">
        <v>508</v>
      </c>
      <c r="BH10" s="103">
        <v>976</v>
      </c>
      <c r="BI10" s="413">
        <v>0</v>
      </c>
      <c r="BJ10" s="102">
        <v>666</v>
      </c>
      <c r="BK10" s="102">
        <v>670</v>
      </c>
      <c r="BL10" s="102">
        <v>481</v>
      </c>
      <c r="BM10" s="102">
        <v>346</v>
      </c>
      <c r="BN10" s="102">
        <v>211</v>
      </c>
      <c r="BO10" s="103">
        <v>2374</v>
      </c>
      <c r="BP10" s="104">
        <v>3350</v>
      </c>
      <c r="BQ10" s="101">
        <v>220</v>
      </c>
      <c r="BR10" s="102">
        <v>272</v>
      </c>
      <c r="BS10" s="103">
        <v>492</v>
      </c>
      <c r="BT10" s="413">
        <v>0</v>
      </c>
      <c r="BU10" s="102">
        <v>391</v>
      </c>
      <c r="BV10" s="102">
        <v>462</v>
      </c>
      <c r="BW10" s="102">
        <v>356</v>
      </c>
      <c r="BX10" s="102">
        <v>272</v>
      </c>
      <c r="BY10" s="102">
        <v>138</v>
      </c>
      <c r="BZ10" s="103">
        <v>1619</v>
      </c>
      <c r="CA10" s="104">
        <v>2111</v>
      </c>
      <c r="CB10" s="101">
        <v>36</v>
      </c>
      <c r="CC10" s="102">
        <v>102</v>
      </c>
      <c r="CD10" s="103">
        <v>138</v>
      </c>
      <c r="CE10" s="413">
        <v>0</v>
      </c>
      <c r="CF10" s="102">
        <v>43</v>
      </c>
      <c r="CG10" s="102">
        <v>139</v>
      </c>
      <c r="CH10" s="102">
        <v>75</v>
      </c>
      <c r="CI10" s="102">
        <v>77</v>
      </c>
      <c r="CJ10" s="102">
        <v>62</v>
      </c>
      <c r="CK10" s="103">
        <v>396</v>
      </c>
      <c r="CL10" s="104">
        <v>534</v>
      </c>
      <c r="CM10" s="101">
        <v>1677</v>
      </c>
      <c r="CN10" s="102">
        <v>2146</v>
      </c>
      <c r="CO10" s="103">
        <v>3823</v>
      </c>
      <c r="CP10" s="413">
        <v>0</v>
      </c>
      <c r="CQ10" s="102">
        <v>2446</v>
      </c>
      <c r="CR10" s="102">
        <v>2835</v>
      </c>
      <c r="CS10" s="102">
        <v>2006</v>
      </c>
      <c r="CT10" s="102">
        <v>1595</v>
      </c>
      <c r="CU10" s="102">
        <v>995</v>
      </c>
      <c r="CV10" s="103">
        <v>9877</v>
      </c>
      <c r="CW10" s="104">
        <v>13700</v>
      </c>
      <c r="CX10" s="105">
        <v>3124</v>
      </c>
      <c r="CY10" s="97">
        <v>4333</v>
      </c>
      <c r="CZ10" s="98">
        <v>7457</v>
      </c>
      <c r="DA10" s="413">
        <v>0</v>
      </c>
      <c r="DB10" s="97">
        <v>4034</v>
      </c>
      <c r="DC10" s="97">
        <v>4355</v>
      </c>
      <c r="DD10" s="97">
        <v>3352</v>
      </c>
      <c r="DE10" s="97">
        <v>3129</v>
      </c>
      <c r="DF10" s="97">
        <v>1895</v>
      </c>
      <c r="DG10" s="99">
        <v>16765</v>
      </c>
      <c r="DH10" s="100">
        <v>24222</v>
      </c>
      <c r="DI10" s="101">
        <v>72</v>
      </c>
      <c r="DJ10" s="102">
        <v>94</v>
      </c>
      <c r="DK10" s="103">
        <v>166</v>
      </c>
      <c r="DL10" s="413">
        <v>0</v>
      </c>
      <c r="DM10" s="102">
        <v>66</v>
      </c>
      <c r="DN10" s="102">
        <v>97</v>
      </c>
      <c r="DO10" s="102">
        <v>71</v>
      </c>
      <c r="DP10" s="102">
        <v>68</v>
      </c>
      <c r="DQ10" s="102">
        <v>45</v>
      </c>
      <c r="DR10" s="103">
        <v>347</v>
      </c>
      <c r="DS10" s="104">
        <v>513</v>
      </c>
      <c r="DT10" s="101">
        <v>216</v>
      </c>
      <c r="DU10" s="102">
        <v>290</v>
      </c>
      <c r="DV10" s="103">
        <v>506</v>
      </c>
      <c r="DW10" s="413">
        <v>0</v>
      </c>
      <c r="DX10" s="102">
        <v>179</v>
      </c>
      <c r="DY10" s="102">
        <v>254</v>
      </c>
      <c r="DZ10" s="102">
        <v>154</v>
      </c>
      <c r="EA10" s="102">
        <v>134</v>
      </c>
      <c r="EB10" s="102">
        <v>106</v>
      </c>
      <c r="EC10" s="103">
        <v>827</v>
      </c>
      <c r="ED10" s="104">
        <v>1333</v>
      </c>
      <c r="EE10" s="101">
        <v>547</v>
      </c>
      <c r="EF10" s="102">
        <v>716</v>
      </c>
      <c r="EG10" s="103">
        <v>1263</v>
      </c>
      <c r="EH10" s="413">
        <v>0</v>
      </c>
      <c r="EI10" s="102">
        <v>490</v>
      </c>
      <c r="EJ10" s="102">
        <v>548</v>
      </c>
      <c r="EK10" s="102">
        <v>333</v>
      </c>
      <c r="EL10" s="102">
        <v>342</v>
      </c>
      <c r="EM10" s="102">
        <v>239</v>
      </c>
      <c r="EN10" s="103">
        <v>1952</v>
      </c>
      <c r="EO10" s="104">
        <v>3215</v>
      </c>
      <c r="EP10" s="101">
        <v>1036</v>
      </c>
      <c r="EQ10" s="102">
        <v>1345</v>
      </c>
      <c r="ER10" s="103">
        <v>2381</v>
      </c>
      <c r="ES10" s="413">
        <v>0</v>
      </c>
      <c r="ET10" s="102">
        <v>1183</v>
      </c>
      <c r="EU10" s="102">
        <v>1052</v>
      </c>
      <c r="EV10" s="102">
        <v>788</v>
      </c>
      <c r="EW10" s="102">
        <v>600</v>
      </c>
      <c r="EX10" s="102">
        <v>382</v>
      </c>
      <c r="EY10" s="103">
        <v>4005</v>
      </c>
      <c r="EZ10" s="104">
        <v>6386</v>
      </c>
      <c r="FA10" s="101">
        <v>850</v>
      </c>
      <c r="FB10" s="102">
        <v>1190</v>
      </c>
      <c r="FC10" s="103">
        <v>2040</v>
      </c>
      <c r="FD10" s="413">
        <v>0</v>
      </c>
      <c r="FE10" s="102">
        <v>1180</v>
      </c>
      <c r="FF10" s="102">
        <v>1187</v>
      </c>
      <c r="FG10" s="102">
        <v>852</v>
      </c>
      <c r="FH10" s="102">
        <v>797</v>
      </c>
      <c r="FI10" s="102">
        <v>467</v>
      </c>
      <c r="FJ10" s="103">
        <v>4483</v>
      </c>
      <c r="FK10" s="104">
        <v>6523</v>
      </c>
      <c r="FL10" s="101">
        <v>403</v>
      </c>
      <c r="FM10" s="102">
        <v>698</v>
      </c>
      <c r="FN10" s="103">
        <v>1101</v>
      </c>
      <c r="FO10" s="413">
        <v>0</v>
      </c>
      <c r="FP10" s="102">
        <v>936</v>
      </c>
      <c r="FQ10" s="102">
        <v>1217</v>
      </c>
      <c r="FR10" s="102">
        <v>1154</v>
      </c>
      <c r="FS10" s="102">
        <v>1188</v>
      </c>
      <c r="FT10" s="102">
        <v>656</v>
      </c>
      <c r="FU10" s="103">
        <v>5151</v>
      </c>
      <c r="FV10" s="104">
        <v>6252</v>
      </c>
      <c r="FW10" s="101">
        <v>26</v>
      </c>
      <c r="FX10" s="102">
        <v>84</v>
      </c>
      <c r="FY10" s="103">
        <v>110</v>
      </c>
      <c r="FZ10" s="413">
        <v>0</v>
      </c>
      <c r="GA10" s="102">
        <v>53</v>
      </c>
      <c r="GB10" s="102">
        <v>82</v>
      </c>
      <c r="GC10" s="102">
        <v>62</v>
      </c>
      <c r="GD10" s="102">
        <v>53</v>
      </c>
      <c r="GE10" s="102">
        <v>58</v>
      </c>
      <c r="GF10" s="103">
        <v>308</v>
      </c>
      <c r="GG10" s="104">
        <v>418</v>
      </c>
      <c r="GH10" s="101">
        <v>3150</v>
      </c>
      <c r="GI10" s="102">
        <v>4417</v>
      </c>
      <c r="GJ10" s="103">
        <v>7567</v>
      </c>
      <c r="GK10" s="413">
        <v>0</v>
      </c>
      <c r="GL10" s="102">
        <v>4087</v>
      </c>
      <c r="GM10" s="102">
        <v>4437</v>
      </c>
      <c r="GN10" s="102">
        <v>3414</v>
      </c>
      <c r="GO10" s="102">
        <v>3182</v>
      </c>
      <c r="GP10" s="102">
        <v>1953</v>
      </c>
      <c r="GQ10" s="103">
        <v>17073</v>
      </c>
      <c r="GR10" s="104">
        <v>24640</v>
      </c>
      <c r="GS10" s="105">
        <v>4765</v>
      </c>
      <c r="GT10" s="97">
        <v>6377</v>
      </c>
      <c r="GU10" s="98">
        <v>11142</v>
      </c>
      <c r="GV10" s="413">
        <v>0</v>
      </c>
      <c r="GW10" s="97">
        <v>6437</v>
      </c>
      <c r="GX10" s="97">
        <v>7051</v>
      </c>
      <c r="GY10" s="97">
        <v>5283</v>
      </c>
      <c r="GZ10" s="97">
        <v>4647</v>
      </c>
      <c r="HA10" s="97">
        <v>2828</v>
      </c>
      <c r="HB10" s="99">
        <v>26246</v>
      </c>
      <c r="HC10" s="100">
        <v>37388</v>
      </c>
      <c r="HD10" s="101">
        <v>138</v>
      </c>
      <c r="HE10" s="102">
        <v>187</v>
      </c>
      <c r="HF10" s="103">
        <v>325</v>
      </c>
      <c r="HG10" s="416">
        <v>0</v>
      </c>
      <c r="HH10" s="102">
        <v>162</v>
      </c>
      <c r="HI10" s="102">
        <v>233</v>
      </c>
      <c r="HJ10" s="102">
        <v>161</v>
      </c>
      <c r="HK10" s="102">
        <v>163</v>
      </c>
      <c r="HL10" s="102">
        <v>108</v>
      </c>
      <c r="HM10" s="103">
        <v>827</v>
      </c>
      <c r="HN10" s="104">
        <v>1152</v>
      </c>
      <c r="HO10" s="101">
        <v>368</v>
      </c>
      <c r="HP10" s="102">
        <v>550</v>
      </c>
      <c r="HQ10" s="103">
        <v>918</v>
      </c>
      <c r="HR10" s="413">
        <v>0</v>
      </c>
      <c r="HS10" s="102">
        <v>377</v>
      </c>
      <c r="HT10" s="102">
        <v>508</v>
      </c>
      <c r="HU10" s="102">
        <v>343</v>
      </c>
      <c r="HV10" s="102">
        <v>290</v>
      </c>
      <c r="HW10" s="102">
        <v>230</v>
      </c>
      <c r="HX10" s="103">
        <v>1748</v>
      </c>
      <c r="HY10" s="104">
        <v>2666</v>
      </c>
      <c r="HZ10" s="101">
        <v>805</v>
      </c>
      <c r="IA10" s="102">
        <v>1087</v>
      </c>
      <c r="IB10" s="103">
        <v>1892</v>
      </c>
      <c r="IC10" s="413">
        <v>0</v>
      </c>
      <c r="ID10" s="102">
        <v>875</v>
      </c>
      <c r="IE10" s="102">
        <v>999</v>
      </c>
      <c r="IF10" s="102">
        <v>647</v>
      </c>
      <c r="IG10" s="102">
        <v>604</v>
      </c>
      <c r="IH10" s="102">
        <v>406</v>
      </c>
      <c r="II10" s="103">
        <v>3531</v>
      </c>
      <c r="IJ10" s="104">
        <v>5423</v>
      </c>
      <c r="IK10" s="101">
        <v>1513</v>
      </c>
      <c r="IL10" s="102">
        <v>1885</v>
      </c>
      <c r="IM10" s="103">
        <v>3398</v>
      </c>
      <c r="IN10" s="413">
        <v>0</v>
      </c>
      <c r="IO10" s="102">
        <v>1850</v>
      </c>
      <c r="IP10" s="102">
        <v>1775</v>
      </c>
      <c r="IQ10" s="102">
        <v>1289</v>
      </c>
      <c r="IR10" s="102">
        <v>987</v>
      </c>
      <c r="IS10" s="102">
        <v>612</v>
      </c>
      <c r="IT10" s="103">
        <v>6513</v>
      </c>
      <c r="IU10" s="104">
        <v>9911</v>
      </c>
      <c r="IV10" s="101">
        <v>1318</v>
      </c>
      <c r="IW10" s="102">
        <v>1698</v>
      </c>
      <c r="IX10" s="103">
        <v>3016</v>
      </c>
      <c r="IY10" s="413">
        <v>0</v>
      </c>
      <c r="IZ10" s="102">
        <v>1846</v>
      </c>
      <c r="JA10" s="102">
        <v>1857</v>
      </c>
      <c r="JB10" s="102">
        <v>1333</v>
      </c>
      <c r="JC10" s="102">
        <v>1143</v>
      </c>
      <c r="JD10" s="102">
        <v>678</v>
      </c>
      <c r="JE10" s="103">
        <v>6857</v>
      </c>
      <c r="JF10" s="104">
        <v>9873</v>
      </c>
      <c r="JG10" s="101">
        <v>623</v>
      </c>
      <c r="JH10" s="102">
        <v>970</v>
      </c>
      <c r="JI10" s="103">
        <v>1593</v>
      </c>
      <c r="JJ10" s="413">
        <v>0</v>
      </c>
      <c r="JK10" s="102">
        <v>1327</v>
      </c>
      <c r="JL10" s="102">
        <v>1679</v>
      </c>
      <c r="JM10" s="102">
        <v>1510</v>
      </c>
      <c r="JN10" s="102">
        <v>1460</v>
      </c>
      <c r="JO10" s="102">
        <v>794</v>
      </c>
      <c r="JP10" s="103">
        <v>6770</v>
      </c>
      <c r="JQ10" s="104">
        <v>8363</v>
      </c>
      <c r="JR10" s="101">
        <v>62</v>
      </c>
      <c r="JS10" s="102">
        <v>186</v>
      </c>
      <c r="JT10" s="103">
        <v>248</v>
      </c>
      <c r="JU10" s="413">
        <v>0</v>
      </c>
      <c r="JV10" s="102">
        <v>96</v>
      </c>
      <c r="JW10" s="102">
        <v>221</v>
      </c>
      <c r="JX10" s="102">
        <v>137</v>
      </c>
      <c r="JY10" s="102">
        <v>130</v>
      </c>
      <c r="JZ10" s="102">
        <v>120</v>
      </c>
      <c r="KA10" s="103">
        <v>704</v>
      </c>
      <c r="KB10" s="104">
        <v>952</v>
      </c>
      <c r="KC10" s="101">
        <v>4827</v>
      </c>
      <c r="KD10" s="102">
        <v>6563</v>
      </c>
      <c r="KE10" s="103">
        <v>11390</v>
      </c>
      <c r="KF10" s="413">
        <v>0</v>
      </c>
      <c r="KG10" s="102">
        <v>6533</v>
      </c>
      <c r="KH10" s="102">
        <v>7272</v>
      </c>
      <c r="KI10" s="102">
        <v>5420</v>
      </c>
      <c r="KJ10" s="102">
        <v>4777</v>
      </c>
      <c r="KK10" s="102">
        <v>2948</v>
      </c>
      <c r="KL10" s="103">
        <v>26950</v>
      </c>
      <c r="KM10" s="104">
        <v>38340</v>
      </c>
    </row>
    <row r="11" spans="2:299" s="70" customFormat="1" ht="21" customHeight="1" x14ac:dyDescent="0.2">
      <c r="B11" s="106" t="s">
        <v>7</v>
      </c>
      <c r="C11" s="96">
        <v>1065</v>
      </c>
      <c r="D11" s="97">
        <v>820</v>
      </c>
      <c r="E11" s="98">
        <v>1885</v>
      </c>
      <c r="F11" s="413">
        <v>0</v>
      </c>
      <c r="G11" s="97">
        <v>2414</v>
      </c>
      <c r="H11" s="97">
        <v>1512</v>
      </c>
      <c r="I11" s="97">
        <v>919</v>
      </c>
      <c r="J11" s="97">
        <v>862</v>
      </c>
      <c r="K11" s="97">
        <v>495</v>
      </c>
      <c r="L11" s="99">
        <v>6202</v>
      </c>
      <c r="M11" s="100">
        <v>8087</v>
      </c>
      <c r="N11" s="101">
        <v>47</v>
      </c>
      <c r="O11" s="102">
        <v>23</v>
      </c>
      <c r="P11" s="103">
        <v>70</v>
      </c>
      <c r="Q11" s="413">
        <v>0</v>
      </c>
      <c r="R11" s="102">
        <v>99</v>
      </c>
      <c r="S11" s="102">
        <v>67</v>
      </c>
      <c r="T11" s="102">
        <v>33</v>
      </c>
      <c r="U11" s="102">
        <v>38</v>
      </c>
      <c r="V11" s="102">
        <v>33</v>
      </c>
      <c r="W11" s="103">
        <v>270</v>
      </c>
      <c r="X11" s="104">
        <v>340</v>
      </c>
      <c r="Y11" s="101">
        <v>64</v>
      </c>
      <c r="Z11" s="102">
        <v>78</v>
      </c>
      <c r="AA11" s="103">
        <v>142</v>
      </c>
      <c r="AB11" s="413">
        <v>0</v>
      </c>
      <c r="AC11" s="102">
        <v>214</v>
      </c>
      <c r="AD11" s="102">
        <v>145</v>
      </c>
      <c r="AE11" s="102">
        <v>76</v>
      </c>
      <c r="AF11" s="102">
        <v>84</v>
      </c>
      <c r="AG11" s="102">
        <v>61</v>
      </c>
      <c r="AH11" s="103">
        <v>580</v>
      </c>
      <c r="AI11" s="104">
        <v>722</v>
      </c>
      <c r="AJ11" s="101">
        <v>151</v>
      </c>
      <c r="AK11" s="102">
        <v>126</v>
      </c>
      <c r="AL11" s="103">
        <v>277</v>
      </c>
      <c r="AM11" s="413">
        <v>0</v>
      </c>
      <c r="AN11" s="102">
        <v>392</v>
      </c>
      <c r="AO11" s="102">
        <v>235</v>
      </c>
      <c r="AP11" s="102">
        <v>149</v>
      </c>
      <c r="AQ11" s="102">
        <v>150</v>
      </c>
      <c r="AR11" s="102">
        <v>98</v>
      </c>
      <c r="AS11" s="103">
        <v>1024</v>
      </c>
      <c r="AT11" s="104">
        <v>1301</v>
      </c>
      <c r="AU11" s="101">
        <v>315</v>
      </c>
      <c r="AV11" s="102">
        <v>222</v>
      </c>
      <c r="AW11" s="103">
        <v>537</v>
      </c>
      <c r="AX11" s="413">
        <v>0</v>
      </c>
      <c r="AY11" s="102">
        <v>628</v>
      </c>
      <c r="AZ11" s="102">
        <v>374</v>
      </c>
      <c r="BA11" s="102">
        <v>227</v>
      </c>
      <c r="BB11" s="102">
        <v>207</v>
      </c>
      <c r="BC11" s="102">
        <v>123</v>
      </c>
      <c r="BD11" s="103">
        <v>1559</v>
      </c>
      <c r="BE11" s="104">
        <v>2096</v>
      </c>
      <c r="BF11" s="101">
        <v>302</v>
      </c>
      <c r="BG11" s="102">
        <v>227</v>
      </c>
      <c r="BH11" s="103">
        <v>529</v>
      </c>
      <c r="BI11" s="413">
        <v>0</v>
      </c>
      <c r="BJ11" s="102">
        <v>629</v>
      </c>
      <c r="BK11" s="102">
        <v>375</v>
      </c>
      <c r="BL11" s="102">
        <v>242</v>
      </c>
      <c r="BM11" s="102">
        <v>218</v>
      </c>
      <c r="BN11" s="102">
        <v>95</v>
      </c>
      <c r="BO11" s="103">
        <v>1559</v>
      </c>
      <c r="BP11" s="104">
        <v>2088</v>
      </c>
      <c r="BQ11" s="101">
        <v>186</v>
      </c>
      <c r="BR11" s="102">
        <v>144</v>
      </c>
      <c r="BS11" s="103">
        <v>330</v>
      </c>
      <c r="BT11" s="413">
        <v>0</v>
      </c>
      <c r="BU11" s="102">
        <v>452</v>
      </c>
      <c r="BV11" s="102">
        <v>316</v>
      </c>
      <c r="BW11" s="102">
        <v>192</v>
      </c>
      <c r="BX11" s="102">
        <v>165</v>
      </c>
      <c r="BY11" s="102">
        <v>85</v>
      </c>
      <c r="BZ11" s="103">
        <v>1210</v>
      </c>
      <c r="CA11" s="104">
        <v>1540</v>
      </c>
      <c r="CB11" s="101">
        <v>17</v>
      </c>
      <c r="CC11" s="102">
        <v>24</v>
      </c>
      <c r="CD11" s="103">
        <v>41</v>
      </c>
      <c r="CE11" s="413">
        <v>0</v>
      </c>
      <c r="CF11" s="102">
        <v>76</v>
      </c>
      <c r="CG11" s="102">
        <v>55</v>
      </c>
      <c r="CH11" s="102">
        <v>36</v>
      </c>
      <c r="CI11" s="102">
        <v>30</v>
      </c>
      <c r="CJ11" s="102">
        <v>27</v>
      </c>
      <c r="CK11" s="103">
        <v>224</v>
      </c>
      <c r="CL11" s="104">
        <v>265</v>
      </c>
      <c r="CM11" s="101">
        <v>1082</v>
      </c>
      <c r="CN11" s="102">
        <v>844</v>
      </c>
      <c r="CO11" s="103">
        <v>1926</v>
      </c>
      <c r="CP11" s="413">
        <v>0</v>
      </c>
      <c r="CQ11" s="102">
        <v>2490</v>
      </c>
      <c r="CR11" s="102">
        <v>1567</v>
      </c>
      <c r="CS11" s="102">
        <v>955</v>
      </c>
      <c r="CT11" s="102">
        <v>892</v>
      </c>
      <c r="CU11" s="102">
        <v>522</v>
      </c>
      <c r="CV11" s="103">
        <v>6426</v>
      </c>
      <c r="CW11" s="104">
        <v>8352</v>
      </c>
      <c r="CX11" s="105">
        <v>2047</v>
      </c>
      <c r="CY11" s="97">
        <v>2203</v>
      </c>
      <c r="CZ11" s="98">
        <v>4250</v>
      </c>
      <c r="DA11" s="413">
        <v>0</v>
      </c>
      <c r="DB11" s="97">
        <v>4390</v>
      </c>
      <c r="DC11" s="97">
        <v>2614</v>
      </c>
      <c r="DD11" s="97">
        <v>2044</v>
      </c>
      <c r="DE11" s="97">
        <v>2054</v>
      </c>
      <c r="DF11" s="97">
        <v>1191</v>
      </c>
      <c r="DG11" s="99">
        <v>12293</v>
      </c>
      <c r="DH11" s="100">
        <v>16543</v>
      </c>
      <c r="DI11" s="101">
        <v>35</v>
      </c>
      <c r="DJ11" s="102">
        <v>34</v>
      </c>
      <c r="DK11" s="103">
        <v>69</v>
      </c>
      <c r="DL11" s="413">
        <v>0</v>
      </c>
      <c r="DM11" s="102">
        <v>85</v>
      </c>
      <c r="DN11" s="102">
        <v>53</v>
      </c>
      <c r="DO11" s="102">
        <v>37</v>
      </c>
      <c r="DP11" s="102">
        <v>26</v>
      </c>
      <c r="DQ11" s="102">
        <v>39</v>
      </c>
      <c r="DR11" s="103">
        <v>240</v>
      </c>
      <c r="DS11" s="104">
        <v>309</v>
      </c>
      <c r="DT11" s="101">
        <v>117</v>
      </c>
      <c r="DU11" s="102">
        <v>101</v>
      </c>
      <c r="DV11" s="103">
        <v>218</v>
      </c>
      <c r="DW11" s="413">
        <v>0</v>
      </c>
      <c r="DX11" s="102">
        <v>208</v>
      </c>
      <c r="DY11" s="102">
        <v>115</v>
      </c>
      <c r="DZ11" s="102">
        <v>71</v>
      </c>
      <c r="EA11" s="102">
        <v>89</v>
      </c>
      <c r="EB11" s="102">
        <v>51</v>
      </c>
      <c r="EC11" s="103">
        <v>534</v>
      </c>
      <c r="ED11" s="104">
        <v>752</v>
      </c>
      <c r="EE11" s="101">
        <v>319</v>
      </c>
      <c r="EF11" s="102">
        <v>310</v>
      </c>
      <c r="EG11" s="103">
        <v>629</v>
      </c>
      <c r="EH11" s="413">
        <v>0</v>
      </c>
      <c r="EI11" s="102">
        <v>499</v>
      </c>
      <c r="EJ11" s="102">
        <v>278</v>
      </c>
      <c r="EK11" s="102">
        <v>179</v>
      </c>
      <c r="EL11" s="102">
        <v>191</v>
      </c>
      <c r="EM11" s="102">
        <v>130</v>
      </c>
      <c r="EN11" s="103">
        <v>1277</v>
      </c>
      <c r="EO11" s="104">
        <v>1906</v>
      </c>
      <c r="EP11" s="101">
        <v>613</v>
      </c>
      <c r="EQ11" s="102">
        <v>648</v>
      </c>
      <c r="ER11" s="103">
        <v>1261</v>
      </c>
      <c r="ES11" s="413">
        <v>0</v>
      </c>
      <c r="ET11" s="102">
        <v>1044</v>
      </c>
      <c r="EU11" s="102">
        <v>589</v>
      </c>
      <c r="EV11" s="102">
        <v>380</v>
      </c>
      <c r="EW11" s="102">
        <v>379</v>
      </c>
      <c r="EX11" s="102">
        <v>234</v>
      </c>
      <c r="EY11" s="103">
        <v>2626</v>
      </c>
      <c r="EZ11" s="104">
        <v>3887</v>
      </c>
      <c r="FA11" s="101">
        <v>623</v>
      </c>
      <c r="FB11" s="102">
        <v>671</v>
      </c>
      <c r="FC11" s="103">
        <v>1294</v>
      </c>
      <c r="FD11" s="413">
        <v>0</v>
      </c>
      <c r="FE11" s="102">
        <v>1289</v>
      </c>
      <c r="FF11" s="102">
        <v>712</v>
      </c>
      <c r="FG11" s="102">
        <v>538</v>
      </c>
      <c r="FH11" s="102">
        <v>499</v>
      </c>
      <c r="FI11" s="102">
        <v>286</v>
      </c>
      <c r="FJ11" s="103">
        <v>3324</v>
      </c>
      <c r="FK11" s="104">
        <v>4618</v>
      </c>
      <c r="FL11" s="101">
        <v>340</v>
      </c>
      <c r="FM11" s="102">
        <v>439</v>
      </c>
      <c r="FN11" s="103">
        <v>779</v>
      </c>
      <c r="FO11" s="413">
        <v>0</v>
      </c>
      <c r="FP11" s="102">
        <v>1265</v>
      </c>
      <c r="FQ11" s="102">
        <v>867</v>
      </c>
      <c r="FR11" s="102">
        <v>839</v>
      </c>
      <c r="FS11" s="102">
        <v>870</v>
      </c>
      <c r="FT11" s="102">
        <v>451</v>
      </c>
      <c r="FU11" s="103">
        <v>4292</v>
      </c>
      <c r="FV11" s="104">
        <v>5071</v>
      </c>
      <c r="FW11" s="101">
        <v>11</v>
      </c>
      <c r="FX11" s="102">
        <v>24</v>
      </c>
      <c r="FY11" s="103">
        <v>35</v>
      </c>
      <c r="FZ11" s="413">
        <v>0</v>
      </c>
      <c r="GA11" s="102">
        <v>62</v>
      </c>
      <c r="GB11" s="102">
        <v>46</v>
      </c>
      <c r="GC11" s="102">
        <v>31</v>
      </c>
      <c r="GD11" s="102">
        <v>34</v>
      </c>
      <c r="GE11" s="102">
        <v>19</v>
      </c>
      <c r="GF11" s="103">
        <v>192</v>
      </c>
      <c r="GG11" s="104">
        <v>227</v>
      </c>
      <c r="GH11" s="101">
        <v>2058</v>
      </c>
      <c r="GI11" s="102">
        <v>2227</v>
      </c>
      <c r="GJ11" s="103">
        <v>4285</v>
      </c>
      <c r="GK11" s="413">
        <v>0</v>
      </c>
      <c r="GL11" s="102">
        <v>4452</v>
      </c>
      <c r="GM11" s="102">
        <v>2660</v>
      </c>
      <c r="GN11" s="102">
        <v>2075</v>
      </c>
      <c r="GO11" s="102">
        <v>2088</v>
      </c>
      <c r="GP11" s="102">
        <v>1210</v>
      </c>
      <c r="GQ11" s="103">
        <v>12485</v>
      </c>
      <c r="GR11" s="104">
        <v>16770</v>
      </c>
      <c r="GS11" s="105">
        <v>3112</v>
      </c>
      <c r="GT11" s="97">
        <v>3023</v>
      </c>
      <c r="GU11" s="98">
        <v>6135</v>
      </c>
      <c r="GV11" s="413">
        <v>0</v>
      </c>
      <c r="GW11" s="97">
        <v>6804</v>
      </c>
      <c r="GX11" s="97">
        <v>4126</v>
      </c>
      <c r="GY11" s="97">
        <v>2963</v>
      </c>
      <c r="GZ11" s="97">
        <v>2916</v>
      </c>
      <c r="HA11" s="97">
        <v>1686</v>
      </c>
      <c r="HB11" s="99">
        <v>18495</v>
      </c>
      <c r="HC11" s="100">
        <v>24630</v>
      </c>
      <c r="HD11" s="101">
        <v>82</v>
      </c>
      <c r="HE11" s="102">
        <v>57</v>
      </c>
      <c r="HF11" s="103">
        <v>139</v>
      </c>
      <c r="HG11" s="416">
        <v>0</v>
      </c>
      <c r="HH11" s="102">
        <v>184</v>
      </c>
      <c r="HI11" s="102">
        <v>120</v>
      </c>
      <c r="HJ11" s="102">
        <v>70</v>
      </c>
      <c r="HK11" s="102">
        <v>64</v>
      </c>
      <c r="HL11" s="102">
        <v>72</v>
      </c>
      <c r="HM11" s="103">
        <v>510</v>
      </c>
      <c r="HN11" s="104">
        <v>649</v>
      </c>
      <c r="HO11" s="101">
        <v>181</v>
      </c>
      <c r="HP11" s="102">
        <v>179</v>
      </c>
      <c r="HQ11" s="103">
        <v>360</v>
      </c>
      <c r="HR11" s="413">
        <v>0</v>
      </c>
      <c r="HS11" s="102">
        <v>422</v>
      </c>
      <c r="HT11" s="102">
        <v>260</v>
      </c>
      <c r="HU11" s="102">
        <v>147</v>
      </c>
      <c r="HV11" s="102">
        <v>173</v>
      </c>
      <c r="HW11" s="102">
        <v>112</v>
      </c>
      <c r="HX11" s="103">
        <v>1114</v>
      </c>
      <c r="HY11" s="104">
        <v>1474</v>
      </c>
      <c r="HZ11" s="101">
        <v>470</v>
      </c>
      <c r="IA11" s="102">
        <v>436</v>
      </c>
      <c r="IB11" s="103">
        <v>906</v>
      </c>
      <c r="IC11" s="413">
        <v>0</v>
      </c>
      <c r="ID11" s="102">
        <v>891</v>
      </c>
      <c r="IE11" s="102">
        <v>513</v>
      </c>
      <c r="IF11" s="102">
        <v>328</v>
      </c>
      <c r="IG11" s="102">
        <v>341</v>
      </c>
      <c r="IH11" s="102">
        <v>228</v>
      </c>
      <c r="II11" s="103">
        <v>2301</v>
      </c>
      <c r="IJ11" s="104">
        <v>3207</v>
      </c>
      <c r="IK11" s="101">
        <v>928</v>
      </c>
      <c r="IL11" s="102">
        <v>870</v>
      </c>
      <c r="IM11" s="103">
        <v>1798</v>
      </c>
      <c r="IN11" s="413">
        <v>0</v>
      </c>
      <c r="IO11" s="102">
        <v>1672</v>
      </c>
      <c r="IP11" s="102">
        <v>963</v>
      </c>
      <c r="IQ11" s="102">
        <v>607</v>
      </c>
      <c r="IR11" s="102">
        <v>586</v>
      </c>
      <c r="IS11" s="102">
        <v>357</v>
      </c>
      <c r="IT11" s="103">
        <v>4185</v>
      </c>
      <c r="IU11" s="104">
        <v>5983</v>
      </c>
      <c r="IV11" s="101">
        <v>925</v>
      </c>
      <c r="IW11" s="102">
        <v>898</v>
      </c>
      <c r="IX11" s="103">
        <v>1823</v>
      </c>
      <c r="IY11" s="413">
        <v>0</v>
      </c>
      <c r="IZ11" s="102">
        <v>1918</v>
      </c>
      <c r="JA11" s="102">
        <v>1087</v>
      </c>
      <c r="JB11" s="102">
        <v>780</v>
      </c>
      <c r="JC11" s="102">
        <v>717</v>
      </c>
      <c r="JD11" s="102">
        <v>381</v>
      </c>
      <c r="JE11" s="103">
        <v>4883</v>
      </c>
      <c r="JF11" s="104">
        <v>6706</v>
      </c>
      <c r="JG11" s="101">
        <v>526</v>
      </c>
      <c r="JH11" s="102">
        <v>583</v>
      </c>
      <c r="JI11" s="103">
        <v>1109</v>
      </c>
      <c r="JJ11" s="413">
        <v>0</v>
      </c>
      <c r="JK11" s="102">
        <v>1717</v>
      </c>
      <c r="JL11" s="102">
        <v>1183</v>
      </c>
      <c r="JM11" s="102">
        <v>1031</v>
      </c>
      <c r="JN11" s="102">
        <v>1035</v>
      </c>
      <c r="JO11" s="102">
        <v>536</v>
      </c>
      <c r="JP11" s="103">
        <v>5502</v>
      </c>
      <c r="JQ11" s="104">
        <v>6611</v>
      </c>
      <c r="JR11" s="101">
        <v>28</v>
      </c>
      <c r="JS11" s="102">
        <v>48</v>
      </c>
      <c r="JT11" s="103">
        <v>76</v>
      </c>
      <c r="JU11" s="413">
        <v>0</v>
      </c>
      <c r="JV11" s="102">
        <v>138</v>
      </c>
      <c r="JW11" s="102">
        <v>101</v>
      </c>
      <c r="JX11" s="102">
        <v>67</v>
      </c>
      <c r="JY11" s="102">
        <v>64</v>
      </c>
      <c r="JZ11" s="102">
        <v>46</v>
      </c>
      <c r="KA11" s="103">
        <v>416</v>
      </c>
      <c r="KB11" s="104">
        <v>492</v>
      </c>
      <c r="KC11" s="101">
        <v>3140</v>
      </c>
      <c r="KD11" s="102">
        <v>3071</v>
      </c>
      <c r="KE11" s="103">
        <v>6211</v>
      </c>
      <c r="KF11" s="413">
        <v>0</v>
      </c>
      <c r="KG11" s="102">
        <v>6942</v>
      </c>
      <c r="KH11" s="102">
        <v>4227</v>
      </c>
      <c r="KI11" s="102">
        <v>3030</v>
      </c>
      <c r="KJ11" s="102">
        <v>2980</v>
      </c>
      <c r="KK11" s="102">
        <v>1732</v>
      </c>
      <c r="KL11" s="103">
        <v>18911</v>
      </c>
      <c r="KM11" s="104">
        <v>25122</v>
      </c>
    </row>
    <row r="12" spans="2:299" s="70" customFormat="1" ht="21" customHeight="1" x14ac:dyDescent="0.2">
      <c r="B12" s="106" t="s">
        <v>8</v>
      </c>
      <c r="C12" s="96">
        <v>548</v>
      </c>
      <c r="D12" s="97">
        <v>389</v>
      </c>
      <c r="E12" s="98">
        <v>937</v>
      </c>
      <c r="F12" s="413">
        <v>0</v>
      </c>
      <c r="G12" s="97">
        <v>1031</v>
      </c>
      <c r="H12" s="97">
        <v>953</v>
      </c>
      <c r="I12" s="97">
        <v>653</v>
      </c>
      <c r="J12" s="97">
        <v>525</v>
      </c>
      <c r="K12" s="97">
        <v>295</v>
      </c>
      <c r="L12" s="99">
        <v>3457</v>
      </c>
      <c r="M12" s="100">
        <v>4394</v>
      </c>
      <c r="N12" s="101">
        <v>15</v>
      </c>
      <c r="O12" s="102">
        <v>25</v>
      </c>
      <c r="P12" s="103">
        <v>40</v>
      </c>
      <c r="Q12" s="413">
        <v>0</v>
      </c>
      <c r="R12" s="102">
        <v>43</v>
      </c>
      <c r="S12" s="102">
        <v>52</v>
      </c>
      <c r="T12" s="102">
        <v>32</v>
      </c>
      <c r="U12" s="102">
        <v>30</v>
      </c>
      <c r="V12" s="102">
        <v>25</v>
      </c>
      <c r="W12" s="103">
        <v>182</v>
      </c>
      <c r="X12" s="104">
        <v>222</v>
      </c>
      <c r="Y12" s="101">
        <v>50</v>
      </c>
      <c r="Z12" s="102">
        <v>43</v>
      </c>
      <c r="AA12" s="103">
        <v>93</v>
      </c>
      <c r="AB12" s="413">
        <v>0</v>
      </c>
      <c r="AC12" s="102">
        <v>96</v>
      </c>
      <c r="AD12" s="102">
        <v>93</v>
      </c>
      <c r="AE12" s="102">
        <v>60</v>
      </c>
      <c r="AF12" s="102">
        <v>63</v>
      </c>
      <c r="AG12" s="102">
        <v>45</v>
      </c>
      <c r="AH12" s="103">
        <v>357</v>
      </c>
      <c r="AI12" s="104">
        <v>450</v>
      </c>
      <c r="AJ12" s="101">
        <v>105</v>
      </c>
      <c r="AK12" s="102">
        <v>65</v>
      </c>
      <c r="AL12" s="103">
        <v>170</v>
      </c>
      <c r="AM12" s="413">
        <v>0</v>
      </c>
      <c r="AN12" s="102">
        <v>185</v>
      </c>
      <c r="AO12" s="102">
        <v>178</v>
      </c>
      <c r="AP12" s="102">
        <v>110</v>
      </c>
      <c r="AQ12" s="102">
        <v>88</v>
      </c>
      <c r="AR12" s="102">
        <v>48</v>
      </c>
      <c r="AS12" s="103">
        <v>609</v>
      </c>
      <c r="AT12" s="104">
        <v>779</v>
      </c>
      <c r="AU12" s="101">
        <v>150</v>
      </c>
      <c r="AV12" s="102">
        <v>96</v>
      </c>
      <c r="AW12" s="103">
        <v>246</v>
      </c>
      <c r="AX12" s="413">
        <v>0</v>
      </c>
      <c r="AY12" s="102">
        <v>285</v>
      </c>
      <c r="AZ12" s="102">
        <v>257</v>
      </c>
      <c r="BA12" s="102">
        <v>139</v>
      </c>
      <c r="BB12" s="102">
        <v>126</v>
      </c>
      <c r="BC12" s="102">
        <v>68</v>
      </c>
      <c r="BD12" s="103">
        <v>875</v>
      </c>
      <c r="BE12" s="104">
        <v>1121</v>
      </c>
      <c r="BF12" s="101">
        <v>143</v>
      </c>
      <c r="BG12" s="102">
        <v>96</v>
      </c>
      <c r="BH12" s="103">
        <v>239</v>
      </c>
      <c r="BI12" s="413">
        <v>0</v>
      </c>
      <c r="BJ12" s="102">
        <v>249</v>
      </c>
      <c r="BK12" s="102">
        <v>211</v>
      </c>
      <c r="BL12" s="102">
        <v>176</v>
      </c>
      <c r="BM12" s="102">
        <v>111</v>
      </c>
      <c r="BN12" s="102">
        <v>65</v>
      </c>
      <c r="BO12" s="103">
        <v>812</v>
      </c>
      <c r="BP12" s="104">
        <v>1051</v>
      </c>
      <c r="BQ12" s="101">
        <v>85</v>
      </c>
      <c r="BR12" s="102">
        <v>64</v>
      </c>
      <c r="BS12" s="103">
        <v>149</v>
      </c>
      <c r="BT12" s="413">
        <v>0</v>
      </c>
      <c r="BU12" s="102">
        <v>173</v>
      </c>
      <c r="BV12" s="102">
        <v>162</v>
      </c>
      <c r="BW12" s="102">
        <v>136</v>
      </c>
      <c r="BX12" s="102">
        <v>107</v>
      </c>
      <c r="BY12" s="102">
        <v>44</v>
      </c>
      <c r="BZ12" s="103">
        <v>622</v>
      </c>
      <c r="CA12" s="104">
        <v>771</v>
      </c>
      <c r="CB12" s="101">
        <v>14</v>
      </c>
      <c r="CC12" s="102">
        <v>19</v>
      </c>
      <c r="CD12" s="103">
        <v>33</v>
      </c>
      <c r="CE12" s="413">
        <v>0</v>
      </c>
      <c r="CF12" s="102">
        <v>32</v>
      </c>
      <c r="CG12" s="102">
        <v>50</v>
      </c>
      <c r="CH12" s="102">
        <v>27</v>
      </c>
      <c r="CI12" s="102">
        <v>19</v>
      </c>
      <c r="CJ12" s="102">
        <v>19</v>
      </c>
      <c r="CK12" s="103">
        <v>147</v>
      </c>
      <c r="CL12" s="104">
        <v>180</v>
      </c>
      <c r="CM12" s="101">
        <v>562</v>
      </c>
      <c r="CN12" s="102">
        <v>408</v>
      </c>
      <c r="CO12" s="103">
        <v>970</v>
      </c>
      <c r="CP12" s="413">
        <v>0</v>
      </c>
      <c r="CQ12" s="102">
        <v>1063</v>
      </c>
      <c r="CR12" s="102">
        <v>1003</v>
      </c>
      <c r="CS12" s="102">
        <v>680</v>
      </c>
      <c r="CT12" s="102">
        <v>544</v>
      </c>
      <c r="CU12" s="102">
        <v>314</v>
      </c>
      <c r="CV12" s="103">
        <v>3604</v>
      </c>
      <c r="CW12" s="104">
        <v>4574</v>
      </c>
      <c r="CX12" s="105">
        <v>1202</v>
      </c>
      <c r="CY12" s="97">
        <v>1014</v>
      </c>
      <c r="CZ12" s="98">
        <v>2216</v>
      </c>
      <c r="DA12" s="413">
        <v>0</v>
      </c>
      <c r="DB12" s="97">
        <v>1847</v>
      </c>
      <c r="DC12" s="97">
        <v>1632</v>
      </c>
      <c r="DD12" s="97">
        <v>1333</v>
      </c>
      <c r="DE12" s="97">
        <v>1139</v>
      </c>
      <c r="DF12" s="97">
        <v>722</v>
      </c>
      <c r="DG12" s="99">
        <v>6673</v>
      </c>
      <c r="DH12" s="100">
        <v>8889</v>
      </c>
      <c r="DI12" s="101">
        <v>29</v>
      </c>
      <c r="DJ12" s="102">
        <v>26</v>
      </c>
      <c r="DK12" s="103">
        <v>55</v>
      </c>
      <c r="DL12" s="413">
        <v>0</v>
      </c>
      <c r="DM12" s="102">
        <v>39</v>
      </c>
      <c r="DN12" s="102">
        <v>38</v>
      </c>
      <c r="DO12" s="102">
        <v>14</v>
      </c>
      <c r="DP12" s="102">
        <v>27</v>
      </c>
      <c r="DQ12" s="102">
        <v>17</v>
      </c>
      <c r="DR12" s="103">
        <v>135</v>
      </c>
      <c r="DS12" s="104">
        <v>190</v>
      </c>
      <c r="DT12" s="101">
        <v>74</v>
      </c>
      <c r="DU12" s="102">
        <v>58</v>
      </c>
      <c r="DV12" s="103">
        <v>132</v>
      </c>
      <c r="DW12" s="413">
        <v>0</v>
      </c>
      <c r="DX12" s="102">
        <v>99</v>
      </c>
      <c r="DY12" s="102">
        <v>87</v>
      </c>
      <c r="DZ12" s="102">
        <v>49</v>
      </c>
      <c r="EA12" s="102">
        <v>60</v>
      </c>
      <c r="EB12" s="102">
        <v>43</v>
      </c>
      <c r="EC12" s="103">
        <v>338</v>
      </c>
      <c r="ED12" s="104">
        <v>470</v>
      </c>
      <c r="EE12" s="101">
        <v>166</v>
      </c>
      <c r="EF12" s="102">
        <v>152</v>
      </c>
      <c r="EG12" s="103">
        <v>318</v>
      </c>
      <c r="EH12" s="413">
        <v>0</v>
      </c>
      <c r="EI12" s="102">
        <v>224</v>
      </c>
      <c r="EJ12" s="102">
        <v>158</v>
      </c>
      <c r="EK12" s="102">
        <v>132</v>
      </c>
      <c r="EL12" s="102">
        <v>99</v>
      </c>
      <c r="EM12" s="102">
        <v>67</v>
      </c>
      <c r="EN12" s="103">
        <v>680</v>
      </c>
      <c r="EO12" s="104">
        <v>998</v>
      </c>
      <c r="EP12" s="101">
        <v>392</v>
      </c>
      <c r="EQ12" s="102">
        <v>292</v>
      </c>
      <c r="ER12" s="103">
        <v>684</v>
      </c>
      <c r="ES12" s="413">
        <v>0</v>
      </c>
      <c r="ET12" s="102">
        <v>493</v>
      </c>
      <c r="EU12" s="102">
        <v>344</v>
      </c>
      <c r="EV12" s="102">
        <v>250</v>
      </c>
      <c r="EW12" s="102">
        <v>221</v>
      </c>
      <c r="EX12" s="102">
        <v>143</v>
      </c>
      <c r="EY12" s="103">
        <v>1451</v>
      </c>
      <c r="EZ12" s="104">
        <v>2135</v>
      </c>
      <c r="FA12" s="101">
        <v>359</v>
      </c>
      <c r="FB12" s="102">
        <v>278</v>
      </c>
      <c r="FC12" s="103">
        <v>637</v>
      </c>
      <c r="FD12" s="413">
        <v>0</v>
      </c>
      <c r="FE12" s="102">
        <v>534</v>
      </c>
      <c r="FF12" s="102">
        <v>461</v>
      </c>
      <c r="FG12" s="102">
        <v>366</v>
      </c>
      <c r="FH12" s="102">
        <v>276</v>
      </c>
      <c r="FI12" s="102">
        <v>178</v>
      </c>
      <c r="FJ12" s="103">
        <v>1815</v>
      </c>
      <c r="FK12" s="104">
        <v>2452</v>
      </c>
      <c r="FL12" s="101">
        <v>182</v>
      </c>
      <c r="FM12" s="102">
        <v>208</v>
      </c>
      <c r="FN12" s="103">
        <v>390</v>
      </c>
      <c r="FO12" s="413">
        <v>0</v>
      </c>
      <c r="FP12" s="102">
        <v>458</v>
      </c>
      <c r="FQ12" s="102">
        <v>544</v>
      </c>
      <c r="FR12" s="102">
        <v>522</v>
      </c>
      <c r="FS12" s="102">
        <v>456</v>
      </c>
      <c r="FT12" s="102">
        <v>274</v>
      </c>
      <c r="FU12" s="103">
        <v>2254</v>
      </c>
      <c r="FV12" s="104">
        <v>2644</v>
      </c>
      <c r="FW12" s="101">
        <v>8</v>
      </c>
      <c r="FX12" s="102">
        <v>17</v>
      </c>
      <c r="FY12" s="103">
        <v>25</v>
      </c>
      <c r="FZ12" s="413">
        <v>0</v>
      </c>
      <c r="GA12" s="102">
        <v>28</v>
      </c>
      <c r="GB12" s="102">
        <v>36</v>
      </c>
      <c r="GC12" s="102">
        <v>20</v>
      </c>
      <c r="GD12" s="102">
        <v>15</v>
      </c>
      <c r="GE12" s="102">
        <v>14</v>
      </c>
      <c r="GF12" s="103">
        <v>113</v>
      </c>
      <c r="GG12" s="104">
        <v>138</v>
      </c>
      <c r="GH12" s="101">
        <v>1210</v>
      </c>
      <c r="GI12" s="102">
        <v>1031</v>
      </c>
      <c r="GJ12" s="103">
        <v>2241</v>
      </c>
      <c r="GK12" s="413">
        <v>0</v>
      </c>
      <c r="GL12" s="102">
        <v>1875</v>
      </c>
      <c r="GM12" s="102">
        <v>1668</v>
      </c>
      <c r="GN12" s="102">
        <v>1353</v>
      </c>
      <c r="GO12" s="102">
        <v>1154</v>
      </c>
      <c r="GP12" s="102">
        <v>736</v>
      </c>
      <c r="GQ12" s="103">
        <v>6786</v>
      </c>
      <c r="GR12" s="104">
        <v>9027</v>
      </c>
      <c r="GS12" s="105">
        <v>1750</v>
      </c>
      <c r="GT12" s="97">
        <v>1403</v>
      </c>
      <c r="GU12" s="98">
        <v>3153</v>
      </c>
      <c r="GV12" s="413">
        <v>0</v>
      </c>
      <c r="GW12" s="97">
        <v>2878</v>
      </c>
      <c r="GX12" s="97">
        <v>2585</v>
      </c>
      <c r="GY12" s="97">
        <v>1986</v>
      </c>
      <c r="GZ12" s="97">
        <v>1664</v>
      </c>
      <c r="HA12" s="97">
        <v>1017</v>
      </c>
      <c r="HB12" s="99">
        <v>10130</v>
      </c>
      <c r="HC12" s="100">
        <v>13283</v>
      </c>
      <c r="HD12" s="101">
        <v>44</v>
      </c>
      <c r="HE12" s="102">
        <v>51</v>
      </c>
      <c r="HF12" s="103">
        <v>95</v>
      </c>
      <c r="HG12" s="416">
        <v>0</v>
      </c>
      <c r="HH12" s="102">
        <v>82</v>
      </c>
      <c r="HI12" s="102">
        <v>90</v>
      </c>
      <c r="HJ12" s="102">
        <v>46</v>
      </c>
      <c r="HK12" s="102">
        <v>57</v>
      </c>
      <c r="HL12" s="102">
        <v>42</v>
      </c>
      <c r="HM12" s="103">
        <v>317</v>
      </c>
      <c r="HN12" s="104">
        <v>412</v>
      </c>
      <c r="HO12" s="101">
        <v>124</v>
      </c>
      <c r="HP12" s="102">
        <v>101</v>
      </c>
      <c r="HQ12" s="103">
        <v>225</v>
      </c>
      <c r="HR12" s="413">
        <v>0</v>
      </c>
      <c r="HS12" s="102">
        <v>195</v>
      </c>
      <c r="HT12" s="102">
        <v>180</v>
      </c>
      <c r="HU12" s="102">
        <v>109</v>
      </c>
      <c r="HV12" s="102">
        <v>123</v>
      </c>
      <c r="HW12" s="102">
        <v>88</v>
      </c>
      <c r="HX12" s="103">
        <v>695</v>
      </c>
      <c r="HY12" s="104">
        <v>920</v>
      </c>
      <c r="HZ12" s="101">
        <v>271</v>
      </c>
      <c r="IA12" s="102">
        <v>217</v>
      </c>
      <c r="IB12" s="103">
        <v>488</v>
      </c>
      <c r="IC12" s="413">
        <v>0</v>
      </c>
      <c r="ID12" s="102">
        <v>409</v>
      </c>
      <c r="IE12" s="102">
        <v>336</v>
      </c>
      <c r="IF12" s="102">
        <v>242</v>
      </c>
      <c r="IG12" s="102">
        <v>187</v>
      </c>
      <c r="IH12" s="102">
        <v>115</v>
      </c>
      <c r="II12" s="103">
        <v>1289</v>
      </c>
      <c r="IJ12" s="104">
        <v>1777</v>
      </c>
      <c r="IK12" s="101">
        <v>542</v>
      </c>
      <c r="IL12" s="102">
        <v>388</v>
      </c>
      <c r="IM12" s="103">
        <v>930</v>
      </c>
      <c r="IN12" s="413">
        <v>0</v>
      </c>
      <c r="IO12" s="102">
        <v>778</v>
      </c>
      <c r="IP12" s="102">
        <v>601</v>
      </c>
      <c r="IQ12" s="102">
        <v>389</v>
      </c>
      <c r="IR12" s="102">
        <v>347</v>
      </c>
      <c r="IS12" s="102">
        <v>211</v>
      </c>
      <c r="IT12" s="103">
        <v>2326</v>
      </c>
      <c r="IU12" s="104">
        <v>3256</v>
      </c>
      <c r="IV12" s="101">
        <v>502</v>
      </c>
      <c r="IW12" s="102">
        <v>374</v>
      </c>
      <c r="IX12" s="103">
        <v>876</v>
      </c>
      <c r="IY12" s="413">
        <v>0</v>
      </c>
      <c r="IZ12" s="102">
        <v>783</v>
      </c>
      <c r="JA12" s="102">
        <v>672</v>
      </c>
      <c r="JB12" s="102">
        <v>542</v>
      </c>
      <c r="JC12" s="102">
        <v>387</v>
      </c>
      <c r="JD12" s="102">
        <v>243</v>
      </c>
      <c r="JE12" s="103">
        <v>2627</v>
      </c>
      <c r="JF12" s="104">
        <v>3503</v>
      </c>
      <c r="JG12" s="101">
        <v>267</v>
      </c>
      <c r="JH12" s="102">
        <v>272</v>
      </c>
      <c r="JI12" s="103">
        <v>539</v>
      </c>
      <c r="JJ12" s="413">
        <v>0</v>
      </c>
      <c r="JK12" s="102">
        <v>631</v>
      </c>
      <c r="JL12" s="102">
        <v>706</v>
      </c>
      <c r="JM12" s="102">
        <v>658</v>
      </c>
      <c r="JN12" s="102">
        <v>563</v>
      </c>
      <c r="JO12" s="102">
        <v>318</v>
      </c>
      <c r="JP12" s="103">
        <v>2876</v>
      </c>
      <c r="JQ12" s="104">
        <v>3415</v>
      </c>
      <c r="JR12" s="101">
        <v>22</v>
      </c>
      <c r="JS12" s="102">
        <v>36</v>
      </c>
      <c r="JT12" s="103">
        <v>58</v>
      </c>
      <c r="JU12" s="413">
        <v>0</v>
      </c>
      <c r="JV12" s="102">
        <v>60</v>
      </c>
      <c r="JW12" s="102">
        <v>86</v>
      </c>
      <c r="JX12" s="102">
        <v>47</v>
      </c>
      <c r="JY12" s="102">
        <v>34</v>
      </c>
      <c r="JZ12" s="102">
        <v>33</v>
      </c>
      <c r="KA12" s="103">
        <v>260</v>
      </c>
      <c r="KB12" s="104">
        <v>318</v>
      </c>
      <c r="KC12" s="101">
        <v>1772</v>
      </c>
      <c r="KD12" s="102">
        <v>1439</v>
      </c>
      <c r="KE12" s="103">
        <v>3211</v>
      </c>
      <c r="KF12" s="413">
        <v>0</v>
      </c>
      <c r="KG12" s="102">
        <v>2938</v>
      </c>
      <c r="KH12" s="102">
        <v>2671</v>
      </c>
      <c r="KI12" s="102">
        <v>2033</v>
      </c>
      <c r="KJ12" s="102">
        <v>1698</v>
      </c>
      <c r="KK12" s="102">
        <v>1050</v>
      </c>
      <c r="KL12" s="103">
        <v>10390</v>
      </c>
      <c r="KM12" s="104">
        <v>13601</v>
      </c>
    </row>
    <row r="13" spans="2:299" s="70" customFormat="1" ht="21" customHeight="1" x14ac:dyDescent="0.2">
      <c r="B13" s="106" t="s">
        <v>9</v>
      </c>
      <c r="C13" s="96">
        <v>738</v>
      </c>
      <c r="D13" s="97">
        <v>404</v>
      </c>
      <c r="E13" s="98">
        <v>1142</v>
      </c>
      <c r="F13" s="413">
        <v>0</v>
      </c>
      <c r="G13" s="97">
        <v>887</v>
      </c>
      <c r="H13" s="97">
        <v>588</v>
      </c>
      <c r="I13" s="97">
        <v>486</v>
      </c>
      <c r="J13" s="97">
        <v>396</v>
      </c>
      <c r="K13" s="97">
        <v>235</v>
      </c>
      <c r="L13" s="99">
        <v>2592</v>
      </c>
      <c r="M13" s="100">
        <v>3734</v>
      </c>
      <c r="N13" s="101">
        <v>19</v>
      </c>
      <c r="O13" s="102">
        <v>14</v>
      </c>
      <c r="P13" s="103">
        <v>33</v>
      </c>
      <c r="Q13" s="413">
        <v>0</v>
      </c>
      <c r="R13" s="102">
        <v>25</v>
      </c>
      <c r="S13" s="102">
        <v>22</v>
      </c>
      <c r="T13" s="102">
        <v>13</v>
      </c>
      <c r="U13" s="102">
        <v>12</v>
      </c>
      <c r="V13" s="102">
        <v>13</v>
      </c>
      <c r="W13" s="103">
        <v>85</v>
      </c>
      <c r="X13" s="104">
        <v>118</v>
      </c>
      <c r="Y13" s="101">
        <v>41</v>
      </c>
      <c r="Z13" s="102">
        <v>27</v>
      </c>
      <c r="AA13" s="103">
        <v>68</v>
      </c>
      <c r="AB13" s="413">
        <v>0</v>
      </c>
      <c r="AC13" s="102">
        <v>51</v>
      </c>
      <c r="AD13" s="102">
        <v>40</v>
      </c>
      <c r="AE13" s="102">
        <v>25</v>
      </c>
      <c r="AF13" s="102">
        <v>28</v>
      </c>
      <c r="AG13" s="102">
        <v>20</v>
      </c>
      <c r="AH13" s="103">
        <v>164</v>
      </c>
      <c r="AI13" s="104">
        <v>232</v>
      </c>
      <c r="AJ13" s="101">
        <v>90</v>
      </c>
      <c r="AK13" s="102">
        <v>46</v>
      </c>
      <c r="AL13" s="103">
        <v>136</v>
      </c>
      <c r="AM13" s="413">
        <v>0</v>
      </c>
      <c r="AN13" s="102">
        <v>88</v>
      </c>
      <c r="AO13" s="102">
        <v>83</v>
      </c>
      <c r="AP13" s="102">
        <v>74</v>
      </c>
      <c r="AQ13" s="102">
        <v>60</v>
      </c>
      <c r="AR13" s="102">
        <v>27</v>
      </c>
      <c r="AS13" s="103">
        <v>332</v>
      </c>
      <c r="AT13" s="104">
        <v>468</v>
      </c>
      <c r="AU13" s="101">
        <v>177</v>
      </c>
      <c r="AV13" s="102">
        <v>104</v>
      </c>
      <c r="AW13" s="103">
        <v>281</v>
      </c>
      <c r="AX13" s="413">
        <v>0</v>
      </c>
      <c r="AY13" s="102">
        <v>214</v>
      </c>
      <c r="AZ13" s="102">
        <v>121</v>
      </c>
      <c r="BA13" s="102">
        <v>97</v>
      </c>
      <c r="BB13" s="102">
        <v>70</v>
      </c>
      <c r="BC13" s="102">
        <v>59</v>
      </c>
      <c r="BD13" s="103">
        <v>561</v>
      </c>
      <c r="BE13" s="104">
        <v>842</v>
      </c>
      <c r="BF13" s="101">
        <v>247</v>
      </c>
      <c r="BG13" s="102">
        <v>121</v>
      </c>
      <c r="BH13" s="103">
        <v>368</v>
      </c>
      <c r="BI13" s="413">
        <v>0</v>
      </c>
      <c r="BJ13" s="102">
        <v>265</v>
      </c>
      <c r="BK13" s="102">
        <v>142</v>
      </c>
      <c r="BL13" s="102">
        <v>133</v>
      </c>
      <c r="BM13" s="102">
        <v>80</v>
      </c>
      <c r="BN13" s="102">
        <v>61</v>
      </c>
      <c r="BO13" s="103">
        <v>681</v>
      </c>
      <c r="BP13" s="104">
        <v>1049</v>
      </c>
      <c r="BQ13" s="101">
        <v>164</v>
      </c>
      <c r="BR13" s="102">
        <v>92</v>
      </c>
      <c r="BS13" s="103">
        <v>256</v>
      </c>
      <c r="BT13" s="413">
        <v>0</v>
      </c>
      <c r="BU13" s="102">
        <v>244</v>
      </c>
      <c r="BV13" s="102">
        <v>180</v>
      </c>
      <c r="BW13" s="102">
        <v>144</v>
      </c>
      <c r="BX13" s="102">
        <v>146</v>
      </c>
      <c r="BY13" s="102">
        <v>55</v>
      </c>
      <c r="BZ13" s="103">
        <v>769</v>
      </c>
      <c r="CA13" s="104">
        <v>1025</v>
      </c>
      <c r="CB13" s="101">
        <v>4</v>
      </c>
      <c r="CC13" s="102">
        <v>14</v>
      </c>
      <c r="CD13" s="103">
        <v>18</v>
      </c>
      <c r="CE13" s="413">
        <v>0</v>
      </c>
      <c r="CF13" s="102">
        <v>30</v>
      </c>
      <c r="CG13" s="102">
        <v>27</v>
      </c>
      <c r="CH13" s="102">
        <v>14</v>
      </c>
      <c r="CI13" s="102">
        <v>15</v>
      </c>
      <c r="CJ13" s="102">
        <v>11</v>
      </c>
      <c r="CK13" s="103">
        <v>97</v>
      </c>
      <c r="CL13" s="104">
        <v>115</v>
      </c>
      <c r="CM13" s="101">
        <v>742</v>
      </c>
      <c r="CN13" s="102">
        <v>418</v>
      </c>
      <c r="CO13" s="103">
        <v>1160</v>
      </c>
      <c r="CP13" s="413">
        <v>0</v>
      </c>
      <c r="CQ13" s="102">
        <v>917</v>
      </c>
      <c r="CR13" s="102">
        <v>615</v>
      </c>
      <c r="CS13" s="102">
        <v>500</v>
      </c>
      <c r="CT13" s="102">
        <v>411</v>
      </c>
      <c r="CU13" s="102">
        <v>246</v>
      </c>
      <c r="CV13" s="103">
        <v>2689</v>
      </c>
      <c r="CW13" s="104">
        <v>3849</v>
      </c>
      <c r="CX13" s="105">
        <v>1506</v>
      </c>
      <c r="CY13" s="97">
        <v>1067</v>
      </c>
      <c r="CZ13" s="98">
        <v>2573</v>
      </c>
      <c r="DA13" s="413">
        <v>0</v>
      </c>
      <c r="DB13" s="97">
        <v>1707</v>
      </c>
      <c r="DC13" s="97">
        <v>1162</v>
      </c>
      <c r="DD13" s="97">
        <v>995</v>
      </c>
      <c r="DE13" s="97">
        <v>1024</v>
      </c>
      <c r="DF13" s="97">
        <v>773</v>
      </c>
      <c r="DG13" s="99">
        <v>5661</v>
      </c>
      <c r="DH13" s="100">
        <v>8234</v>
      </c>
      <c r="DI13" s="101">
        <v>29</v>
      </c>
      <c r="DJ13" s="102">
        <v>30</v>
      </c>
      <c r="DK13" s="103">
        <v>59</v>
      </c>
      <c r="DL13" s="413">
        <v>0</v>
      </c>
      <c r="DM13" s="102">
        <v>13</v>
      </c>
      <c r="DN13" s="102">
        <v>13</v>
      </c>
      <c r="DO13" s="102">
        <v>16</v>
      </c>
      <c r="DP13" s="102">
        <v>9</v>
      </c>
      <c r="DQ13" s="102">
        <v>11</v>
      </c>
      <c r="DR13" s="103">
        <v>62</v>
      </c>
      <c r="DS13" s="104">
        <v>121</v>
      </c>
      <c r="DT13" s="101">
        <v>61</v>
      </c>
      <c r="DU13" s="102">
        <v>49</v>
      </c>
      <c r="DV13" s="103">
        <v>110</v>
      </c>
      <c r="DW13" s="413">
        <v>0</v>
      </c>
      <c r="DX13" s="102">
        <v>59</v>
      </c>
      <c r="DY13" s="102">
        <v>26</v>
      </c>
      <c r="DZ13" s="102">
        <v>33</v>
      </c>
      <c r="EA13" s="102">
        <v>18</v>
      </c>
      <c r="EB13" s="102">
        <v>34</v>
      </c>
      <c r="EC13" s="103">
        <v>170</v>
      </c>
      <c r="ED13" s="104">
        <v>280</v>
      </c>
      <c r="EE13" s="101">
        <v>212</v>
      </c>
      <c r="EF13" s="102">
        <v>134</v>
      </c>
      <c r="EG13" s="103">
        <v>346</v>
      </c>
      <c r="EH13" s="413">
        <v>0</v>
      </c>
      <c r="EI13" s="102">
        <v>184</v>
      </c>
      <c r="EJ13" s="102">
        <v>100</v>
      </c>
      <c r="EK13" s="102">
        <v>75</v>
      </c>
      <c r="EL13" s="102">
        <v>60</v>
      </c>
      <c r="EM13" s="102">
        <v>63</v>
      </c>
      <c r="EN13" s="103">
        <v>482</v>
      </c>
      <c r="EO13" s="104">
        <v>828</v>
      </c>
      <c r="EP13" s="101">
        <v>435</v>
      </c>
      <c r="EQ13" s="102">
        <v>285</v>
      </c>
      <c r="ER13" s="103">
        <v>720</v>
      </c>
      <c r="ES13" s="413">
        <v>0</v>
      </c>
      <c r="ET13" s="102">
        <v>396</v>
      </c>
      <c r="EU13" s="102">
        <v>192</v>
      </c>
      <c r="EV13" s="102">
        <v>174</v>
      </c>
      <c r="EW13" s="102">
        <v>158</v>
      </c>
      <c r="EX13" s="102">
        <v>120</v>
      </c>
      <c r="EY13" s="103">
        <v>1040</v>
      </c>
      <c r="EZ13" s="104">
        <v>1760</v>
      </c>
      <c r="FA13" s="101">
        <v>476</v>
      </c>
      <c r="FB13" s="102">
        <v>310</v>
      </c>
      <c r="FC13" s="103">
        <v>786</v>
      </c>
      <c r="FD13" s="413">
        <v>0</v>
      </c>
      <c r="FE13" s="102">
        <v>503</v>
      </c>
      <c r="FF13" s="102">
        <v>321</v>
      </c>
      <c r="FG13" s="102">
        <v>248</v>
      </c>
      <c r="FH13" s="102">
        <v>255</v>
      </c>
      <c r="FI13" s="102">
        <v>167</v>
      </c>
      <c r="FJ13" s="103">
        <v>1494</v>
      </c>
      <c r="FK13" s="104">
        <v>2280</v>
      </c>
      <c r="FL13" s="101">
        <v>293</v>
      </c>
      <c r="FM13" s="102">
        <v>259</v>
      </c>
      <c r="FN13" s="103">
        <v>552</v>
      </c>
      <c r="FO13" s="413">
        <v>0</v>
      </c>
      <c r="FP13" s="102">
        <v>552</v>
      </c>
      <c r="FQ13" s="102">
        <v>510</v>
      </c>
      <c r="FR13" s="102">
        <v>449</v>
      </c>
      <c r="FS13" s="102">
        <v>524</v>
      </c>
      <c r="FT13" s="102">
        <v>378</v>
      </c>
      <c r="FU13" s="103">
        <v>2413</v>
      </c>
      <c r="FV13" s="104">
        <v>2965</v>
      </c>
      <c r="FW13" s="101">
        <v>6</v>
      </c>
      <c r="FX13" s="102">
        <v>16</v>
      </c>
      <c r="FY13" s="103">
        <v>22</v>
      </c>
      <c r="FZ13" s="413">
        <v>0</v>
      </c>
      <c r="GA13" s="102">
        <v>14</v>
      </c>
      <c r="GB13" s="102">
        <v>19</v>
      </c>
      <c r="GC13" s="102">
        <v>12</v>
      </c>
      <c r="GD13" s="102">
        <v>10</v>
      </c>
      <c r="GE13" s="102">
        <v>11</v>
      </c>
      <c r="GF13" s="103">
        <v>66</v>
      </c>
      <c r="GG13" s="104">
        <v>88</v>
      </c>
      <c r="GH13" s="101">
        <v>1512</v>
      </c>
      <c r="GI13" s="102">
        <v>1083</v>
      </c>
      <c r="GJ13" s="103">
        <v>2595</v>
      </c>
      <c r="GK13" s="413">
        <v>0</v>
      </c>
      <c r="GL13" s="102">
        <v>1721</v>
      </c>
      <c r="GM13" s="102">
        <v>1181</v>
      </c>
      <c r="GN13" s="102">
        <v>1007</v>
      </c>
      <c r="GO13" s="102">
        <v>1034</v>
      </c>
      <c r="GP13" s="102">
        <v>784</v>
      </c>
      <c r="GQ13" s="103">
        <v>5727</v>
      </c>
      <c r="GR13" s="104">
        <v>8322</v>
      </c>
      <c r="GS13" s="105">
        <v>2244</v>
      </c>
      <c r="GT13" s="97">
        <v>1471</v>
      </c>
      <c r="GU13" s="98">
        <v>3715</v>
      </c>
      <c r="GV13" s="413">
        <v>0</v>
      </c>
      <c r="GW13" s="97">
        <v>2594</v>
      </c>
      <c r="GX13" s="97">
        <v>1750</v>
      </c>
      <c r="GY13" s="97">
        <v>1481</v>
      </c>
      <c r="GZ13" s="97">
        <v>1420</v>
      </c>
      <c r="HA13" s="97">
        <v>1008</v>
      </c>
      <c r="HB13" s="99">
        <v>8253</v>
      </c>
      <c r="HC13" s="100">
        <v>11968</v>
      </c>
      <c r="HD13" s="101">
        <v>48</v>
      </c>
      <c r="HE13" s="102">
        <v>44</v>
      </c>
      <c r="HF13" s="103">
        <v>92</v>
      </c>
      <c r="HG13" s="416">
        <v>0</v>
      </c>
      <c r="HH13" s="102">
        <v>38</v>
      </c>
      <c r="HI13" s="102">
        <v>35</v>
      </c>
      <c r="HJ13" s="102">
        <v>29</v>
      </c>
      <c r="HK13" s="102">
        <v>21</v>
      </c>
      <c r="HL13" s="102">
        <v>24</v>
      </c>
      <c r="HM13" s="103">
        <v>147</v>
      </c>
      <c r="HN13" s="104">
        <v>239</v>
      </c>
      <c r="HO13" s="101">
        <v>102</v>
      </c>
      <c r="HP13" s="102">
        <v>76</v>
      </c>
      <c r="HQ13" s="103">
        <v>178</v>
      </c>
      <c r="HR13" s="413">
        <v>0</v>
      </c>
      <c r="HS13" s="102">
        <v>110</v>
      </c>
      <c r="HT13" s="102">
        <v>66</v>
      </c>
      <c r="HU13" s="102">
        <v>58</v>
      </c>
      <c r="HV13" s="102">
        <v>46</v>
      </c>
      <c r="HW13" s="102">
        <v>54</v>
      </c>
      <c r="HX13" s="103">
        <v>334</v>
      </c>
      <c r="HY13" s="104">
        <v>512</v>
      </c>
      <c r="HZ13" s="101">
        <v>302</v>
      </c>
      <c r="IA13" s="102">
        <v>180</v>
      </c>
      <c r="IB13" s="103">
        <v>482</v>
      </c>
      <c r="IC13" s="413">
        <v>0</v>
      </c>
      <c r="ID13" s="102">
        <v>272</v>
      </c>
      <c r="IE13" s="102">
        <v>183</v>
      </c>
      <c r="IF13" s="102">
        <v>149</v>
      </c>
      <c r="IG13" s="102">
        <v>120</v>
      </c>
      <c r="IH13" s="102">
        <v>90</v>
      </c>
      <c r="II13" s="103">
        <v>814</v>
      </c>
      <c r="IJ13" s="104">
        <v>1296</v>
      </c>
      <c r="IK13" s="101">
        <v>612</v>
      </c>
      <c r="IL13" s="102">
        <v>389</v>
      </c>
      <c r="IM13" s="103">
        <v>1001</v>
      </c>
      <c r="IN13" s="413">
        <v>0</v>
      </c>
      <c r="IO13" s="102">
        <v>610</v>
      </c>
      <c r="IP13" s="102">
        <v>313</v>
      </c>
      <c r="IQ13" s="102">
        <v>271</v>
      </c>
      <c r="IR13" s="102">
        <v>228</v>
      </c>
      <c r="IS13" s="102">
        <v>179</v>
      </c>
      <c r="IT13" s="103">
        <v>1601</v>
      </c>
      <c r="IU13" s="104">
        <v>2602</v>
      </c>
      <c r="IV13" s="101">
        <v>723</v>
      </c>
      <c r="IW13" s="102">
        <v>431</v>
      </c>
      <c r="IX13" s="103">
        <v>1154</v>
      </c>
      <c r="IY13" s="413">
        <v>0</v>
      </c>
      <c r="IZ13" s="102">
        <v>768</v>
      </c>
      <c r="JA13" s="102">
        <v>463</v>
      </c>
      <c r="JB13" s="102">
        <v>381</v>
      </c>
      <c r="JC13" s="102">
        <v>335</v>
      </c>
      <c r="JD13" s="102">
        <v>228</v>
      </c>
      <c r="JE13" s="103">
        <v>2175</v>
      </c>
      <c r="JF13" s="104">
        <v>3329</v>
      </c>
      <c r="JG13" s="101">
        <v>457</v>
      </c>
      <c r="JH13" s="102">
        <v>351</v>
      </c>
      <c r="JI13" s="103">
        <v>808</v>
      </c>
      <c r="JJ13" s="413">
        <v>0</v>
      </c>
      <c r="JK13" s="102">
        <v>796</v>
      </c>
      <c r="JL13" s="102">
        <v>690</v>
      </c>
      <c r="JM13" s="102">
        <v>593</v>
      </c>
      <c r="JN13" s="102">
        <v>670</v>
      </c>
      <c r="JO13" s="102">
        <v>433</v>
      </c>
      <c r="JP13" s="103">
        <v>3182</v>
      </c>
      <c r="JQ13" s="104">
        <v>3990</v>
      </c>
      <c r="JR13" s="101">
        <v>10</v>
      </c>
      <c r="JS13" s="102">
        <v>30</v>
      </c>
      <c r="JT13" s="103">
        <v>40</v>
      </c>
      <c r="JU13" s="413">
        <v>0</v>
      </c>
      <c r="JV13" s="102">
        <v>44</v>
      </c>
      <c r="JW13" s="102">
        <v>46</v>
      </c>
      <c r="JX13" s="102">
        <v>26</v>
      </c>
      <c r="JY13" s="102">
        <v>25</v>
      </c>
      <c r="JZ13" s="102">
        <v>22</v>
      </c>
      <c r="KA13" s="103">
        <v>163</v>
      </c>
      <c r="KB13" s="104">
        <v>203</v>
      </c>
      <c r="KC13" s="101">
        <v>2254</v>
      </c>
      <c r="KD13" s="102">
        <v>1501</v>
      </c>
      <c r="KE13" s="103">
        <v>3755</v>
      </c>
      <c r="KF13" s="413">
        <v>0</v>
      </c>
      <c r="KG13" s="102">
        <v>2638</v>
      </c>
      <c r="KH13" s="102">
        <v>1796</v>
      </c>
      <c r="KI13" s="102">
        <v>1507</v>
      </c>
      <c r="KJ13" s="102">
        <v>1445</v>
      </c>
      <c r="KK13" s="102">
        <v>1030</v>
      </c>
      <c r="KL13" s="103">
        <v>8416</v>
      </c>
      <c r="KM13" s="104">
        <v>12171</v>
      </c>
    </row>
    <row r="14" spans="2:299" s="70" customFormat="1" ht="21" customHeight="1" x14ac:dyDescent="0.2">
      <c r="B14" s="106" t="s">
        <v>10</v>
      </c>
      <c r="C14" s="96">
        <v>1574</v>
      </c>
      <c r="D14" s="97">
        <v>971</v>
      </c>
      <c r="E14" s="98">
        <v>2545</v>
      </c>
      <c r="F14" s="413">
        <v>0</v>
      </c>
      <c r="G14" s="97">
        <v>1791</v>
      </c>
      <c r="H14" s="97">
        <v>1027</v>
      </c>
      <c r="I14" s="97">
        <v>733</v>
      </c>
      <c r="J14" s="97">
        <v>646</v>
      </c>
      <c r="K14" s="97">
        <v>448</v>
      </c>
      <c r="L14" s="99">
        <v>4645</v>
      </c>
      <c r="M14" s="100">
        <v>7190</v>
      </c>
      <c r="N14" s="101">
        <v>65</v>
      </c>
      <c r="O14" s="102">
        <v>48</v>
      </c>
      <c r="P14" s="103">
        <v>113</v>
      </c>
      <c r="Q14" s="413">
        <v>0</v>
      </c>
      <c r="R14" s="102">
        <v>71</v>
      </c>
      <c r="S14" s="102">
        <v>51</v>
      </c>
      <c r="T14" s="102">
        <v>30</v>
      </c>
      <c r="U14" s="102">
        <v>50</v>
      </c>
      <c r="V14" s="102">
        <v>26</v>
      </c>
      <c r="W14" s="103">
        <v>228</v>
      </c>
      <c r="X14" s="104">
        <v>341</v>
      </c>
      <c r="Y14" s="101">
        <v>123</v>
      </c>
      <c r="Z14" s="102">
        <v>87</v>
      </c>
      <c r="AA14" s="103">
        <v>210</v>
      </c>
      <c r="AB14" s="413">
        <v>0</v>
      </c>
      <c r="AC14" s="102">
        <v>145</v>
      </c>
      <c r="AD14" s="102">
        <v>119</v>
      </c>
      <c r="AE14" s="102">
        <v>68</v>
      </c>
      <c r="AF14" s="102">
        <v>56</v>
      </c>
      <c r="AG14" s="102">
        <v>62</v>
      </c>
      <c r="AH14" s="103">
        <v>450</v>
      </c>
      <c r="AI14" s="104">
        <v>660</v>
      </c>
      <c r="AJ14" s="101">
        <v>240</v>
      </c>
      <c r="AK14" s="102">
        <v>166</v>
      </c>
      <c r="AL14" s="103">
        <v>406</v>
      </c>
      <c r="AM14" s="413">
        <v>0</v>
      </c>
      <c r="AN14" s="102">
        <v>297</v>
      </c>
      <c r="AO14" s="102">
        <v>156</v>
      </c>
      <c r="AP14" s="102">
        <v>114</v>
      </c>
      <c r="AQ14" s="102">
        <v>105</v>
      </c>
      <c r="AR14" s="102">
        <v>83</v>
      </c>
      <c r="AS14" s="103">
        <v>755</v>
      </c>
      <c r="AT14" s="104">
        <v>1161</v>
      </c>
      <c r="AU14" s="101">
        <v>387</v>
      </c>
      <c r="AV14" s="102">
        <v>224</v>
      </c>
      <c r="AW14" s="103">
        <v>611</v>
      </c>
      <c r="AX14" s="413">
        <v>0</v>
      </c>
      <c r="AY14" s="102">
        <v>469</v>
      </c>
      <c r="AZ14" s="102">
        <v>233</v>
      </c>
      <c r="BA14" s="102">
        <v>165</v>
      </c>
      <c r="BB14" s="102">
        <v>157</v>
      </c>
      <c r="BC14" s="102">
        <v>108</v>
      </c>
      <c r="BD14" s="103">
        <v>1132</v>
      </c>
      <c r="BE14" s="104">
        <v>1743</v>
      </c>
      <c r="BF14" s="101">
        <v>471</v>
      </c>
      <c r="BG14" s="102">
        <v>250</v>
      </c>
      <c r="BH14" s="103">
        <v>721</v>
      </c>
      <c r="BI14" s="413">
        <v>0</v>
      </c>
      <c r="BJ14" s="102">
        <v>482</v>
      </c>
      <c r="BK14" s="102">
        <v>256</v>
      </c>
      <c r="BL14" s="102">
        <v>174</v>
      </c>
      <c r="BM14" s="102">
        <v>142</v>
      </c>
      <c r="BN14" s="102">
        <v>92</v>
      </c>
      <c r="BO14" s="103">
        <v>1146</v>
      </c>
      <c r="BP14" s="104">
        <v>1867</v>
      </c>
      <c r="BQ14" s="101">
        <v>288</v>
      </c>
      <c r="BR14" s="102">
        <v>196</v>
      </c>
      <c r="BS14" s="103">
        <v>484</v>
      </c>
      <c r="BT14" s="413">
        <v>0</v>
      </c>
      <c r="BU14" s="102">
        <v>327</v>
      </c>
      <c r="BV14" s="102">
        <v>212</v>
      </c>
      <c r="BW14" s="102">
        <v>182</v>
      </c>
      <c r="BX14" s="102">
        <v>136</v>
      </c>
      <c r="BY14" s="102">
        <v>77</v>
      </c>
      <c r="BZ14" s="103">
        <v>934</v>
      </c>
      <c r="CA14" s="104">
        <v>1418</v>
      </c>
      <c r="CB14" s="101">
        <v>48</v>
      </c>
      <c r="CC14" s="102">
        <v>30</v>
      </c>
      <c r="CD14" s="103">
        <v>78</v>
      </c>
      <c r="CE14" s="413">
        <v>0</v>
      </c>
      <c r="CF14" s="102">
        <v>68</v>
      </c>
      <c r="CG14" s="102">
        <v>51</v>
      </c>
      <c r="CH14" s="102">
        <v>40</v>
      </c>
      <c r="CI14" s="102">
        <v>35</v>
      </c>
      <c r="CJ14" s="102">
        <v>37</v>
      </c>
      <c r="CK14" s="103">
        <v>231</v>
      </c>
      <c r="CL14" s="104">
        <v>309</v>
      </c>
      <c r="CM14" s="101">
        <v>1622</v>
      </c>
      <c r="CN14" s="102">
        <v>1001</v>
      </c>
      <c r="CO14" s="103">
        <v>2623</v>
      </c>
      <c r="CP14" s="413">
        <v>0</v>
      </c>
      <c r="CQ14" s="102">
        <v>1859</v>
      </c>
      <c r="CR14" s="102">
        <v>1078</v>
      </c>
      <c r="CS14" s="102">
        <v>773</v>
      </c>
      <c r="CT14" s="102">
        <v>681</v>
      </c>
      <c r="CU14" s="102">
        <v>485</v>
      </c>
      <c r="CV14" s="103">
        <v>4876</v>
      </c>
      <c r="CW14" s="104">
        <v>7499</v>
      </c>
      <c r="CX14" s="105">
        <v>3218</v>
      </c>
      <c r="CY14" s="97">
        <v>2257</v>
      </c>
      <c r="CZ14" s="98">
        <v>5475</v>
      </c>
      <c r="DA14" s="413">
        <v>0</v>
      </c>
      <c r="DB14" s="97">
        <v>3490</v>
      </c>
      <c r="DC14" s="97">
        <v>1799</v>
      </c>
      <c r="DD14" s="97">
        <v>1428</v>
      </c>
      <c r="DE14" s="97">
        <v>1620</v>
      </c>
      <c r="DF14" s="97">
        <v>1168</v>
      </c>
      <c r="DG14" s="99">
        <v>9505</v>
      </c>
      <c r="DH14" s="100">
        <v>14980</v>
      </c>
      <c r="DI14" s="101">
        <v>61</v>
      </c>
      <c r="DJ14" s="102">
        <v>56</v>
      </c>
      <c r="DK14" s="103">
        <v>117</v>
      </c>
      <c r="DL14" s="413">
        <v>0</v>
      </c>
      <c r="DM14" s="102">
        <v>63</v>
      </c>
      <c r="DN14" s="102">
        <v>30</v>
      </c>
      <c r="DO14" s="102">
        <v>20</v>
      </c>
      <c r="DP14" s="102">
        <v>21</v>
      </c>
      <c r="DQ14" s="102">
        <v>21</v>
      </c>
      <c r="DR14" s="103">
        <v>155</v>
      </c>
      <c r="DS14" s="104">
        <v>272</v>
      </c>
      <c r="DT14" s="101">
        <v>177</v>
      </c>
      <c r="DU14" s="102">
        <v>121</v>
      </c>
      <c r="DV14" s="103">
        <v>298</v>
      </c>
      <c r="DW14" s="413">
        <v>0</v>
      </c>
      <c r="DX14" s="102">
        <v>176</v>
      </c>
      <c r="DY14" s="102">
        <v>86</v>
      </c>
      <c r="DZ14" s="102">
        <v>59</v>
      </c>
      <c r="EA14" s="102">
        <v>52</v>
      </c>
      <c r="EB14" s="102">
        <v>44</v>
      </c>
      <c r="EC14" s="103">
        <v>417</v>
      </c>
      <c r="ED14" s="104">
        <v>715</v>
      </c>
      <c r="EE14" s="101">
        <v>471</v>
      </c>
      <c r="EF14" s="102">
        <v>279</v>
      </c>
      <c r="EG14" s="103">
        <v>750</v>
      </c>
      <c r="EH14" s="413">
        <v>0</v>
      </c>
      <c r="EI14" s="102">
        <v>392</v>
      </c>
      <c r="EJ14" s="102">
        <v>204</v>
      </c>
      <c r="EK14" s="102">
        <v>106</v>
      </c>
      <c r="EL14" s="102">
        <v>128</v>
      </c>
      <c r="EM14" s="102">
        <v>102</v>
      </c>
      <c r="EN14" s="103">
        <v>932</v>
      </c>
      <c r="EO14" s="104">
        <v>1682</v>
      </c>
      <c r="EP14" s="101">
        <v>958</v>
      </c>
      <c r="EQ14" s="102">
        <v>625</v>
      </c>
      <c r="ER14" s="103">
        <v>1583</v>
      </c>
      <c r="ES14" s="413">
        <v>0</v>
      </c>
      <c r="ET14" s="102">
        <v>834</v>
      </c>
      <c r="EU14" s="102">
        <v>356</v>
      </c>
      <c r="EV14" s="102">
        <v>254</v>
      </c>
      <c r="EW14" s="102">
        <v>256</v>
      </c>
      <c r="EX14" s="102">
        <v>230</v>
      </c>
      <c r="EY14" s="103">
        <v>1930</v>
      </c>
      <c r="EZ14" s="104">
        <v>3513</v>
      </c>
      <c r="FA14" s="101">
        <v>1004</v>
      </c>
      <c r="FB14" s="102">
        <v>673</v>
      </c>
      <c r="FC14" s="103">
        <v>1677</v>
      </c>
      <c r="FD14" s="413">
        <v>0</v>
      </c>
      <c r="FE14" s="102">
        <v>1022</v>
      </c>
      <c r="FF14" s="102">
        <v>473</v>
      </c>
      <c r="FG14" s="102">
        <v>391</v>
      </c>
      <c r="FH14" s="102">
        <v>399</v>
      </c>
      <c r="FI14" s="102">
        <v>286</v>
      </c>
      <c r="FJ14" s="103">
        <v>2571</v>
      </c>
      <c r="FK14" s="104">
        <v>4248</v>
      </c>
      <c r="FL14" s="101">
        <v>547</v>
      </c>
      <c r="FM14" s="102">
        <v>503</v>
      </c>
      <c r="FN14" s="103">
        <v>1050</v>
      </c>
      <c r="FO14" s="413">
        <v>0</v>
      </c>
      <c r="FP14" s="102">
        <v>1003</v>
      </c>
      <c r="FQ14" s="102">
        <v>650</v>
      </c>
      <c r="FR14" s="102">
        <v>598</v>
      </c>
      <c r="FS14" s="102">
        <v>764</v>
      </c>
      <c r="FT14" s="102">
        <v>485</v>
      </c>
      <c r="FU14" s="103">
        <v>3500</v>
      </c>
      <c r="FV14" s="104">
        <v>4550</v>
      </c>
      <c r="FW14" s="101">
        <v>26</v>
      </c>
      <c r="FX14" s="102">
        <v>45</v>
      </c>
      <c r="FY14" s="103">
        <v>71</v>
      </c>
      <c r="FZ14" s="413">
        <v>0</v>
      </c>
      <c r="GA14" s="102">
        <v>52</v>
      </c>
      <c r="GB14" s="102">
        <v>47</v>
      </c>
      <c r="GC14" s="102">
        <v>32</v>
      </c>
      <c r="GD14" s="102">
        <v>21</v>
      </c>
      <c r="GE14" s="102">
        <v>26</v>
      </c>
      <c r="GF14" s="103">
        <v>178</v>
      </c>
      <c r="GG14" s="104">
        <v>249</v>
      </c>
      <c r="GH14" s="101">
        <v>3244</v>
      </c>
      <c r="GI14" s="102">
        <v>2302</v>
      </c>
      <c r="GJ14" s="103">
        <v>5546</v>
      </c>
      <c r="GK14" s="413">
        <v>0</v>
      </c>
      <c r="GL14" s="102">
        <v>3542</v>
      </c>
      <c r="GM14" s="102">
        <v>1846</v>
      </c>
      <c r="GN14" s="102">
        <v>1460</v>
      </c>
      <c r="GO14" s="102">
        <v>1641</v>
      </c>
      <c r="GP14" s="102">
        <v>1194</v>
      </c>
      <c r="GQ14" s="103">
        <v>9683</v>
      </c>
      <c r="GR14" s="104">
        <v>15229</v>
      </c>
      <c r="GS14" s="105">
        <v>4792</v>
      </c>
      <c r="GT14" s="97">
        <v>3228</v>
      </c>
      <c r="GU14" s="98">
        <v>8020</v>
      </c>
      <c r="GV14" s="413">
        <v>0</v>
      </c>
      <c r="GW14" s="97">
        <v>5281</v>
      </c>
      <c r="GX14" s="97">
        <v>2826</v>
      </c>
      <c r="GY14" s="97">
        <v>2161</v>
      </c>
      <c r="GZ14" s="97">
        <v>2266</v>
      </c>
      <c r="HA14" s="97">
        <v>1616</v>
      </c>
      <c r="HB14" s="99">
        <v>14150</v>
      </c>
      <c r="HC14" s="100">
        <v>22170</v>
      </c>
      <c r="HD14" s="101">
        <v>126</v>
      </c>
      <c r="HE14" s="102">
        <v>104</v>
      </c>
      <c r="HF14" s="103">
        <v>230</v>
      </c>
      <c r="HG14" s="416">
        <v>0</v>
      </c>
      <c r="HH14" s="102">
        <v>134</v>
      </c>
      <c r="HI14" s="102">
        <v>81</v>
      </c>
      <c r="HJ14" s="102">
        <v>50</v>
      </c>
      <c r="HK14" s="102">
        <v>71</v>
      </c>
      <c r="HL14" s="102">
        <v>47</v>
      </c>
      <c r="HM14" s="103">
        <v>383</v>
      </c>
      <c r="HN14" s="104">
        <v>613</v>
      </c>
      <c r="HO14" s="101">
        <v>300</v>
      </c>
      <c r="HP14" s="102">
        <v>208</v>
      </c>
      <c r="HQ14" s="103">
        <v>508</v>
      </c>
      <c r="HR14" s="413">
        <v>0</v>
      </c>
      <c r="HS14" s="102">
        <v>321</v>
      </c>
      <c r="HT14" s="102">
        <v>205</v>
      </c>
      <c r="HU14" s="102">
        <v>127</v>
      </c>
      <c r="HV14" s="102">
        <v>108</v>
      </c>
      <c r="HW14" s="102">
        <v>106</v>
      </c>
      <c r="HX14" s="103">
        <v>867</v>
      </c>
      <c r="HY14" s="104">
        <v>1375</v>
      </c>
      <c r="HZ14" s="101">
        <v>711</v>
      </c>
      <c r="IA14" s="102">
        <v>445</v>
      </c>
      <c r="IB14" s="103">
        <v>1156</v>
      </c>
      <c r="IC14" s="413">
        <v>0</v>
      </c>
      <c r="ID14" s="102">
        <v>689</v>
      </c>
      <c r="IE14" s="102">
        <v>360</v>
      </c>
      <c r="IF14" s="102">
        <v>220</v>
      </c>
      <c r="IG14" s="102">
        <v>233</v>
      </c>
      <c r="IH14" s="102">
        <v>185</v>
      </c>
      <c r="II14" s="103">
        <v>1687</v>
      </c>
      <c r="IJ14" s="104">
        <v>2843</v>
      </c>
      <c r="IK14" s="101">
        <v>1345</v>
      </c>
      <c r="IL14" s="102">
        <v>849</v>
      </c>
      <c r="IM14" s="103">
        <v>2194</v>
      </c>
      <c r="IN14" s="413">
        <v>0</v>
      </c>
      <c r="IO14" s="102">
        <v>1303</v>
      </c>
      <c r="IP14" s="102">
        <v>589</v>
      </c>
      <c r="IQ14" s="102">
        <v>419</v>
      </c>
      <c r="IR14" s="102">
        <v>413</v>
      </c>
      <c r="IS14" s="102">
        <v>338</v>
      </c>
      <c r="IT14" s="103">
        <v>3062</v>
      </c>
      <c r="IU14" s="104">
        <v>5256</v>
      </c>
      <c r="IV14" s="101">
        <v>1475</v>
      </c>
      <c r="IW14" s="102">
        <v>923</v>
      </c>
      <c r="IX14" s="103">
        <v>2398</v>
      </c>
      <c r="IY14" s="413">
        <v>0</v>
      </c>
      <c r="IZ14" s="102">
        <v>1504</v>
      </c>
      <c r="JA14" s="102">
        <v>729</v>
      </c>
      <c r="JB14" s="102">
        <v>565</v>
      </c>
      <c r="JC14" s="102">
        <v>541</v>
      </c>
      <c r="JD14" s="102">
        <v>378</v>
      </c>
      <c r="JE14" s="103">
        <v>3717</v>
      </c>
      <c r="JF14" s="104">
        <v>6115</v>
      </c>
      <c r="JG14" s="101">
        <v>835</v>
      </c>
      <c r="JH14" s="102">
        <v>699</v>
      </c>
      <c r="JI14" s="103">
        <v>1534</v>
      </c>
      <c r="JJ14" s="413">
        <v>0</v>
      </c>
      <c r="JK14" s="102">
        <v>1330</v>
      </c>
      <c r="JL14" s="102">
        <v>862</v>
      </c>
      <c r="JM14" s="102">
        <v>780</v>
      </c>
      <c r="JN14" s="102">
        <v>900</v>
      </c>
      <c r="JO14" s="102">
        <v>562</v>
      </c>
      <c r="JP14" s="103">
        <v>4434</v>
      </c>
      <c r="JQ14" s="104">
        <v>5968</v>
      </c>
      <c r="JR14" s="101">
        <v>74</v>
      </c>
      <c r="JS14" s="102">
        <v>75</v>
      </c>
      <c r="JT14" s="103">
        <v>149</v>
      </c>
      <c r="JU14" s="413">
        <v>0</v>
      </c>
      <c r="JV14" s="102">
        <v>120</v>
      </c>
      <c r="JW14" s="102">
        <v>98</v>
      </c>
      <c r="JX14" s="102">
        <v>72</v>
      </c>
      <c r="JY14" s="102">
        <v>56</v>
      </c>
      <c r="JZ14" s="102">
        <v>63</v>
      </c>
      <c r="KA14" s="103">
        <v>409</v>
      </c>
      <c r="KB14" s="104">
        <v>558</v>
      </c>
      <c r="KC14" s="101">
        <v>4866</v>
      </c>
      <c r="KD14" s="102">
        <v>3303</v>
      </c>
      <c r="KE14" s="103">
        <v>8169</v>
      </c>
      <c r="KF14" s="413">
        <v>0</v>
      </c>
      <c r="KG14" s="102">
        <v>5401</v>
      </c>
      <c r="KH14" s="102">
        <v>2924</v>
      </c>
      <c r="KI14" s="102">
        <v>2233</v>
      </c>
      <c r="KJ14" s="102">
        <v>2322</v>
      </c>
      <c r="KK14" s="102">
        <v>1679</v>
      </c>
      <c r="KL14" s="103">
        <v>14559</v>
      </c>
      <c r="KM14" s="104">
        <v>22728</v>
      </c>
    </row>
    <row r="15" spans="2:299" s="70" customFormat="1" ht="21" customHeight="1" x14ac:dyDescent="0.2">
      <c r="B15" s="106" t="s">
        <v>11</v>
      </c>
      <c r="C15" s="96">
        <v>470</v>
      </c>
      <c r="D15" s="97">
        <v>378</v>
      </c>
      <c r="E15" s="98">
        <v>848</v>
      </c>
      <c r="F15" s="413">
        <v>0</v>
      </c>
      <c r="G15" s="97">
        <v>879</v>
      </c>
      <c r="H15" s="97">
        <v>610</v>
      </c>
      <c r="I15" s="97">
        <v>477</v>
      </c>
      <c r="J15" s="97">
        <v>433</v>
      </c>
      <c r="K15" s="97">
        <v>250</v>
      </c>
      <c r="L15" s="99">
        <v>2649</v>
      </c>
      <c r="M15" s="100">
        <v>3497</v>
      </c>
      <c r="N15" s="101">
        <v>14</v>
      </c>
      <c r="O15" s="102">
        <v>16</v>
      </c>
      <c r="P15" s="103">
        <v>30</v>
      </c>
      <c r="Q15" s="413">
        <v>0</v>
      </c>
      <c r="R15" s="102">
        <v>49</v>
      </c>
      <c r="S15" s="102">
        <v>23</v>
      </c>
      <c r="T15" s="102">
        <v>25</v>
      </c>
      <c r="U15" s="102">
        <v>14</v>
      </c>
      <c r="V15" s="102">
        <v>9</v>
      </c>
      <c r="W15" s="103">
        <v>120</v>
      </c>
      <c r="X15" s="104">
        <v>150</v>
      </c>
      <c r="Y15" s="101">
        <v>38</v>
      </c>
      <c r="Z15" s="102">
        <v>47</v>
      </c>
      <c r="AA15" s="103">
        <v>85</v>
      </c>
      <c r="AB15" s="413">
        <v>0</v>
      </c>
      <c r="AC15" s="102">
        <v>88</v>
      </c>
      <c r="AD15" s="102">
        <v>52</v>
      </c>
      <c r="AE15" s="102">
        <v>49</v>
      </c>
      <c r="AF15" s="102">
        <v>42</v>
      </c>
      <c r="AG15" s="102">
        <v>31</v>
      </c>
      <c r="AH15" s="103">
        <v>262</v>
      </c>
      <c r="AI15" s="104">
        <v>347</v>
      </c>
      <c r="AJ15" s="101">
        <v>69</v>
      </c>
      <c r="AK15" s="102">
        <v>56</v>
      </c>
      <c r="AL15" s="103">
        <v>125</v>
      </c>
      <c r="AM15" s="413">
        <v>0</v>
      </c>
      <c r="AN15" s="102">
        <v>136</v>
      </c>
      <c r="AO15" s="102">
        <v>117</v>
      </c>
      <c r="AP15" s="102">
        <v>81</v>
      </c>
      <c r="AQ15" s="102">
        <v>76</v>
      </c>
      <c r="AR15" s="102">
        <v>42</v>
      </c>
      <c r="AS15" s="103">
        <v>452</v>
      </c>
      <c r="AT15" s="104">
        <v>577</v>
      </c>
      <c r="AU15" s="101">
        <v>122</v>
      </c>
      <c r="AV15" s="102">
        <v>95</v>
      </c>
      <c r="AW15" s="103">
        <v>217</v>
      </c>
      <c r="AX15" s="413">
        <v>0</v>
      </c>
      <c r="AY15" s="102">
        <v>217</v>
      </c>
      <c r="AZ15" s="102">
        <v>139</v>
      </c>
      <c r="BA15" s="102">
        <v>125</v>
      </c>
      <c r="BB15" s="102">
        <v>104</v>
      </c>
      <c r="BC15" s="102">
        <v>68</v>
      </c>
      <c r="BD15" s="103">
        <v>653</v>
      </c>
      <c r="BE15" s="104">
        <v>870</v>
      </c>
      <c r="BF15" s="101">
        <v>139</v>
      </c>
      <c r="BG15" s="102">
        <v>92</v>
      </c>
      <c r="BH15" s="103">
        <v>231</v>
      </c>
      <c r="BI15" s="413">
        <v>0</v>
      </c>
      <c r="BJ15" s="102">
        <v>208</v>
      </c>
      <c r="BK15" s="102">
        <v>158</v>
      </c>
      <c r="BL15" s="102">
        <v>106</v>
      </c>
      <c r="BM15" s="102">
        <v>104</v>
      </c>
      <c r="BN15" s="102">
        <v>46</v>
      </c>
      <c r="BO15" s="103">
        <v>622</v>
      </c>
      <c r="BP15" s="104">
        <v>853</v>
      </c>
      <c r="BQ15" s="101">
        <v>88</v>
      </c>
      <c r="BR15" s="102">
        <v>72</v>
      </c>
      <c r="BS15" s="103">
        <v>160</v>
      </c>
      <c r="BT15" s="413">
        <v>0</v>
      </c>
      <c r="BU15" s="102">
        <v>181</v>
      </c>
      <c r="BV15" s="102">
        <v>121</v>
      </c>
      <c r="BW15" s="102">
        <v>91</v>
      </c>
      <c r="BX15" s="102">
        <v>93</v>
      </c>
      <c r="BY15" s="102">
        <v>54</v>
      </c>
      <c r="BZ15" s="103">
        <v>540</v>
      </c>
      <c r="CA15" s="104">
        <v>700</v>
      </c>
      <c r="CB15" s="101">
        <v>5</v>
      </c>
      <c r="CC15" s="102">
        <v>17</v>
      </c>
      <c r="CD15" s="103">
        <v>22</v>
      </c>
      <c r="CE15" s="413">
        <v>0</v>
      </c>
      <c r="CF15" s="102">
        <v>27</v>
      </c>
      <c r="CG15" s="102">
        <v>17</v>
      </c>
      <c r="CH15" s="102">
        <v>15</v>
      </c>
      <c r="CI15" s="102">
        <v>23</v>
      </c>
      <c r="CJ15" s="102">
        <v>16</v>
      </c>
      <c r="CK15" s="103">
        <v>98</v>
      </c>
      <c r="CL15" s="104">
        <v>120</v>
      </c>
      <c r="CM15" s="101">
        <v>475</v>
      </c>
      <c r="CN15" s="102">
        <v>395</v>
      </c>
      <c r="CO15" s="103">
        <v>870</v>
      </c>
      <c r="CP15" s="413">
        <v>0</v>
      </c>
      <c r="CQ15" s="102">
        <v>906</v>
      </c>
      <c r="CR15" s="102">
        <v>627</v>
      </c>
      <c r="CS15" s="102">
        <v>492</v>
      </c>
      <c r="CT15" s="102">
        <v>456</v>
      </c>
      <c r="CU15" s="102">
        <v>266</v>
      </c>
      <c r="CV15" s="103">
        <v>2747</v>
      </c>
      <c r="CW15" s="104">
        <v>3617</v>
      </c>
      <c r="CX15" s="105">
        <v>937</v>
      </c>
      <c r="CY15" s="97">
        <v>852</v>
      </c>
      <c r="CZ15" s="98">
        <v>1789</v>
      </c>
      <c r="DA15" s="413">
        <v>0</v>
      </c>
      <c r="DB15" s="97">
        <v>1683</v>
      </c>
      <c r="DC15" s="97">
        <v>1095</v>
      </c>
      <c r="DD15" s="97">
        <v>931</v>
      </c>
      <c r="DE15" s="97">
        <v>1011</v>
      </c>
      <c r="DF15" s="97">
        <v>602</v>
      </c>
      <c r="DG15" s="99">
        <v>5322</v>
      </c>
      <c r="DH15" s="100">
        <v>7111</v>
      </c>
      <c r="DI15" s="101">
        <v>20</v>
      </c>
      <c r="DJ15" s="102">
        <v>18</v>
      </c>
      <c r="DK15" s="103">
        <v>38</v>
      </c>
      <c r="DL15" s="413">
        <v>0</v>
      </c>
      <c r="DM15" s="102">
        <v>46</v>
      </c>
      <c r="DN15" s="102">
        <v>14</v>
      </c>
      <c r="DO15" s="102">
        <v>17</v>
      </c>
      <c r="DP15" s="102">
        <v>15</v>
      </c>
      <c r="DQ15" s="102">
        <v>20</v>
      </c>
      <c r="DR15" s="103">
        <v>112</v>
      </c>
      <c r="DS15" s="104">
        <v>150</v>
      </c>
      <c r="DT15" s="101">
        <v>50</v>
      </c>
      <c r="DU15" s="102">
        <v>61</v>
      </c>
      <c r="DV15" s="103">
        <v>111</v>
      </c>
      <c r="DW15" s="413">
        <v>0</v>
      </c>
      <c r="DX15" s="102">
        <v>79</v>
      </c>
      <c r="DY15" s="102">
        <v>48</v>
      </c>
      <c r="DZ15" s="102">
        <v>46</v>
      </c>
      <c r="EA15" s="102">
        <v>46</v>
      </c>
      <c r="EB15" s="102">
        <v>25</v>
      </c>
      <c r="EC15" s="103">
        <v>244</v>
      </c>
      <c r="ED15" s="104">
        <v>355</v>
      </c>
      <c r="EE15" s="101">
        <v>130</v>
      </c>
      <c r="EF15" s="102">
        <v>115</v>
      </c>
      <c r="EG15" s="103">
        <v>245</v>
      </c>
      <c r="EH15" s="413">
        <v>0</v>
      </c>
      <c r="EI15" s="102">
        <v>166</v>
      </c>
      <c r="EJ15" s="102">
        <v>98</v>
      </c>
      <c r="EK15" s="102">
        <v>80</v>
      </c>
      <c r="EL15" s="102">
        <v>81</v>
      </c>
      <c r="EM15" s="102">
        <v>58</v>
      </c>
      <c r="EN15" s="103">
        <v>483</v>
      </c>
      <c r="EO15" s="104">
        <v>728</v>
      </c>
      <c r="EP15" s="101">
        <v>273</v>
      </c>
      <c r="EQ15" s="102">
        <v>226</v>
      </c>
      <c r="ER15" s="103">
        <v>499</v>
      </c>
      <c r="ES15" s="413">
        <v>0</v>
      </c>
      <c r="ET15" s="102">
        <v>410</v>
      </c>
      <c r="EU15" s="102">
        <v>259</v>
      </c>
      <c r="EV15" s="102">
        <v>167</v>
      </c>
      <c r="EW15" s="102">
        <v>164</v>
      </c>
      <c r="EX15" s="102">
        <v>114</v>
      </c>
      <c r="EY15" s="103">
        <v>1114</v>
      </c>
      <c r="EZ15" s="104">
        <v>1613</v>
      </c>
      <c r="FA15" s="101">
        <v>297</v>
      </c>
      <c r="FB15" s="102">
        <v>248</v>
      </c>
      <c r="FC15" s="103">
        <v>545</v>
      </c>
      <c r="FD15" s="413">
        <v>0</v>
      </c>
      <c r="FE15" s="102">
        <v>502</v>
      </c>
      <c r="FF15" s="102">
        <v>306</v>
      </c>
      <c r="FG15" s="102">
        <v>229</v>
      </c>
      <c r="FH15" s="102">
        <v>220</v>
      </c>
      <c r="FI15" s="102">
        <v>149</v>
      </c>
      <c r="FJ15" s="103">
        <v>1406</v>
      </c>
      <c r="FK15" s="104">
        <v>1951</v>
      </c>
      <c r="FL15" s="101">
        <v>167</v>
      </c>
      <c r="FM15" s="102">
        <v>184</v>
      </c>
      <c r="FN15" s="103">
        <v>351</v>
      </c>
      <c r="FO15" s="413">
        <v>0</v>
      </c>
      <c r="FP15" s="102">
        <v>480</v>
      </c>
      <c r="FQ15" s="102">
        <v>370</v>
      </c>
      <c r="FR15" s="102">
        <v>392</v>
      </c>
      <c r="FS15" s="102">
        <v>485</v>
      </c>
      <c r="FT15" s="102">
        <v>236</v>
      </c>
      <c r="FU15" s="103">
        <v>1963</v>
      </c>
      <c r="FV15" s="104">
        <v>2314</v>
      </c>
      <c r="FW15" s="101">
        <v>16</v>
      </c>
      <c r="FX15" s="102">
        <v>13</v>
      </c>
      <c r="FY15" s="103">
        <v>29</v>
      </c>
      <c r="FZ15" s="413">
        <v>0</v>
      </c>
      <c r="GA15" s="102">
        <v>23</v>
      </c>
      <c r="GB15" s="102">
        <v>15</v>
      </c>
      <c r="GC15" s="102">
        <v>20</v>
      </c>
      <c r="GD15" s="102">
        <v>12</v>
      </c>
      <c r="GE15" s="102">
        <v>13</v>
      </c>
      <c r="GF15" s="103">
        <v>83</v>
      </c>
      <c r="GG15" s="104">
        <v>112</v>
      </c>
      <c r="GH15" s="101">
        <v>953</v>
      </c>
      <c r="GI15" s="102">
        <v>865</v>
      </c>
      <c r="GJ15" s="103">
        <v>1818</v>
      </c>
      <c r="GK15" s="413">
        <v>0</v>
      </c>
      <c r="GL15" s="102">
        <v>1706</v>
      </c>
      <c r="GM15" s="102">
        <v>1110</v>
      </c>
      <c r="GN15" s="102">
        <v>951</v>
      </c>
      <c r="GO15" s="102">
        <v>1023</v>
      </c>
      <c r="GP15" s="102">
        <v>615</v>
      </c>
      <c r="GQ15" s="103">
        <v>5405</v>
      </c>
      <c r="GR15" s="104">
        <v>7223</v>
      </c>
      <c r="GS15" s="105">
        <v>1407</v>
      </c>
      <c r="GT15" s="97">
        <v>1230</v>
      </c>
      <c r="GU15" s="98">
        <v>2637</v>
      </c>
      <c r="GV15" s="413">
        <v>0</v>
      </c>
      <c r="GW15" s="97">
        <v>2562</v>
      </c>
      <c r="GX15" s="97">
        <v>1705</v>
      </c>
      <c r="GY15" s="97">
        <v>1408</v>
      </c>
      <c r="GZ15" s="97">
        <v>1444</v>
      </c>
      <c r="HA15" s="97">
        <v>852</v>
      </c>
      <c r="HB15" s="99">
        <v>7971</v>
      </c>
      <c r="HC15" s="100">
        <v>10608</v>
      </c>
      <c r="HD15" s="101">
        <v>34</v>
      </c>
      <c r="HE15" s="102">
        <v>34</v>
      </c>
      <c r="HF15" s="103">
        <v>68</v>
      </c>
      <c r="HG15" s="416">
        <v>0</v>
      </c>
      <c r="HH15" s="102">
        <v>95</v>
      </c>
      <c r="HI15" s="102">
        <v>37</v>
      </c>
      <c r="HJ15" s="102">
        <v>42</v>
      </c>
      <c r="HK15" s="102">
        <v>29</v>
      </c>
      <c r="HL15" s="102">
        <v>29</v>
      </c>
      <c r="HM15" s="103">
        <v>232</v>
      </c>
      <c r="HN15" s="104">
        <v>300</v>
      </c>
      <c r="HO15" s="101">
        <v>88</v>
      </c>
      <c r="HP15" s="102">
        <v>108</v>
      </c>
      <c r="HQ15" s="103">
        <v>196</v>
      </c>
      <c r="HR15" s="413">
        <v>0</v>
      </c>
      <c r="HS15" s="102">
        <v>167</v>
      </c>
      <c r="HT15" s="102">
        <v>100</v>
      </c>
      <c r="HU15" s="102">
        <v>95</v>
      </c>
      <c r="HV15" s="102">
        <v>88</v>
      </c>
      <c r="HW15" s="102">
        <v>56</v>
      </c>
      <c r="HX15" s="103">
        <v>506</v>
      </c>
      <c r="HY15" s="104">
        <v>702</v>
      </c>
      <c r="HZ15" s="101">
        <v>199</v>
      </c>
      <c r="IA15" s="102">
        <v>171</v>
      </c>
      <c r="IB15" s="103">
        <v>370</v>
      </c>
      <c r="IC15" s="413">
        <v>0</v>
      </c>
      <c r="ID15" s="102">
        <v>302</v>
      </c>
      <c r="IE15" s="102">
        <v>215</v>
      </c>
      <c r="IF15" s="102">
        <v>161</v>
      </c>
      <c r="IG15" s="102">
        <v>157</v>
      </c>
      <c r="IH15" s="102">
        <v>100</v>
      </c>
      <c r="II15" s="103">
        <v>935</v>
      </c>
      <c r="IJ15" s="104">
        <v>1305</v>
      </c>
      <c r="IK15" s="101">
        <v>395</v>
      </c>
      <c r="IL15" s="102">
        <v>321</v>
      </c>
      <c r="IM15" s="103">
        <v>716</v>
      </c>
      <c r="IN15" s="413">
        <v>0</v>
      </c>
      <c r="IO15" s="102">
        <v>627</v>
      </c>
      <c r="IP15" s="102">
        <v>398</v>
      </c>
      <c r="IQ15" s="102">
        <v>292</v>
      </c>
      <c r="IR15" s="102">
        <v>268</v>
      </c>
      <c r="IS15" s="102">
        <v>182</v>
      </c>
      <c r="IT15" s="103">
        <v>1767</v>
      </c>
      <c r="IU15" s="104">
        <v>2483</v>
      </c>
      <c r="IV15" s="101">
        <v>436</v>
      </c>
      <c r="IW15" s="102">
        <v>340</v>
      </c>
      <c r="IX15" s="103">
        <v>776</v>
      </c>
      <c r="IY15" s="413">
        <v>0</v>
      </c>
      <c r="IZ15" s="102">
        <v>710</v>
      </c>
      <c r="JA15" s="102">
        <v>464</v>
      </c>
      <c r="JB15" s="102">
        <v>335</v>
      </c>
      <c r="JC15" s="102">
        <v>324</v>
      </c>
      <c r="JD15" s="102">
        <v>195</v>
      </c>
      <c r="JE15" s="103">
        <v>2028</v>
      </c>
      <c r="JF15" s="104">
        <v>2804</v>
      </c>
      <c r="JG15" s="101">
        <v>255</v>
      </c>
      <c r="JH15" s="102">
        <v>256</v>
      </c>
      <c r="JI15" s="103">
        <v>511</v>
      </c>
      <c r="JJ15" s="413">
        <v>0</v>
      </c>
      <c r="JK15" s="102">
        <v>661</v>
      </c>
      <c r="JL15" s="102">
        <v>491</v>
      </c>
      <c r="JM15" s="102">
        <v>483</v>
      </c>
      <c r="JN15" s="102">
        <v>578</v>
      </c>
      <c r="JO15" s="102">
        <v>290</v>
      </c>
      <c r="JP15" s="103">
        <v>2503</v>
      </c>
      <c r="JQ15" s="104">
        <v>3014</v>
      </c>
      <c r="JR15" s="101">
        <v>21</v>
      </c>
      <c r="JS15" s="102">
        <v>30</v>
      </c>
      <c r="JT15" s="103">
        <v>51</v>
      </c>
      <c r="JU15" s="413">
        <v>0</v>
      </c>
      <c r="JV15" s="102">
        <v>50</v>
      </c>
      <c r="JW15" s="102">
        <v>32</v>
      </c>
      <c r="JX15" s="102">
        <v>35</v>
      </c>
      <c r="JY15" s="102">
        <v>35</v>
      </c>
      <c r="JZ15" s="102">
        <v>29</v>
      </c>
      <c r="KA15" s="103">
        <v>181</v>
      </c>
      <c r="KB15" s="104">
        <v>232</v>
      </c>
      <c r="KC15" s="101">
        <v>1428</v>
      </c>
      <c r="KD15" s="102">
        <v>1260</v>
      </c>
      <c r="KE15" s="103">
        <v>2688</v>
      </c>
      <c r="KF15" s="413">
        <v>0</v>
      </c>
      <c r="KG15" s="102">
        <v>2612</v>
      </c>
      <c r="KH15" s="102">
        <v>1737</v>
      </c>
      <c r="KI15" s="102">
        <v>1443</v>
      </c>
      <c r="KJ15" s="102">
        <v>1479</v>
      </c>
      <c r="KK15" s="102">
        <v>881</v>
      </c>
      <c r="KL15" s="103">
        <v>8152</v>
      </c>
      <c r="KM15" s="104">
        <v>10840</v>
      </c>
    </row>
    <row r="16" spans="2:299" s="70" customFormat="1" ht="21" customHeight="1" x14ac:dyDescent="0.2">
      <c r="B16" s="106" t="s">
        <v>12</v>
      </c>
      <c r="C16" s="96">
        <v>746</v>
      </c>
      <c r="D16" s="97">
        <v>717</v>
      </c>
      <c r="E16" s="98">
        <v>1463</v>
      </c>
      <c r="F16" s="413">
        <v>0</v>
      </c>
      <c r="G16" s="97">
        <v>725</v>
      </c>
      <c r="H16" s="97">
        <v>729</v>
      </c>
      <c r="I16" s="97">
        <v>464</v>
      </c>
      <c r="J16" s="97">
        <v>473</v>
      </c>
      <c r="K16" s="97">
        <v>212</v>
      </c>
      <c r="L16" s="99">
        <v>2603</v>
      </c>
      <c r="M16" s="100">
        <v>4066</v>
      </c>
      <c r="N16" s="107">
        <v>26</v>
      </c>
      <c r="O16" s="102">
        <v>23</v>
      </c>
      <c r="P16" s="103">
        <v>49</v>
      </c>
      <c r="Q16" s="413">
        <v>0</v>
      </c>
      <c r="R16" s="102">
        <v>14</v>
      </c>
      <c r="S16" s="102">
        <v>33</v>
      </c>
      <c r="T16" s="102">
        <v>13</v>
      </c>
      <c r="U16" s="102">
        <v>19</v>
      </c>
      <c r="V16" s="102">
        <v>6</v>
      </c>
      <c r="W16" s="103">
        <v>85</v>
      </c>
      <c r="X16" s="104">
        <v>134</v>
      </c>
      <c r="Y16" s="101">
        <v>53</v>
      </c>
      <c r="Z16" s="102">
        <v>62</v>
      </c>
      <c r="AA16" s="103">
        <v>115</v>
      </c>
      <c r="AB16" s="413">
        <v>0</v>
      </c>
      <c r="AC16" s="102">
        <v>44</v>
      </c>
      <c r="AD16" s="102">
        <v>50</v>
      </c>
      <c r="AE16" s="102">
        <v>41</v>
      </c>
      <c r="AF16" s="102">
        <v>48</v>
      </c>
      <c r="AG16" s="102">
        <v>16</v>
      </c>
      <c r="AH16" s="103">
        <v>199</v>
      </c>
      <c r="AI16" s="104">
        <v>314</v>
      </c>
      <c r="AJ16" s="107">
        <v>100</v>
      </c>
      <c r="AK16" s="102">
        <v>117</v>
      </c>
      <c r="AL16" s="103">
        <v>217</v>
      </c>
      <c r="AM16" s="413">
        <v>0</v>
      </c>
      <c r="AN16" s="102">
        <v>105</v>
      </c>
      <c r="AO16" s="102">
        <v>103</v>
      </c>
      <c r="AP16" s="102">
        <v>68</v>
      </c>
      <c r="AQ16" s="102">
        <v>73</v>
      </c>
      <c r="AR16" s="102">
        <v>40</v>
      </c>
      <c r="AS16" s="103">
        <v>389</v>
      </c>
      <c r="AT16" s="104">
        <v>606</v>
      </c>
      <c r="AU16" s="101">
        <v>194</v>
      </c>
      <c r="AV16" s="102">
        <v>184</v>
      </c>
      <c r="AW16" s="103">
        <v>378</v>
      </c>
      <c r="AX16" s="413">
        <v>0</v>
      </c>
      <c r="AY16" s="102">
        <v>179</v>
      </c>
      <c r="AZ16" s="102">
        <v>197</v>
      </c>
      <c r="BA16" s="102">
        <v>118</v>
      </c>
      <c r="BB16" s="102">
        <v>97</v>
      </c>
      <c r="BC16" s="102">
        <v>59</v>
      </c>
      <c r="BD16" s="103">
        <v>650</v>
      </c>
      <c r="BE16" s="104">
        <v>1028</v>
      </c>
      <c r="BF16" s="107">
        <v>241</v>
      </c>
      <c r="BG16" s="102">
        <v>188</v>
      </c>
      <c r="BH16" s="103">
        <v>429</v>
      </c>
      <c r="BI16" s="413">
        <v>0</v>
      </c>
      <c r="BJ16" s="102">
        <v>222</v>
      </c>
      <c r="BK16" s="102">
        <v>185</v>
      </c>
      <c r="BL16" s="102">
        <v>125</v>
      </c>
      <c r="BM16" s="102">
        <v>123</v>
      </c>
      <c r="BN16" s="102">
        <v>52</v>
      </c>
      <c r="BO16" s="103">
        <v>707</v>
      </c>
      <c r="BP16" s="104">
        <v>1136</v>
      </c>
      <c r="BQ16" s="101">
        <v>132</v>
      </c>
      <c r="BR16" s="102">
        <v>143</v>
      </c>
      <c r="BS16" s="103">
        <v>275</v>
      </c>
      <c r="BT16" s="413">
        <v>0</v>
      </c>
      <c r="BU16" s="102">
        <v>161</v>
      </c>
      <c r="BV16" s="102">
        <v>161</v>
      </c>
      <c r="BW16" s="102">
        <v>99</v>
      </c>
      <c r="BX16" s="102">
        <v>113</v>
      </c>
      <c r="BY16" s="102">
        <v>39</v>
      </c>
      <c r="BZ16" s="103">
        <v>573</v>
      </c>
      <c r="CA16" s="104">
        <v>848</v>
      </c>
      <c r="CB16" s="101">
        <v>14</v>
      </c>
      <c r="CC16" s="102">
        <v>34</v>
      </c>
      <c r="CD16" s="103">
        <v>48</v>
      </c>
      <c r="CE16" s="413">
        <v>0</v>
      </c>
      <c r="CF16" s="102">
        <v>10</v>
      </c>
      <c r="CG16" s="102">
        <v>28</v>
      </c>
      <c r="CH16" s="102">
        <v>20</v>
      </c>
      <c r="CI16" s="102">
        <v>18</v>
      </c>
      <c r="CJ16" s="102">
        <v>20</v>
      </c>
      <c r="CK16" s="103">
        <v>96</v>
      </c>
      <c r="CL16" s="104">
        <v>144</v>
      </c>
      <c r="CM16" s="101">
        <v>760</v>
      </c>
      <c r="CN16" s="102">
        <v>751</v>
      </c>
      <c r="CO16" s="103">
        <v>1511</v>
      </c>
      <c r="CP16" s="413">
        <v>0</v>
      </c>
      <c r="CQ16" s="102">
        <v>735</v>
      </c>
      <c r="CR16" s="102">
        <v>757</v>
      </c>
      <c r="CS16" s="102">
        <v>484</v>
      </c>
      <c r="CT16" s="102">
        <v>491</v>
      </c>
      <c r="CU16" s="102">
        <v>232</v>
      </c>
      <c r="CV16" s="103">
        <v>2699</v>
      </c>
      <c r="CW16" s="104">
        <v>4210</v>
      </c>
      <c r="CX16" s="105">
        <v>1479</v>
      </c>
      <c r="CY16" s="97">
        <v>1530</v>
      </c>
      <c r="CZ16" s="98">
        <v>3009</v>
      </c>
      <c r="DA16" s="413">
        <v>0</v>
      </c>
      <c r="DB16" s="97">
        <v>1549</v>
      </c>
      <c r="DC16" s="97">
        <v>1182</v>
      </c>
      <c r="DD16" s="97">
        <v>1008</v>
      </c>
      <c r="DE16" s="97">
        <v>1071</v>
      </c>
      <c r="DF16" s="97">
        <v>648</v>
      </c>
      <c r="DG16" s="99">
        <v>5458</v>
      </c>
      <c r="DH16" s="100">
        <v>8467</v>
      </c>
      <c r="DI16" s="107">
        <v>27</v>
      </c>
      <c r="DJ16" s="102">
        <v>36</v>
      </c>
      <c r="DK16" s="103">
        <v>63</v>
      </c>
      <c r="DL16" s="413">
        <v>0</v>
      </c>
      <c r="DM16" s="102">
        <v>21</v>
      </c>
      <c r="DN16" s="102">
        <v>21</v>
      </c>
      <c r="DO16" s="102">
        <v>19</v>
      </c>
      <c r="DP16" s="102">
        <v>14</v>
      </c>
      <c r="DQ16" s="102">
        <v>12</v>
      </c>
      <c r="DR16" s="103">
        <v>87</v>
      </c>
      <c r="DS16" s="104">
        <v>150</v>
      </c>
      <c r="DT16" s="101">
        <v>82</v>
      </c>
      <c r="DU16" s="102">
        <v>85</v>
      </c>
      <c r="DV16" s="103">
        <v>167</v>
      </c>
      <c r="DW16" s="413">
        <v>0</v>
      </c>
      <c r="DX16" s="102">
        <v>44</v>
      </c>
      <c r="DY16" s="102">
        <v>44</v>
      </c>
      <c r="DZ16" s="102">
        <v>42</v>
      </c>
      <c r="EA16" s="102">
        <v>37</v>
      </c>
      <c r="EB16" s="102">
        <v>33</v>
      </c>
      <c r="EC16" s="103">
        <v>200</v>
      </c>
      <c r="ED16" s="104">
        <v>367</v>
      </c>
      <c r="EE16" s="107">
        <v>211</v>
      </c>
      <c r="EF16" s="102">
        <v>227</v>
      </c>
      <c r="EG16" s="103">
        <v>438</v>
      </c>
      <c r="EH16" s="413">
        <v>0</v>
      </c>
      <c r="EI16" s="102">
        <v>151</v>
      </c>
      <c r="EJ16" s="102">
        <v>104</v>
      </c>
      <c r="EK16" s="102">
        <v>88</v>
      </c>
      <c r="EL16" s="102">
        <v>98</v>
      </c>
      <c r="EM16" s="102">
        <v>67</v>
      </c>
      <c r="EN16" s="103">
        <v>508</v>
      </c>
      <c r="EO16" s="104">
        <v>946</v>
      </c>
      <c r="EP16" s="101">
        <v>468</v>
      </c>
      <c r="EQ16" s="102">
        <v>396</v>
      </c>
      <c r="ER16" s="103">
        <v>864</v>
      </c>
      <c r="ES16" s="413">
        <v>0</v>
      </c>
      <c r="ET16" s="102">
        <v>378</v>
      </c>
      <c r="EU16" s="102">
        <v>244</v>
      </c>
      <c r="EV16" s="102">
        <v>175</v>
      </c>
      <c r="EW16" s="102">
        <v>173</v>
      </c>
      <c r="EX16" s="102">
        <v>115</v>
      </c>
      <c r="EY16" s="103">
        <v>1085</v>
      </c>
      <c r="EZ16" s="104">
        <v>1949</v>
      </c>
      <c r="FA16" s="107">
        <v>448</v>
      </c>
      <c r="FB16" s="102">
        <v>437</v>
      </c>
      <c r="FC16" s="103">
        <v>885</v>
      </c>
      <c r="FD16" s="413">
        <v>0</v>
      </c>
      <c r="FE16" s="102">
        <v>493</v>
      </c>
      <c r="FF16" s="102">
        <v>333</v>
      </c>
      <c r="FG16" s="102">
        <v>263</v>
      </c>
      <c r="FH16" s="102">
        <v>266</v>
      </c>
      <c r="FI16" s="102">
        <v>166</v>
      </c>
      <c r="FJ16" s="103">
        <v>1521</v>
      </c>
      <c r="FK16" s="104">
        <v>2406</v>
      </c>
      <c r="FL16" s="101">
        <v>243</v>
      </c>
      <c r="FM16" s="102">
        <v>349</v>
      </c>
      <c r="FN16" s="103">
        <v>592</v>
      </c>
      <c r="FO16" s="413">
        <v>0</v>
      </c>
      <c r="FP16" s="102">
        <v>462</v>
      </c>
      <c r="FQ16" s="102">
        <v>436</v>
      </c>
      <c r="FR16" s="102">
        <v>421</v>
      </c>
      <c r="FS16" s="102">
        <v>483</v>
      </c>
      <c r="FT16" s="102">
        <v>255</v>
      </c>
      <c r="FU16" s="103">
        <v>2057</v>
      </c>
      <c r="FV16" s="104">
        <v>2649</v>
      </c>
      <c r="FW16" s="101">
        <v>13</v>
      </c>
      <c r="FX16" s="102">
        <v>24</v>
      </c>
      <c r="FY16" s="103">
        <v>37</v>
      </c>
      <c r="FZ16" s="413">
        <v>0</v>
      </c>
      <c r="GA16" s="102">
        <v>13</v>
      </c>
      <c r="GB16" s="102">
        <v>19</v>
      </c>
      <c r="GC16" s="102">
        <v>19</v>
      </c>
      <c r="GD16" s="102">
        <v>11</v>
      </c>
      <c r="GE16" s="102">
        <v>9</v>
      </c>
      <c r="GF16" s="103">
        <v>71</v>
      </c>
      <c r="GG16" s="104">
        <v>108</v>
      </c>
      <c r="GH16" s="101">
        <v>1492</v>
      </c>
      <c r="GI16" s="102">
        <v>1554</v>
      </c>
      <c r="GJ16" s="103">
        <v>3046</v>
      </c>
      <c r="GK16" s="413">
        <v>0</v>
      </c>
      <c r="GL16" s="102">
        <v>1562</v>
      </c>
      <c r="GM16" s="102">
        <v>1201</v>
      </c>
      <c r="GN16" s="102">
        <v>1027</v>
      </c>
      <c r="GO16" s="102">
        <v>1082</v>
      </c>
      <c r="GP16" s="102">
        <v>657</v>
      </c>
      <c r="GQ16" s="103">
        <v>5529</v>
      </c>
      <c r="GR16" s="104">
        <v>8575</v>
      </c>
      <c r="GS16" s="105">
        <v>2225</v>
      </c>
      <c r="GT16" s="97">
        <v>2247</v>
      </c>
      <c r="GU16" s="98">
        <v>4472</v>
      </c>
      <c r="GV16" s="413">
        <v>0</v>
      </c>
      <c r="GW16" s="97">
        <v>2274</v>
      </c>
      <c r="GX16" s="97">
        <v>1911</v>
      </c>
      <c r="GY16" s="97">
        <v>1472</v>
      </c>
      <c r="GZ16" s="97">
        <v>1544</v>
      </c>
      <c r="HA16" s="97">
        <v>860</v>
      </c>
      <c r="HB16" s="99">
        <v>8061</v>
      </c>
      <c r="HC16" s="100">
        <v>12533</v>
      </c>
      <c r="HD16" s="107">
        <v>53</v>
      </c>
      <c r="HE16" s="102">
        <v>59</v>
      </c>
      <c r="HF16" s="103">
        <v>112</v>
      </c>
      <c r="HG16" s="416">
        <v>0</v>
      </c>
      <c r="HH16" s="102">
        <v>35</v>
      </c>
      <c r="HI16" s="102">
        <v>54</v>
      </c>
      <c r="HJ16" s="102">
        <v>32</v>
      </c>
      <c r="HK16" s="102">
        <v>33</v>
      </c>
      <c r="HL16" s="102">
        <v>18</v>
      </c>
      <c r="HM16" s="103">
        <v>172</v>
      </c>
      <c r="HN16" s="104">
        <v>284</v>
      </c>
      <c r="HO16" s="101">
        <v>135</v>
      </c>
      <c r="HP16" s="102">
        <v>147</v>
      </c>
      <c r="HQ16" s="103">
        <v>282</v>
      </c>
      <c r="HR16" s="413">
        <v>0</v>
      </c>
      <c r="HS16" s="102">
        <v>88</v>
      </c>
      <c r="HT16" s="102">
        <v>94</v>
      </c>
      <c r="HU16" s="102">
        <v>83</v>
      </c>
      <c r="HV16" s="102">
        <v>85</v>
      </c>
      <c r="HW16" s="102">
        <v>49</v>
      </c>
      <c r="HX16" s="103">
        <v>399</v>
      </c>
      <c r="HY16" s="104">
        <v>681</v>
      </c>
      <c r="HZ16" s="107">
        <v>311</v>
      </c>
      <c r="IA16" s="102">
        <v>344</v>
      </c>
      <c r="IB16" s="103">
        <v>655</v>
      </c>
      <c r="IC16" s="413">
        <v>0</v>
      </c>
      <c r="ID16" s="102">
        <v>256</v>
      </c>
      <c r="IE16" s="102">
        <v>207</v>
      </c>
      <c r="IF16" s="102">
        <v>156</v>
      </c>
      <c r="IG16" s="102">
        <v>171</v>
      </c>
      <c r="IH16" s="102">
        <v>107</v>
      </c>
      <c r="II16" s="103">
        <v>897</v>
      </c>
      <c r="IJ16" s="104">
        <v>1552</v>
      </c>
      <c r="IK16" s="101">
        <v>662</v>
      </c>
      <c r="IL16" s="102">
        <v>580</v>
      </c>
      <c r="IM16" s="103">
        <v>1242</v>
      </c>
      <c r="IN16" s="413">
        <v>0</v>
      </c>
      <c r="IO16" s="102">
        <v>557</v>
      </c>
      <c r="IP16" s="102">
        <v>441</v>
      </c>
      <c r="IQ16" s="102">
        <v>293</v>
      </c>
      <c r="IR16" s="102">
        <v>270</v>
      </c>
      <c r="IS16" s="102">
        <v>174</v>
      </c>
      <c r="IT16" s="103">
        <v>1735</v>
      </c>
      <c r="IU16" s="104">
        <v>2977</v>
      </c>
      <c r="IV16" s="107">
        <v>689</v>
      </c>
      <c r="IW16" s="102">
        <v>625</v>
      </c>
      <c r="IX16" s="103">
        <v>1314</v>
      </c>
      <c r="IY16" s="413">
        <v>0</v>
      </c>
      <c r="IZ16" s="102">
        <v>715</v>
      </c>
      <c r="JA16" s="102">
        <v>518</v>
      </c>
      <c r="JB16" s="102">
        <v>388</v>
      </c>
      <c r="JC16" s="102">
        <v>389</v>
      </c>
      <c r="JD16" s="102">
        <v>218</v>
      </c>
      <c r="JE16" s="103">
        <v>2228</v>
      </c>
      <c r="JF16" s="104">
        <v>3542</v>
      </c>
      <c r="JG16" s="101">
        <v>375</v>
      </c>
      <c r="JH16" s="102">
        <v>492</v>
      </c>
      <c r="JI16" s="103">
        <v>867</v>
      </c>
      <c r="JJ16" s="413">
        <v>0</v>
      </c>
      <c r="JK16" s="102">
        <v>623</v>
      </c>
      <c r="JL16" s="102">
        <v>597</v>
      </c>
      <c r="JM16" s="102">
        <v>520</v>
      </c>
      <c r="JN16" s="102">
        <v>596</v>
      </c>
      <c r="JO16" s="102">
        <v>294</v>
      </c>
      <c r="JP16" s="103">
        <v>2630</v>
      </c>
      <c r="JQ16" s="104">
        <v>3497</v>
      </c>
      <c r="JR16" s="101">
        <v>27</v>
      </c>
      <c r="JS16" s="102">
        <v>58</v>
      </c>
      <c r="JT16" s="103">
        <v>85</v>
      </c>
      <c r="JU16" s="413">
        <v>0</v>
      </c>
      <c r="JV16" s="102">
        <v>23</v>
      </c>
      <c r="JW16" s="102">
        <v>47</v>
      </c>
      <c r="JX16" s="102">
        <v>39</v>
      </c>
      <c r="JY16" s="102">
        <v>29</v>
      </c>
      <c r="JZ16" s="102">
        <v>29</v>
      </c>
      <c r="KA16" s="103">
        <v>167</v>
      </c>
      <c r="KB16" s="104">
        <v>252</v>
      </c>
      <c r="KC16" s="101">
        <v>2252</v>
      </c>
      <c r="KD16" s="102">
        <v>2305</v>
      </c>
      <c r="KE16" s="103">
        <v>4557</v>
      </c>
      <c r="KF16" s="413">
        <v>0</v>
      </c>
      <c r="KG16" s="102">
        <v>2297</v>
      </c>
      <c r="KH16" s="102">
        <v>1958</v>
      </c>
      <c r="KI16" s="102">
        <v>1511</v>
      </c>
      <c r="KJ16" s="102">
        <v>1573</v>
      </c>
      <c r="KK16" s="102">
        <v>889</v>
      </c>
      <c r="KL16" s="103">
        <v>8228</v>
      </c>
      <c r="KM16" s="104">
        <v>12785</v>
      </c>
    </row>
    <row r="17" spans="2:299" s="70" customFormat="1" ht="21" customHeight="1" x14ac:dyDescent="0.2">
      <c r="B17" s="106" t="s">
        <v>13</v>
      </c>
      <c r="C17" s="96">
        <v>170</v>
      </c>
      <c r="D17" s="97">
        <v>163</v>
      </c>
      <c r="E17" s="98">
        <v>333</v>
      </c>
      <c r="F17" s="413">
        <v>0</v>
      </c>
      <c r="G17" s="97">
        <v>324</v>
      </c>
      <c r="H17" s="97">
        <v>292</v>
      </c>
      <c r="I17" s="97">
        <v>173</v>
      </c>
      <c r="J17" s="97">
        <v>134</v>
      </c>
      <c r="K17" s="97">
        <v>107</v>
      </c>
      <c r="L17" s="99">
        <v>1030</v>
      </c>
      <c r="M17" s="100">
        <v>1363</v>
      </c>
      <c r="N17" s="101">
        <v>5</v>
      </c>
      <c r="O17" s="102">
        <v>5</v>
      </c>
      <c r="P17" s="103">
        <v>10</v>
      </c>
      <c r="Q17" s="413">
        <v>0</v>
      </c>
      <c r="R17" s="102">
        <v>12</v>
      </c>
      <c r="S17" s="102">
        <v>8</v>
      </c>
      <c r="T17" s="102">
        <v>4</v>
      </c>
      <c r="U17" s="102">
        <v>7</v>
      </c>
      <c r="V17" s="102">
        <v>6</v>
      </c>
      <c r="W17" s="103">
        <v>37</v>
      </c>
      <c r="X17" s="104">
        <v>47</v>
      </c>
      <c r="Y17" s="101">
        <v>11</v>
      </c>
      <c r="Z17" s="102">
        <v>7</v>
      </c>
      <c r="AA17" s="103">
        <v>18</v>
      </c>
      <c r="AB17" s="413">
        <v>0</v>
      </c>
      <c r="AC17" s="102">
        <v>19</v>
      </c>
      <c r="AD17" s="102">
        <v>18</v>
      </c>
      <c r="AE17" s="102">
        <v>12</v>
      </c>
      <c r="AF17" s="102">
        <v>13</v>
      </c>
      <c r="AG17" s="102">
        <v>10</v>
      </c>
      <c r="AH17" s="103">
        <v>72</v>
      </c>
      <c r="AI17" s="104">
        <v>90</v>
      </c>
      <c r="AJ17" s="101">
        <v>17</v>
      </c>
      <c r="AK17" s="102">
        <v>19</v>
      </c>
      <c r="AL17" s="103">
        <v>36</v>
      </c>
      <c r="AM17" s="413">
        <v>0</v>
      </c>
      <c r="AN17" s="102">
        <v>43</v>
      </c>
      <c r="AO17" s="102">
        <v>46</v>
      </c>
      <c r="AP17" s="102">
        <v>23</v>
      </c>
      <c r="AQ17" s="102">
        <v>15</v>
      </c>
      <c r="AR17" s="102">
        <v>13</v>
      </c>
      <c r="AS17" s="103">
        <v>140</v>
      </c>
      <c r="AT17" s="104">
        <v>176</v>
      </c>
      <c r="AU17" s="101">
        <v>45</v>
      </c>
      <c r="AV17" s="102">
        <v>35</v>
      </c>
      <c r="AW17" s="103">
        <v>80</v>
      </c>
      <c r="AX17" s="413">
        <v>0</v>
      </c>
      <c r="AY17" s="102">
        <v>72</v>
      </c>
      <c r="AZ17" s="102">
        <v>64</v>
      </c>
      <c r="BA17" s="102">
        <v>43</v>
      </c>
      <c r="BB17" s="102">
        <v>23</v>
      </c>
      <c r="BC17" s="102">
        <v>22</v>
      </c>
      <c r="BD17" s="103">
        <v>224</v>
      </c>
      <c r="BE17" s="104">
        <v>304</v>
      </c>
      <c r="BF17" s="101">
        <v>50</v>
      </c>
      <c r="BG17" s="102">
        <v>59</v>
      </c>
      <c r="BH17" s="103">
        <v>109</v>
      </c>
      <c r="BI17" s="413">
        <v>0</v>
      </c>
      <c r="BJ17" s="102">
        <v>101</v>
      </c>
      <c r="BK17" s="102">
        <v>85</v>
      </c>
      <c r="BL17" s="102">
        <v>46</v>
      </c>
      <c r="BM17" s="102">
        <v>40</v>
      </c>
      <c r="BN17" s="102">
        <v>21</v>
      </c>
      <c r="BO17" s="103">
        <v>293</v>
      </c>
      <c r="BP17" s="104">
        <v>402</v>
      </c>
      <c r="BQ17" s="101">
        <v>42</v>
      </c>
      <c r="BR17" s="102">
        <v>38</v>
      </c>
      <c r="BS17" s="103">
        <v>80</v>
      </c>
      <c r="BT17" s="413">
        <v>0</v>
      </c>
      <c r="BU17" s="102">
        <v>77</v>
      </c>
      <c r="BV17" s="102">
        <v>71</v>
      </c>
      <c r="BW17" s="102">
        <v>45</v>
      </c>
      <c r="BX17" s="102">
        <v>36</v>
      </c>
      <c r="BY17" s="102">
        <v>35</v>
      </c>
      <c r="BZ17" s="103">
        <v>264</v>
      </c>
      <c r="CA17" s="104">
        <v>344</v>
      </c>
      <c r="CB17" s="101">
        <v>5</v>
      </c>
      <c r="CC17" s="102">
        <v>3</v>
      </c>
      <c r="CD17" s="103">
        <v>8</v>
      </c>
      <c r="CE17" s="413">
        <v>0</v>
      </c>
      <c r="CF17" s="102">
        <v>8</v>
      </c>
      <c r="CG17" s="102">
        <v>11</v>
      </c>
      <c r="CH17" s="102">
        <v>7</v>
      </c>
      <c r="CI17" s="102">
        <v>2</v>
      </c>
      <c r="CJ17" s="102">
        <v>7</v>
      </c>
      <c r="CK17" s="103">
        <v>35</v>
      </c>
      <c r="CL17" s="104">
        <v>43</v>
      </c>
      <c r="CM17" s="101">
        <v>175</v>
      </c>
      <c r="CN17" s="102">
        <v>166</v>
      </c>
      <c r="CO17" s="103">
        <v>341</v>
      </c>
      <c r="CP17" s="413">
        <v>0</v>
      </c>
      <c r="CQ17" s="102">
        <v>332</v>
      </c>
      <c r="CR17" s="102">
        <v>303</v>
      </c>
      <c r="CS17" s="102">
        <v>180</v>
      </c>
      <c r="CT17" s="102">
        <v>136</v>
      </c>
      <c r="CU17" s="102">
        <v>114</v>
      </c>
      <c r="CV17" s="103">
        <v>1065</v>
      </c>
      <c r="CW17" s="104">
        <v>1406</v>
      </c>
      <c r="CX17" s="105">
        <v>391</v>
      </c>
      <c r="CY17" s="97">
        <v>425</v>
      </c>
      <c r="CZ17" s="98">
        <v>816</v>
      </c>
      <c r="DA17" s="413">
        <v>0</v>
      </c>
      <c r="DB17" s="97">
        <v>591</v>
      </c>
      <c r="DC17" s="97">
        <v>529</v>
      </c>
      <c r="DD17" s="97">
        <v>340</v>
      </c>
      <c r="DE17" s="97">
        <v>380</v>
      </c>
      <c r="DF17" s="97">
        <v>295</v>
      </c>
      <c r="DG17" s="99">
        <v>2135</v>
      </c>
      <c r="DH17" s="100">
        <v>2951</v>
      </c>
      <c r="DI17" s="101">
        <v>5</v>
      </c>
      <c r="DJ17" s="102">
        <v>3</v>
      </c>
      <c r="DK17" s="103">
        <v>8</v>
      </c>
      <c r="DL17" s="413">
        <v>0</v>
      </c>
      <c r="DM17" s="102">
        <v>11</v>
      </c>
      <c r="DN17" s="102">
        <v>1</v>
      </c>
      <c r="DO17" s="102">
        <v>3</v>
      </c>
      <c r="DP17" s="102">
        <v>8</v>
      </c>
      <c r="DQ17" s="102">
        <v>5</v>
      </c>
      <c r="DR17" s="103">
        <v>28</v>
      </c>
      <c r="DS17" s="104">
        <v>36</v>
      </c>
      <c r="DT17" s="101">
        <v>20</v>
      </c>
      <c r="DU17" s="102">
        <v>27</v>
      </c>
      <c r="DV17" s="103">
        <v>47</v>
      </c>
      <c r="DW17" s="413">
        <v>0</v>
      </c>
      <c r="DX17" s="102">
        <v>13</v>
      </c>
      <c r="DY17" s="102">
        <v>22</v>
      </c>
      <c r="DZ17" s="102">
        <v>12</v>
      </c>
      <c r="EA17" s="102">
        <v>8</v>
      </c>
      <c r="EB17" s="102">
        <v>7</v>
      </c>
      <c r="EC17" s="103">
        <v>62</v>
      </c>
      <c r="ED17" s="104">
        <v>109</v>
      </c>
      <c r="EE17" s="101">
        <v>38</v>
      </c>
      <c r="EF17" s="102">
        <v>37</v>
      </c>
      <c r="EG17" s="103">
        <v>75</v>
      </c>
      <c r="EH17" s="413">
        <v>0</v>
      </c>
      <c r="EI17" s="102">
        <v>61</v>
      </c>
      <c r="EJ17" s="102">
        <v>36</v>
      </c>
      <c r="EK17" s="102">
        <v>36</v>
      </c>
      <c r="EL17" s="102">
        <v>27</v>
      </c>
      <c r="EM17" s="102">
        <v>25</v>
      </c>
      <c r="EN17" s="103">
        <v>185</v>
      </c>
      <c r="EO17" s="104">
        <v>260</v>
      </c>
      <c r="EP17" s="101">
        <v>110</v>
      </c>
      <c r="EQ17" s="102">
        <v>132</v>
      </c>
      <c r="ER17" s="103">
        <v>242</v>
      </c>
      <c r="ES17" s="413">
        <v>0</v>
      </c>
      <c r="ET17" s="102">
        <v>142</v>
      </c>
      <c r="EU17" s="102">
        <v>107</v>
      </c>
      <c r="EV17" s="102">
        <v>57</v>
      </c>
      <c r="EW17" s="102">
        <v>64</v>
      </c>
      <c r="EX17" s="102">
        <v>51</v>
      </c>
      <c r="EY17" s="103">
        <v>421</v>
      </c>
      <c r="EZ17" s="104">
        <v>663</v>
      </c>
      <c r="FA17" s="101">
        <v>141</v>
      </c>
      <c r="FB17" s="102">
        <v>133</v>
      </c>
      <c r="FC17" s="103">
        <v>274</v>
      </c>
      <c r="FD17" s="413">
        <v>0</v>
      </c>
      <c r="FE17" s="102">
        <v>185</v>
      </c>
      <c r="FF17" s="102">
        <v>153</v>
      </c>
      <c r="FG17" s="102">
        <v>72</v>
      </c>
      <c r="FH17" s="102">
        <v>89</v>
      </c>
      <c r="FI17" s="102">
        <v>75</v>
      </c>
      <c r="FJ17" s="103">
        <v>574</v>
      </c>
      <c r="FK17" s="104">
        <v>848</v>
      </c>
      <c r="FL17" s="101">
        <v>77</v>
      </c>
      <c r="FM17" s="102">
        <v>93</v>
      </c>
      <c r="FN17" s="103">
        <v>170</v>
      </c>
      <c r="FO17" s="413">
        <v>0</v>
      </c>
      <c r="FP17" s="102">
        <v>179</v>
      </c>
      <c r="FQ17" s="102">
        <v>210</v>
      </c>
      <c r="FR17" s="102">
        <v>160</v>
      </c>
      <c r="FS17" s="102">
        <v>184</v>
      </c>
      <c r="FT17" s="102">
        <v>132</v>
      </c>
      <c r="FU17" s="103">
        <v>865</v>
      </c>
      <c r="FV17" s="104">
        <v>1035</v>
      </c>
      <c r="FW17" s="101">
        <v>1</v>
      </c>
      <c r="FX17" s="102">
        <v>3</v>
      </c>
      <c r="FY17" s="103">
        <v>4</v>
      </c>
      <c r="FZ17" s="413">
        <v>0</v>
      </c>
      <c r="GA17" s="102">
        <v>11</v>
      </c>
      <c r="GB17" s="102">
        <v>9</v>
      </c>
      <c r="GC17" s="102">
        <v>6</v>
      </c>
      <c r="GD17" s="102">
        <v>0</v>
      </c>
      <c r="GE17" s="102">
        <v>6</v>
      </c>
      <c r="GF17" s="103">
        <v>32</v>
      </c>
      <c r="GG17" s="104">
        <v>36</v>
      </c>
      <c r="GH17" s="101">
        <v>392</v>
      </c>
      <c r="GI17" s="102">
        <v>428</v>
      </c>
      <c r="GJ17" s="103">
        <v>820</v>
      </c>
      <c r="GK17" s="413">
        <v>0</v>
      </c>
      <c r="GL17" s="102">
        <v>602</v>
      </c>
      <c r="GM17" s="102">
        <v>538</v>
      </c>
      <c r="GN17" s="102">
        <v>346</v>
      </c>
      <c r="GO17" s="102">
        <v>380</v>
      </c>
      <c r="GP17" s="102">
        <v>301</v>
      </c>
      <c r="GQ17" s="103">
        <v>2167</v>
      </c>
      <c r="GR17" s="104">
        <v>2987</v>
      </c>
      <c r="GS17" s="105">
        <v>561</v>
      </c>
      <c r="GT17" s="97">
        <v>588</v>
      </c>
      <c r="GU17" s="98">
        <v>1149</v>
      </c>
      <c r="GV17" s="413">
        <v>0</v>
      </c>
      <c r="GW17" s="97">
        <v>915</v>
      </c>
      <c r="GX17" s="97">
        <v>821</v>
      </c>
      <c r="GY17" s="97">
        <v>513</v>
      </c>
      <c r="GZ17" s="97">
        <v>514</v>
      </c>
      <c r="HA17" s="97">
        <v>402</v>
      </c>
      <c r="HB17" s="99">
        <v>3165</v>
      </c>
      <c r="HC17" s="100">
        <v>4314</v>
      </c>
      <c r="HD17" s="101">
        <v>10</v>
      </c>
      <c r="HE17" s="102">
        <v>8</v>
      </c>
      <c r="HF17" s="103">
        <v>18</v>
      </c>
      <c r="HG17" s="416">
        <v>0</v>
      </c>
      <c r="HH17" s="102">
        <v>23</v>
      </c>
      <c r="HI17" s="102">
        <v>9</v>
      </c>
      <c r="HJ17" s="102">
        <v>7</v>
      </c>
      <c r="HK17" s="102">
        <v>15</v>
      </c>
      <c r="HL17" s="102">
        <v>11</v>
      </c>
      <c r="HM17" s="103">
        <v>65</v>
      </c>
      <c r="HN17" s="104">
        <v>83</v>
      </c>
      <c r="HO17" s="101">
        <v>31</v>
      </c>
      <c r="HP17" s="102">
        <v>34</v>
      </c>
      <c r="HQ17" s="103">
        <v>65</v>
      </c>
      <c r="HR17" s="413">
        <v>0</v>
      </c>
      <c r="HS17" s="102">
        <v>32</v>
      </c>
      <c r="HT17" s="102">
        <v>40</v>
      </c>
      <c r="HU17" s="102">
        <v>24</v>
      </c>
      <c r="HV17" s="102">
        <v>21</v>
      </c>
      <c r="HW17" s="102">
        <v>17</v>
      </c>
      <c r="HX17" s="103">
        <v>134</v>
      </c>
      <c r="HY17" s="104">
        <v>199</v>
      </c>
      <c r="HZ17" s="101">
        <v>55</v>
      </c>
      <c r="IA17" s="102">
        <v>56</v>
      </c>
      <c r="IB17" s="103">
        <v>111</v>
      </c>
      <c r="IC17" s="413">
        <v>0</v>
      </c>
      <c r="ID17" s="102">
        <v>104</v>
      </c>
      <c r="IE17" s="102">
        <v>82</v>
      </c>
      <c r="IF17" s="102">
        <v>59</v>
      </c>
      <c r="IG17" s="102">
        <v>42</v>
      </c>
      <c r="IH17" s="102">
        <v>38</v>
      </c>
      <c r="II17" s="103">
        <v>325</v>
      </c>
      <c r="IJ17" s="104">
        <v>436</v>
      </c>
      <c r="IK17" s="101">
        <v>155</v>
      </c>
      <c r="IL17" s="102">
        <v>167</v>
      </c>
      <c r="IM17" s="103">
        <v>322</v>
      </c>
      <c r="IN17" s="413">
        <v>0</v>
      </c>
      <c r="IO17" s="102">
        <v>214</v>
      </c>
      <c r="IP17" s="102">
        <v>171</v>
      </c>
      <c r="IQ17" s="102">
        <v>100</v>
      </c>
      <c r="IR17" s="102">
        <v>87</v>
      </c>
      <c r="IS17" s="102">
        <v>73</v>
      </c>
      <c r="IT17" s="103">
        <v>645</v>
      </c>
      <c r="IU17" s="104">
        <v>967</v>
      </c>
      <c r="IV17" s="101">
        <v>191</v>
      </c>
      <c r="IW17" s="102">
        <v>192</v>
      </c>
      <c r="IX17" s="103">
        <v>383</v>
      </c>
      <c r="IY17" s="413">
        <v>0</v>
      </c>
      <c r="IZ17" s="102">
        <v>286</v>
      </c>
      <c r="JA17" s="102">
        <v>238</v>
      </c>
      <c r="JB17" s="102">
        <v>118</v>
      </c>
      <c r="JC17" s="102">
        <v>129</v>
      </c>
      <c r="JD17" s="102">
        <v>96</v>
      </c>
      <c r="JE17" s="103">
        <v>867</v>
      </c>
      <c r="JF17" s="104">
        <v>1250</v>
      </c>
      <c r="JG17" s="101">
        <v>119</v>
      </c>
      <c r="JH17" s="102">
        <v>131</v>
      </c>
      <c r="JI17" s="103">
        <v>250</v>
      </c>
      <c r="JJ17" s="413">
        <v>0</v>
      </c>
      <c r="JK17" s="102">
        <v>256</v>
      </c>
      <c r="JL17" s="102">
        <v>281</v>
      </c>
      <c r="JM17" s="102">
        <v>205</v>
      </c>
      <c r="JN17" s="102">
        <v>220</v>
      </c>
      <c r="JO17" s="102">
        <v>167</v>
      </c>
      <c r="JP17" s="103">
        <v>1129</v>
      </c>
      <c r="JQ17" s="104">
        <v>1379</v>
      </c>
      <c r="JR17" s="101">
        <v>6</v>
      </c>
      <c r="JS17" s="102">
        <v>6</v>
      </c>
      <c r="JT17" s="103">
        <v>12</v>
      </c>
      <c r="JU17" s="413">
        <v>0</v>
      </c>
      <c r="JV17" s="102">
        <v>19</v>
      </c>
      <c r="JW17" s="102">
        <v>20</v>
      </c>
      <c r="JX17" s="102">
        <v>13</v>
      </c>
      <c r="JY17" s="102">
        <v>2</v>
      </c>
      <c r="JZ17" s="102">
        <v>13</v>
      </c>
      <c r="KA17" s="103">
        <v>67</v>
      </c>
      <c r="KB17" s="104">
        <v>79</v>
      </c>
      <c r="KC17" s="101">
        <v>567</v>
      </c>
      <c r="KD17" s="102">
        <v>594</v>
      </c>
      <c r="KE17" s="103">
        <v>1161</v>
      </c>
      <c r="KF17" s="413">
        <v>0</v>
      </c>
      <c r="KG17" s="102">
        <v>934</v>
      </c>
      <c r="KH17" s="102">
        <v>841</v>
      </c>
      <c r="KI17" s="102">
        <v>526</v>
      </c>
      <c r="KJ17" s="102">
        <v>516</v>
      </c>
      <c r="KK17" s="102">
        <v>415</v>
      </c>
      <c r="KL17" s="103">
        <v>3232</v>
      </c>
      <c r="KM17" s="104">
        <v>4393</v>
      </c>
    </row>
    <row r="18" spans="2:299" s="70" customFormat="1" ht="21" customHeight="1" x14ac:dyDescent="0.2">
      <c r="B18" s="106" t="s">
        <v>15</v>
      </c>
      <c r="C18" s="96">
        <v>123</v>
      </c>
      <c r="D18" s="97">
        <v>144</v>
      </c>
      <c r="E18" s="98">
        <v>267</v>
      </c>
      <c r="F18" s="413">
        <v>0</v>
      </c>
      <c r="G18" s="97">
        <v>270</v>
      </c>
      <c r="H18" s="97">
        <v>220</v>
      </c>
      <c r="I18" s="97">
        <v>134</v>
      </c>
      <c r="J18" s="97">
        <v>147</v>
      </c>
      <c r="K18" s="97">
        <v>65</v>
      </c>
      <c r="L18" s="99">
        <v>836</v>
      </c>
      <c r="M18" s="100">
        <v>1103</v>
      </c>
      <c r="N18" s="101">
        <v>5</v>
      </c>
      <c r="O18" s="102">
        <v>5</v>
      </c>
      <c r="P18" s="103">
        <v>10</v>
      </c>
      <c r="Q18" s="413">
        <v>0</v>
      </c>
      <c r="R18" s="102">
        <v>12</v>
      </c>
      <c r="S18" s="102">
        <v>17</v>
      </c>
      <c r="T18" s="102">
        <v>3</v>
      </c>
      <c r="U18" s="102">
        <v>6</v>
      </c>
      <c r="V18" s="102">
        <v>5</v>
      </c>
      <c r="W18" s="103">
        <v>43</v>
      </c>
      <c r="X18" s="104">
        <v>53</v>
      </c>
      <c r="Y18" s="101">
        <v>12</v>
      </c>
      <c r="Z18" s="102">
        <v>15</v>
      </c>
      <c r="AA18" s="103">
        <v>27</v>
      </c>
      <c r="AB18" s="413">
        <v>0</v>
      </c>
      <c r="AC18" s="102">
        <v>36</v>
      </c>
      <c r="AD18" s="102">
        <v>22</v>
      </c>
      <c r="AE18" s="102">
        <v>20</v>
      </c>
      <c r="AF18" s="102">
        <v>15</v>
      </c>
      <c r="AG18" s="102">
        <v>6</v>
      </c>
      <c r="AH18" s="103">
        <v>99</v>
      </c>
      <c r="AI18" s="104">
        <v>126</v>
      </c>
      <c r="AJ18" s="101">
        <v>23</v>
      </c>
      <c r="AK18" s="102">
        <v>23</v>
      </c>
      <c r="AL18" s="103">
        <v>46</v>
      </c>
      <c r="AM18" s="413">
        <v>0</v>
      </c>
      <c r="AN18" s="102">
        <v>36</v>
      </c>
      <c r="AO18" s="102">
        <v>51</v>
      </c>
      <c r="AP18" s="102">
        <v>21</v>
      </c>
      <c r="AQ18" s="102">
        <v>30</v>
      </c>
      <c r="AR18" s="102">
        <v>17</v>
      </c>
      <c r="AS18" s="103">
        <v>155</v>
      </c>
      <c r="AT18" s="104">
        <v>201</v>
      </c>
      <c r="AU18" s="101">
        <v>41</v>
      </c>
      <c r="AV18" s="102">
        <v>36</v>
      </c>
      <c r="AW18" s="103">
        <v>77</v>
      </c>
      <c r="AX18" s="413">
        <v>0</v>
      </c>
      <c r="AY18" s="102">
        <v>78</v>
      </c>
      <c r="AZ18" s="102">
        <v>46</v>
      </c>
      <c r="BA18" s="102">
        <v>28</v>
      </c>
      <c r="BB18" s="102">
        <v>34</v>
      </c>
      <c r="BC18" s="102">
        <v>19</v>
      </c>
      <c r="BD18" s="103">
        <v>205</v>
      </c>
      <c r="BE18" s="104">
        <v>282</v>
      </c>
      <c r="BF18" s="101">
        <v>29</v>
      </c>
      <c r="BG18" s="102">
        <v>42</v>
      </c>
      <c r="BH18" s="103">
        <v>71</v>
      </c>
      <c r="BI18" s="413">
        <v>0</v>
      </c>
      <c r="BJ18" s="102">
        <v>58</v>
      </c>
      <c r="BK18" s="102">
        <v>46</v>
      </c>
      <c r="BL18" s="102">
        <v>34</v>
      </c>
      <c r="BM18" s="102">
        <v>33</v>
      </c>
      <c r="BN18" s="102">
        <v>11</v>
      </c>
      <c r="BO18" s="103">
        <v>182</v>
      </c>
      <c r="BP18" s="104">
        <v>253</v>
      </c>
      <c r="BQ18" s="101">
        <v>13</v>
      </c>
      <c r="BR18" s="102">
        <v>23</v>
      </c>
      <c r="BS18" s="103">
        <v>36</v>
      </c>
      <c r="BT18" s="413">
        <v>0</v>
      </c>
      <c r="BU18" s="102">
        <v>50</v>
      </c>
      <c r="BV18" s="102">
        <v>38</v>
      </c>
      <c r="BW18" s="102">
        <v>28</v>
      </c>
      <c r="BX18" s="102">
        <v>29</v>
      </c>
      <c r="BY18" s="102">
        <v>7</v>
      </c>
      <c r="BZ18" s="103">
        <v>152</v>
      </c>
      <c r="CA18" s="104">
        <v>188</v>
      </c>
      <c r="CB18" s="101">
        <v>0</v>
      </c>
      <c r="CC18" s="102">
        <v>2</v>
      </c>
      <c r="CD18" s="103">
        <v>2</v>
      </c>
      <c r="CE18" s="413">
        <v>0</v>
      </c>
      <c r="CF18" s="102">
        <v>5</v>
      </c>
      <c r="CG18" s="102">
        <v>11</v>
      </c>
      <c r="CH18" s="102">
        <v>6</v>
      </c>
      <c r="CI18" s="102">
        <v>9</v>
      </c>
      <c r="CJ18" s="102">
        <v>8</v>
      </c>
      <c r="CK18" s="103">
        <v>39</v>
      </c>
      <c r="CL18" s="104">
        <v>41</v>
      </c>
      <c r="CM18" s="101">
        <v>123</v>
      </c>
      <c r="CN18" s="102">
        <v>146</v>
      </c>
      <c r="CO18" s="103">
        <v>269</v>
      </c>
      <c r="CP18" s="413">
        <v>0</v>
      </c>
      <c r="CQ18" s="102">
        <v>275</v>
      </c>
      <c r="CR18" s="102">
        <v>231</v>
      </c>
      <c r="CS18" s="102">
        <v>140</v>
      </c>
      <c r="CT18" s="102">
        <v>156</v>
      </c>
      <c r="CU18" s="102">
        <v>73</v>
      </c>
      <c r="CV18" s="103">
        <v>875</v>
      </c>
      <c r="CW18" s="104">
        <v>1144</v>
      </c>
      <c r="CX18" s="105">
        <v>271</v>
      </c>
      <c r="CY18" s="97">
        <v>379</v>
      </c>
      <c r="CZ18" s="98">
        <v>650</v>
      </c>
      <c r="DA18" s="413">
        <v>0</v>
      </c>
      <c r="DB18" s="97">
        <v>460</v>
      </c>
      <c r="DC18" s="97">
        <v>456</v>
      </c>
      <c r="DD18" s="97">
        <v>287</v>
      </c>
      <c r="DE18" s="97">
        <v>329</v>
      </c>
      <c r="DF18" s="97">
        <v>167</v>
      </c>
      <c r="DG18" s="99">
        <v>1699</v>
      </c>
      <c r="DH18" s="100">
        <v>2349</v>
      </c>
      <c r="DI18" s="101">
        <v>5</v>
      </c>
      <c r="DJ18" s="102">
        <v>6</v>
      </c>
      <c r="DK18" s="103">
        <v>11</v>
      </c>
      <c r="DL18" s="413">
        <v>0</v>
      </c>
      <c r="DM18" s="102">
        <v>8</v>
      </c>
      <c r="DN18" s="102">
        <v>14</v>
      </c>
      <c r="DO18" s="102">
        <v>4</v>
      </c>
      <c r="DP18" s="102">
        <v>0</v>
      </c>
      <c r="DQ18" s="102">
        <v>4</v>
      </c>
      <c r="DR18" s="103">
        <v>30</v>
      </c>
      <c r="DS18" s="104">
        <v>41</v>
      </c>
      <c r="DT18" s="101">
        <v>16</v>
      </c>
      <c r="DU18" s="102">
        <v>22</v>
      </c>
      <c r="DV18" s="103">
        <v>38</v>
      </c>
      <c r="DW18" s="413">
        <v>0</v>
      </c>
      <c r="DX18" s="102">
        <v>25</v>
      </c>
      <c r="DY18" s="102">
        <v>26</v>
      </c>
      <c r="DZ18" s="102">
        <v>13</v>
      </c>
      <c r="EA18" s="102">
        <v>15</v>
      </c>
      <c r="EB18" s="102">
        <v>7</v>
      </c>
      <c r="EC18" s="103">
        <v>86</v>
      </c>
      <c r="ED18" s="104">
        <v>124</v>
      </c>
      <c r="EE18" s="101">
        <v>46</v>
      </c>
      <c r="EF18" s="102">
        <v>55</v>
      </c>
      <c r="EG18" s="103">
        <v>101</v>
      </c>
      <c r="EH18" s="413">
        <v>0</v>
      </c>
      <c r="EI18" s="102">
        <v>49</v>
      </c>
      <c r="EJ18" s="102">
        <v>64</v>
      </c>
      <c r="EK18" s="102">
        <v>26</v>
      </c>
      <c r="EL18" s="102">
        <v>16</v>
      </c>
      <c r="EM18" s="102">
        <v>18</v>
      </c>
      <c r="EN18" s="103">
        <v>173</v>
      </c>
      <c r="EO18" s="104">
        <v>274</v>
      </c>
      <c r="EP18" s="101">
        <v>91</v>
      </c>
      <c r="EQ18" s="102">
        <v>119</v>
      </c>
      <c r="ER18" s="103">
        <v>210</v>
      </c>
      <c r="ES18" s="413">
        <v>0</v>
      </c>
      <c r="ET18" s="102">
        <v>110</v>
      </c>
      <c r="EU18" s="102">
        <v>96</v>
      </c>
      <c r="EV18" s="102">
        <v>53</v>
      </c>
      <c r="EW18" s="102">
        <v>47</v>
      </c>
      <c r="EX18" s="102">
        <v>38</v>
      </c>
      <c r="EY18" s="103">
        <v>344</v>
      </c>
      <c r="EZ18" s="104">
        <v>554</v>
      </c>
      <c r="FA18" s="101">
        <v>74</v>
      </c>
      <c r="FB18" s="102">
        <v>111</v>
      </c>
      <c r="FC18" s="103">
        <v>185</v>
      </c>
      <c r="FD18" s="413">
        <v>0</v>
      </c>
      <c r="FE18" s="102">
        <v>131</v>
      </c>
      <c r="FF18" s="102">
        <v>137</v>
      </c>
      <c r="FG18" s="102">
        <v>81</v>
      </c>
      <c r="FH18" s="102">
        <v>95</v>
      </c>
      <c r="FI18" s="102">
        <v>47</v>
      </c>
      <c r="FJ18" s="103">
        <v>491</v>
      </c>
      <c r="FK18" s="104">
        <v>676</v>
      </c>
      <c r="FL18" s="101">
        <v>39</v>
      </c>
      <c r="FM18" s="102">
        <v>66</v>
      </c>
      <c r="FN18" s="103">
        <v>105</v>
      </c>
      <c r="FO18" s="413">
        <v>0</v>
      </c>
      <c r="FP18" s="102">
        <v>137</v>
      </c>
      <c r="FQ18" s="102">
        <v>119</v>
      </c>
      <c r="FR18" s="102">
        <v>110</v>
      </c>
      <c r="FS18" s="102">
        <v>156</v>
      </c>
      <c r="FT18" s="102">
        <v>53</v>
      </c>
      <c r="FU18" s="103">
        <v>575</v>
      </c>
      <c r="FV18" s="104">
        <v>680</v>
      </c>
      <c r="FW18" s="101">
        <v>0</v>
      </c>
      <c r="FX18" s="102">
        <v>4</v>
      </c>
      <c r="FY18" s="103">
        <v>4</v>
      </c>
      <c r="FZ18" s="413">
        <v>0</v>
      </c>
      <c r="GA18" s="102">
        <v>4</v>
      </c>
      <c r="GB18" s="102">
        <v>5</v>
      </c>
      <c r="GC18" s="102">
        <v>3</v>
      </c>
      <c r="GD18" s="102">
        <v>3</v>
      </c>
      <c r="GE18" s="102">
        <v>7</v>
      </c>
      <c r="GF18" s="103">
        <v>22</v>
      </c>
      <c r="GG18" s="104">
        <v>26</v>
      </c>
      <c r="GH18" s="101">
        <v>271</v>
      </c>
      <c r="GI18" s="102">
        <v>383</v>
      </c>
      <c r="GJ18" s="103">
        <v>654</v>
      </c>
      <c r="GK18" s="413">
        <v>0</v>
      </c>
      <c r="GL18" s="102">
        <v>464</v>
      </c>
      <c r="GM18" s="102">
        <v>461</v>
      </c>
      <c r="GN18" s="102">
        <v>290</v>
      </c>
      <c r="GO18" s="102">
        <v>332</v>
      </c>
      <c r="GP18" s="102">
        <v>174</v>
      </c>
      <c r="GQ18" s="103">
        <v>1721</v>
      </c>
      <c r="GR18" s="104">
        <v>2375</v>
      </c>
      <c r="GS18" s="105">
        <v>394</v>
      </c>
      <c r="GT18" s="97">
        <v>523</v>
      </c>
      <c r="GU18" s="98">
        <v>917</v>
      </c>
      <c r="GV18" s="413">
        <v>0</v>
      </c>
      <c r="GW18" s="97">
        <v>730</v>
      </c>
      <c r="GX18" s="97">
        <v>676</v>
      </c>
      <c r="GY18" s="97">
        <v>421</v>
      </c>
      <c r="GZ18" s="97">
        <v>476</v>
      </c>
      <c r="HA18" s="97">
        <v>232</v>
      </c>
      <c r="HB18" s="99">
        <v>2535</v>
      </c>
      <c r="HC18" s="100">
        <v>3452</v>
      </c>
      <c r="HD18" s="101">
        <v>10</v>
      </c>
      <c r="HE18" s="102">
        <v>11</v>
      </c>
      <c r="HF18" s="103">
        <v>21</v>
      </c>
      <c r="HG18" s="416">
        <v>0</v>
      </c>
      <c r="HH18" s="102">
        <v>20</v>
      </c>
      <c r="HI18" s="102">
        <v>31</v>
      </c>
      <c r="HJ18" s="102">
        <v>7</v>
      </c>
      <c r="HK18" s="102">
        <v>6</v>
      </c>
      <c r="HL18" s="102">
        <v>9</v>
      </c>
      <c r="HM18" s="103">
        <v>73</v>
      </c>
      <c r="HN18" s="104">
        <v>94</v>
      </c>
      <c r="HO18" s="101">
        <v>28</v>
      </c>
      <c r="HP18" s="102">
        <v>37</v>
      </c>
      <c r="HQ18" s="103">
        <v>65</v>
      </c>
      <c r="HR18" s="413">
        <v>0</v>
      </c>
      <c r="HS18" s="102">
        <v>61</v>
      </c>
      <c r="HT18" s="102">
        <v>48</v>
      </c>
      <c r="HU18" s="102">
        <v>33</v>
      </c>
      <c r="HV18" s="102">
        <v>30</v>
      </c>
      <c r="HW18" s="102">
        <v>13</v>
      </c>
      <c r="HX18" s="103">
        <v>185</v>
      </c>
      <c r="HY18" s="104">
        <v>250</v>
      </c>
      <c r="HZ18" s="101">
        <v>69</v>
      </c>
      <c r="IA18" s="102">
        <v>78</v>
      </c>
      <c r="IB18" s="103">
        <v>147</v>
      </c>
      <c r="IC18" s="413">
        <v>0</v>
      </c>
      <c r="ID18" s="102">
        <v>85</v>
      </c>
      <c r="IE18" s="102">
        <v>115</v>
      </c>
      <c r="IF18" s="102">
        <v>47</v>
      </c>
      <c r="IG18" s="102">
        <v>46</v>
      </c>
      <c r="IH18" s="102">
        <v>35</v>
      </c>
      <c r="II18" s="103">
        <v>328</v>
      </c>
      <c r="IJ18" s="104">
        <v>475</v>
      </c>
      <c r="IK18" s="101">
        <v>132</v>
      </c>
      <c r="IL18" s="102">
        <v>155</v>
      </c>
      <c r="IM18" s="103">
        <v>287</v>
      </c>
      <c r="IN18" s="413">
        <v>0</v>
      </c>
      <c r="IO18" s="102">
        <v>188</v>
      </c>
      <c r="IP18" s="102">
        <v>142</v>
      </c>
      <c r="IQ18" s="102">
        <v>81</v>
      </c>
      <c r="IR18" s="102">
        <v>81</v>
      </c>
      <c r="IS18" s="102">
        <v>57</v>
      </c>
      <c r="IT18" s="103">
        <v>549</v>
      </c>
      <c r="IU18" s="104">
        <v>836</v>
      </c>
      <c r="IV18" s="101">
        <v>103</v>
      </c>
      <c r="IW18" s="102">
        <v>153</v>
      </c>
      <c r="IX18" s="103">
        <v>256</v>
      </c>
      <c r="IY18" s="413">
        <v>0</v>
      </c>
      <c r="IZ18" s="102">
        <v>189</v>
      </c>
      <c r="JA18" s="102">
        <v>183</v>
      </c>
      <c r="JB18" s="102">
        <v>115</v>
      </c>
      <c r="JC18" s="102">
        <v>128</v>
      </c>
      <c r="JD18" s="102">
        <v>58</v>
      </c>
      <c r="JE18" s="103">
        <v>673</v>
      </c>
      <c r="JF18" s="104">
        <v>929</v>
      </c>
      <c r="JG18" s="101">
        <v>52</v>
      </c>
      <c r="JH18" s="102">
        <v>89</v>
      </c>
      <c r="JI18" s="103">
        <v>141</v>
      </c>
      <c r="JJ18" s="413">
        <v>0</v>
      </c>
      <c r="JK18" s="102">
        <v>187</v>
      </c>
      <c r="JL18" s="102">
        <v>157</v>
      </c>
      <c r="JM18" s="102">
        <v>138</v>
      </c>
      <c r="JN18" s="102">
        <v>185</v>
      </c>
      <c r="JO18" s="102">
        <v>60</v>
      </c>
      <c r="JP18" s="103">
        <v>727</v>
      </c>
      <c r="JQ18" s="104">
        <v>868</v>
      </c>
      <c r="JR18" s="101">
        <v>0</v>
      </c>
      <c r="JS18" s="102">
        <v>6</v>
      </c>
      <c r="JT18" s="103">
        <v>6</v>
      </c>
      <c r="JU18" s="413">
        <v>0</v>
      </c>
      <c r="JV18" s="102">
        <v>9</v>
      </c>
      <c r="JW18" s="102">
        <v>16</v>
      </c>
      <c r="JX18" s="102">
        <v>9</v>
      </c>
      <c r="JY18" s="102">
        <v>12</v>
      </c>
      <c r="JZ18" s="102">
        <v>15</v>
      </c>
      <c r="KA18" s="103">
        <v>61</v>
      </c>
      <c r="KB18" s="104">
        <v>67</v>
      </c>
      <c r="KC18" s="101">
        <v>394</v>
      </c>
      <c r="KD18" s="102">
        <v>529</v>
      </c>
      <c r="KE18" s="103">
        <v>923</v>
      </c>
      <c r="KF18" s="413">
        <v>0</v>
      </c>
      <c r="KG18" s="102">
        <v>739</v>
      </c>
      <c r="KH18" s="102">
        <v>692</v>
      </c>
      <c r="KI18" s="102">
        <v>430</v>
      </c>
      <c r="KJ18" s="102">
        <v>488</v>
      </c>
      <c r="KK18" s="102">
        <v>247</v>
      </c>
      <c r="KL18" s="103">
        <v>2596</v>
      </c>
      <c r="KM18" s="104">
        <v>3519</v>
      </c>
    </row>
    <row r="19" spans="2:299" s="70" customFormat="1" ht="21" customHeight="1" x14ac:dyDescent="0.2">
      <c r="B19" s="106" t="s">
        <v>16</v>
      </c>
      <c r="C19" s="96">
        <v>242</v>
      </c>
      <c r="D19" s="97">
        <v>307</v>
      </c>
      <c r="E19" s="98">
        <v>549</v>
      </c>
      <c r="F19" s="413">
        <v>0</v>
      </c>
      <c r="G19" s="97">
        <v>529</v>
      </c>
      <c r="H19" s="97">
        <v>621</v>
      </c>
      <c r="I19" s="97">
        <v>424</v>
      </c>
      <c r="J19" s="97">
        <v>336</v>
      </c>
      <c r="K19" s="97">
        <v>192</v>
      </c>
      <c r="L19" s="99">
        <v>2102</v>
      </c>
      <c r="M19" s="100">
        <v>2651</v>
      </c>
      <c r="N19" s="101">
        <v>7</v>
      </c>
      <c r="O19" s="102">
        <v>11</v>
      </c>
      <c r="P19" s="103">
        <v>18</v>
      </c>
      <c r="Q19" s="413">
        <v>0</v>
      </c>
      <c r="R19" s="102">
        <v>18</v>
      </c>
      <c r="S19" s="102">
        <v>24</v>
      </c>
      <c r="T19" s="102">
        <v>25</v>
      </c>
      <c r="U19" s="102">
        <v>12</v>
      </c>
      <c r="V19" s="102">
        <v>13</v>
      </c>
      <c r="W19" s="103">
        <v>92</v>
      </c>
      <c r="X19" s="104">
        <v>110</v>
      </c>
      <c r="Y19" s="101">
        <v>32</v>
      </c>
      <c r="Z19" s="102">
        <v>40</v>
      </c>
      <c r="AA19" s="103">
        <v>72</v>
      </c>
      <c r="AB19" s="413">
        <v>0</v>
      </c>
      <c r="AC19" s="102">
        <v>47</v>
      </c>
      <c r="AD19" s="102">
        <v>71</v>
      </c>
      <c r="AE19" s="102">
        <v>43</v>
      </c>
      <c r="AF19" s="102">
        <v>42</v>
      </c>
      <c r="AG19" s="102">
        <v>28</v>
      </c>
      <c r="AH19" s="103">
        <v>231</v>
      </c>
      <c r="AI19" s="104">
        <v>303</v>
      </c>
      <c r="AJ19" s="101">
        <v>50</v>
      </c>
      <c r="AK19" s="102">
        <v>65</v>
      </c>
      <c r="AL19" s="103">
        <v>115</v>
      </c>
      <c r="AM19" s="413">
        <v>0</v>
      </c>
      <c r="AN19" s="102">
        <v>91</v>
      </c>
      <c r="AO19" s="102">
        <v>102</v>
      </c>
      <c r="AP19" s="102">
        <v>71</v>
      </c>
      <c r="AQ19" s="102">
        <v>65</v>
      </c>
      <c r="AR19" s="102">
        <v>43</v>
      </c>
      <c r="AS19" s="103">
        <v>372</v>
      </c>
      <c r="AT19" s="104">
        <v>487</v>
      </c>
      <c r="AU19" s="101">
        <v>79</v>
      </c>
      <c r="AV19" s="102">
        <v>68</v>
      </c>
      <c r="AW19" s="103">
        <v>147</v>
      </c>
      <c r="AX19" s="413">
        <v>0</v>
      </c>
      <c r="AY19" s="102">
        <v>147</v>
      </c>
      <c r="AZ19" s="102">
        <v>173</v>
      </c>
      <c r="BA19" s="102">
        <v>106</v>
      </c>
      <c r="BB19" s="102">
        <v>88</v>
      </c>
      <c r="BC19" s="102">
        <v>42</v>
      </c>
      <c r="BD19" s="103">
        <v>556</v>
      </c>
      <c r="BE19" s="104">
        <v>703</v>
      </c>
      <c r="BF19" s="101">
        <v>48</v>
      </c>
      <c r="BG19" s="102">
        <v>74</v>
      </c>
      <c r="BH19" s="103">
        <v>122</v>
      </c>
      <c r="BI19" s="413">
        <v>0</v>
      </c>
      <c r="BJ19" s="102">
        <v>154</v>
      </c>
      <c r="BK19" s="102">
        <v>139</v>
      </c>
      <c r="BL19" s="102">
        <v>93</v>
      </c>
      <c r="BM19" s="102">
        <v>72</v>
      </c>
      <c r="BN19" s="102">
        <v>40</v>
      </c>
      <c r="BO19" s="103">
        <v>498</v>
      </c>
      <c r="BP19" s="104">
        <v>620</v>
      </c>
      <c r="BQ19" s="101">
        <v>26</v>
      </c>
      <c r="BR19" s="102">
        <v>49</v>
      </c>
      <c r="BS19" s="103">
        <v>75</v>
      </c>
      <c r="BT19" s="413">
        <v>0</v>
      </c>
      <c r="BU19" s="102">
        <v>72</v>
      </c>
      <c r="BV19" s="102">
        <v>112</v>
      </c>
      <c r="BW19" s="102">
        <v>86</v>
      </c>
      <c r="BX19" s="102">
        <v>57</v>
      </c>
      <c r="BY19" s="102">
        <v>26</v>
      </c>
      <c r="BZ19" s="103">
        <v>353</v>
      </c>
      <c r="CA19" s="104">
        <v>428</v>
      </c>
      <c r="CB19" s="101">
        <v>9</v>
      </c>
      <c r="CC19" s="102">
        <v>17</v>
      </c>
      <c r="CD19" s="103">
        <v>26</v>
      </c>
      <c r="CE19" s="413">
        <v>0</v>
      </c>
      <c r="CF19" s="102">
        <v>11</v>
      </c>
      <c r="CG19" s="102">
        <v>26</v>
      </c>
      <c r="CH19" s="102">
        <v>21</v>
      </c>
      <c r="CI19" s="102">
        <v>14</v>
      </c>
      <c r="CJ19" s="102">
        <v>13</v>
      </c>
      <c r="CK19" s="103">
        <v>85</v>
      </c>
      <c r="CL19" s="104">
        <v>111</v>
      </c>
      <c r="CM19" s="101">
        <v>251</v>
      </c>
      <c r="CN19" s="102">
        <v>324</v>
      </c>
      <c r="CO19" s="103">
        <v>575</v>
      </c>
      <c r="CP19" s="413">
        <v>0</v>
      </c>
      <c r="CQ19" s="102">
        <v>540</v>
      </c>
      <c r="CR19" s="102">
        <v>647</v>
      </c>
      <c r="CS19" s="102">
        <v>445</v>
      </c>
      <c r="CT19" s="102">
        <v>350</v>
      </c>
      <c r="CU19" s="102">
        <v>205</v>
      </c>
      <c r="CV19" s="103">
        <v>2187</v>
      </c>
      <c r="CW19" s="104">
        <v>2762</v>
      </c>
      <c r="CX19" s="105">
        <v>476</v>
      </c>
      <c r="CY19" s="97">
        <v>655</v>
      </c>
      <c r="CZ19" s="98">
        <v>1131</v>
      </c>
      <c r="DA19" s="413">
        <v>0</v>
      </c>
      <c r="DB19" s="97">
        <v>863</v>
      </c>
      <c r="DC19" s="97">
        <v>1021</v>
      </c>
      <c r="DD19" s="97">
        <v>771</v>
      </c>
      <c r="DE19" s="97">
        <v>810</v>
      </c>
      <c r="DF19" s="97">
        <v>463</v>
      </c>
      <c r="DG19" s="99">
        <v>3928</v>
      </c>
      <c r="DH19" s="100">
        <v>5059</v>
      </c>
      <c r="DI19" s="101">
        <v>18</v>
      </c>
      <c r="DJ19" s="102">
        <v>21</v>
      </c>
      <c r="DK19" s="103">
        <v>39</v>
      </c>
      <c r="DL19" s="413">
        <v>0</v>
      </c>
      <c r="DM19" s="102">
        <v>9</v>
      </c>
      <c r="DN19" s="102">
        <v>25</v>
      </c>
      <c r="DO19" s="102">
        <v>20</v>
      </c>
      <c r="DP19" s="102">
        <v>12</v>
      </c>
      <c r="DQ19" s="102">
        <v>12</v>
      </c>
      <c r="DR19" s="103">
        <v>78</v>
      </c>
      <c r="DS19" s="104">
        <v>117</v>
      </c>
      <c r="DT19" s="101">
        <v>37</v>
      </c>
      <c r="DU19" s="102">
        <v>60</v>
      </c>
      <c r="DV19" s="103">
        <v>97</v>
      </c>
      <c r="DW19" s="413">
        <v>0</v>
      </c>
      <c r="DX19" s="102">
        <v>40</v>
      </c>
      <c r="DY19" s="102">
        <v>78</v>
      </c>
      <c r="DZ19" s="102">
        <v>36</v>
      </c>
      <c r="EA19" s="102">
        <v>49</v>
      </c>
      <c r="EB19" s="102">
        <v>22</v>
      </c>
      <c r="EC19" s="103">
        <v>225</v>
      </c>
      <c r="ED19" s="104">
        <v>322</v>
      </c>
      <c r="EE19" s="101">
        <v>77</v>
      </c>
      <c r="EF19" s="102">
        <v>103</v>
      </c>
      <c r="EG19" s="103">
        <v>180</v>
      </c>
      <c r="EH19" s="413">
        <v>0</v>
      </c>
      <c r="EI19" s="102">
        <v>108</v>
      </c>
      <c r="EJ19" s="102">
        <v>121</v>
      </c>
      <c r="EK19" s="102">
        <v>82</v>
      </c>
      <c r="EL19" s="102">
        <v>85</v>
      </c>
      <c r="EM19" s="102">
        <v>55</v>
      </c>
      <c r="EN19" s="103">
        <v>451</v>
      </c>
      <c r="EO19" s="104">
        <v>631</v>
      </c>
      <c r="EP19" s="101">
        <v>146</v>
      </c>
      <c r="EQ19" s="102">
        <v>178</v>
      </c>
      <c r="ER19" s="103">
        <v>324</v>
      </c>
      <c r="ES19" s="413">
        <v>0</v>
      </c>
      <c r="ET19" s="102">
        <v>210</v>
      </c>
      <c r="EU19" s="102">
        <v>249</v>
      </c>
      <c r="EV19" s="102">
        <v>151</v>
      </c>
      <c r="EW19" s="102">
        <v>146</v>
      </c>
      <c r="EX19" s="102">
        <v>97</v>
      </c>
      <c r="EY19" s="103">
        <v>853</v>
      </c>
      <c r="EZ19" s="104">
        <v>1177</v>
      </c>
      <c r="FA19" s="101">
        <v>129</v>
      </c>
      <c r="FB19" s="102">
        <v>164</v>
      </c>
      <c r="FC19" s="103">
        <v>293</v>
      </c>
      <c r="FD19" s="413">
        <v>0</v>
      </c>
      <c r="FE19" s="102">
        <v>257</v>
      </c>
      <c r="FF19" s="102">
        <v>252</v>
      </c>
      <c r="FG19" s="102">
        <v>196</v>
      </c>
      <c r="FH19" s="102">
        <v>191</v>
      </c>
      <c r="FI19" s="102">
        <v>98</v>
      </c>
      <c r="FJ19" s="103">
        <v>994</v>
      </c>
      <c r="FK19" s="104">
        <v>1287</v>
      </c>
      <c r="FL19" s="101">
        <v>69</v>
      </c>
      <c r="FM19" s="102">
        <v>129</v>
      </c>
      <c r="FN19" s="103">
        <v>198</v>
      </c>
      <c r="FO19" s="413">
        <v>0</v>
      </c>
      <c r="FP19" s="102">
        <v>239</v>
      </c>
      <c r="FQ19" s="102">
        <v>296</v>
      </c>
      <c r="FR19" s="102">
        <v>286</v>
      </c>
      <c r="FS19" s="102">
        <v>327</v>
      </c>
      <c r="FT19" s="102">
        <v>179</v>
      </c>
      <c r="FU19" s="103">
        <v>1327</v>
      </c>
      <c r="FV19" s="104">
        <v>1525</v>
      </c>
      <c r="FW19" s="101">
        <v>6</v>
      </c>
      <c r="FX19" s="102">
        <v>18</v>
      </c>
      <c r="FY19" s="103">
        <v>24</v>
      </c>
      <c r="FZ19" s="413">
        <v>0</v>
      </c>
      <c r="GA19" s="102">
        <v>6</v>
      </c>
      <c r="GB19" s="102">
        <v>18</v>
      </c>
      <c r="GC19" s="102">
        <v>14</v>
      </c>
      <c r="GD19" s="102">
        <v>12</v>
      </c>
      <c r="GE19" s="102">
        <v>9</v>
      </c>
      <c r="GF19" s="103">
        <v>59</v>
      </c>
      <c r="GG19" s="104">
        <v>83</v>
      </c>
      <c r="GH19" s="101">
        <v>482</v>
      </c>
      <c r="GI19" s="102">
        <v>673</v>
      </c>
      <c r="GJ19" s="103">
        <v>1155</v>
      </c>
      <c r="GK19" s="413">
        <v>0</v>
      </c>
      <c r="GL19" s="102">
        <v>869</v>
      </c>
      <c r="GM19" s="102">
        <v>1039</v>
      </c>
      <c r="GN19" s="102">
        <v>785</v>
      </c>
      <c r="GO19" s="102">
        <v>822</v>
      </c>
      <c r="GP19" s="102">
        <v>472</v>
      </c>
      <c r="GQ19" s="103">
        <v>3987</v>
      </c>
      <c r="GR19" s="104">
        <v>5142</v>
      </c>
      <c r="GS19" s="105">
        <v>718</v>
      </c>
      <c r="GT19" s="97">
        <v>962</v>
      </c>
      <c r="GU19" s="98">
        <v>1680</v>
      </c>
      <c r="GV19" s="413">
        <v>0</v>
      </c>
      <c r="GW19" s="97">
        <v>1392</v>
      </c>
      <c r="GX19" s="97">
        <v>1642</v>
      </c>
      <c r="GY19" s="97">
        <v>1195</v>
      </c>
      <c r="GZ19" s="97">
        <v>1146</v>
      </c>
      <c r="HA19" s="97">
        <v>655</v>
      </c>
      <c r="HB19" s="99">
        <v>6030</v>
      </c>
      <c r="HC19" s="100">
        <v>7710</v>
      </c>
      <c r="HD19" s="101">
        <v>25</v>
      </c>
      <c r="HE19" s="102">
        <v>32</v>
      </c>
      <c r="HF19" s="103">
        <v>57</v>
      </c>
      <c r="HG19" s="416">
        <v>0</v>
      </c>
      <c r="HH19" s="102">
        <v>27</v>
      </c>
      <c r="HI19" s="102">
        <v>49</v>
      </c>
      <c r="HJ19" s="102">
        <v>45</v>
      </c>
      <c r="HK19" s="102">
        <v>24</v>
      </c>
      <c r="HL19" s="102">
        <v>25</v>
      </c>
      <c r="HM19" s="103">
        <v>170</v>
      </c>
      <c r="HN19" s="104">
        <v>227</v>
      </c>
      <c r="HO19" s="101">
        <v>69</v>
      </c>
      <c r="HP19" s="102">
        <v>100</v>
      </c>
      <c r="HQ19" s="103">
        <v>169</v>
      </c>
      <c r="HR19" s="413">
        <v>0</v>
      </c>
      <c r="HS19" s="102">
        <v>87</v>
      </c>
      <c r="HT19" s="102">
        <v>149</v>
      </c>
      <c r="HU19" s="102">
        <v>79</v>
      </c>
      <c r="HV19" s="102">
        <v>91</v>
      </c>
      <c r="HW19" s="102">
        <v>50</v>
      </c>
      <c r="HX19" s="103">
        <v>456</v>
      </c>
      <c r="HY19" s="104">
        <v>625</v>
      </c>
      <c r="HZ19" s="101">
        <v>127</v>
      </c>
      <c r="IA19" s="102">
        <v>168</v>
      </c>
      <c r="IB19" s="103">
        <v>295</v>
      </c>
      <c r="IC19" s="413">
        <v>0</v>
      </c>
      <c r="ID19" s="102">
        <v>199</v>
      </c>
      <c r="IE19" s="102">
        <v>223</v>
      </c>
      <c r="IF19" s="102">
        <v>153</v>
      </c>
      <c r="IG19" s="102">
        <v>150</v>
      </c>
      <c r="IH19" s="102">
        <v>98</v>
      </c>
      <c r="II19" s="103">
        <v>823</v>
      </c>
      <c r="IJ19" s="104">
        <v>1118</v>
      </c>
      <c r="IK19" s="101">
        <v>225</v>
      </c>
      <c r="IL19" s="102">
        <v>246</v>
      </c>
      <c r="IM19" s="103">
        <v>471</v>
      </c>
      <c r="IN19" s="413">
        <v>0</v>
      </c>
      <c r="IO19" s="102">
        <v>357</v>
      </c>
      <c r="IP19" s="102">
        <v>422</v>
      </c>
      <c r="IQ19" s="102">
        <v>257</v>
      </c>
      <c r="IR19" s="102">
        <v>234</v>
      </c>
      <c r="IS19" s="102">
        <v>139</v>
      </c>
      <c r="IT19" s="103">
        <v>1409</v>
      </c>
      <c r="IU19" s="104">
        <v>1880</v>
      </c>
      <c r="IV19" s="101">
        <v>177</v>
      </c>
      <c r="IW19" s="102">
        <v>238</v>
      </c>
      <c r="IX19" s="103">
        <v>415</v>
      </c>
      <c r="IY19" s="413">
        <v>0</v>
      </c>
      <c r="IZ19" s="102">
        <v>411</v>
      </c>
      <c r="JA19" s="102">
        <v>391</v>
      </c>
      <c r="JB19" s="102">
        <v>289</v>
      </c>
      <c r="JC19" s="102">
        <v>263</v>
      </c>
      <c r="JD19" s="102">
        <v>138</v>
      </c>
      <c r="JE19" s="103">
        <v>1492</v>
      </c>
      <c r="JF19" s="104">
        <v>1907</v>
      </c>
      <c r="JG19" s="101">
        <v>95</v>
      </c>
      <c r="JH19" s="102">
        <v>178</v>
      </c>
      <c r="JI19" s="103">
        <v>273</v>
      </c>
      <c r="JJ19" s="413">
        <v>0</v>
      </c>
      <c r="JK19" s="102">
        <v>311</v>
      </c>
      <c r="JL19" s="102">
        <v>408</v>
      </c>
      <c r="JM19" s="102">
        <v>372</v>
      </c>
      <c r="JN19" s="102">
        <v>384</v>
      </c>
      <c r="JO19" s="102">
        <v>205</v>
      </c>
      <c r="JP19" s="103">
        <v>1680</v>
      </c>
      <c r="JQ19" s="104">
        <v>1953</v>
      </c>
      <c r="JR19" s="101">
        <v>15</v>
      </c>
      <c r="JS19" s="102">
        <v>35</v>
      </c>
      <c r="JT19" s="103">
        <v>50</v>
      </c>
      <c r="JU19" s="413">
        <v>0</v>
      </c>
      <c r="JV19" s="102">
        <v>17</v>
      </c>
      <c r="JW19" s="102">
        <v>44</v>
      </c>
      <c r="JX19" s="102">
        <v>35</v>
      </c>
      <c r="JY19" s="102">
        <v>26</v>
      </c>
      <c r="JZ19" s="102">
        <v>22</v>
      </c>
      <c r="KA19" s="103">
        <v>144</v>
      </c>
      <c r="KB19" s="104">
        <v>194</v>
      </c>
      <c r="KC19" s="101">
        <v>733</v>
      </c>
      <c r="KD19" s="102">
        <v>997</v>
      </c>
      <c r="KE19" s="103">
        <v>1730</v>
      </c>
      <c r="KF19" s="413">
        <v>0</v>
      </c>
      <c r="KG19" s="102">
        <v>1409</v>
      </c>
      <c r="KH19" s="102">
        <v>1686</v>
      </c>
      <c r="KI19" s="102">
        <v>1230</v>
      </c>
      <c r="KJ19" s="102">
        <v>1172</v>
      </c>
      <c r="KK19" s="102">
        <v>677</v>
      </c>
      <c r="KL19" s="103">
        <v>6174</v>
      </c>
      <c r="KM19" s="104">
        <v>7904</v>
      </c>
    </row>
    <row r="20" spans="2:299" s="70" customFormat="1" ht="21" customHeight="1" x14ac:dyDescent="0.2">
      <c r="B20" s="106" t="s">
        <v>17</v>
      </c>
      <c r="C20" s="96">
        <v>359</v>
      </c>
      <c r="D20" s="97">
        <v>383</v>
      </c>
      <c r="E20" s="98">
        <v>742</v>
      </c>
      <c r="F20" s="413">
        <v>0</v>
      </c>
      <c r="G20" s="97">
        <v>542</v>
      </c>
      <c r="H20" s="97">
        <v>845</v>
      </c>
      <c r="I20" s="97">
        <v>575</v>
      </c>
      <c r="J20" s="97">
        <v>442</v>
      </c>
      <c r="K20" s="97">
        <v>225</v>
      </c>
      <c r="L20" s="99">
        <v>2629</v>
      </c>
      <c r="M20" s="100">
        <v>3371</v>
      </c>
      <c r="N20" s="101">
        <v>19</v>
      </c>
      <c r="O20" s="102">
        <v>17</v>
      </c>
      <c r="P20" s="103">
        <v>36</v>
      </c>
      <c r="Q20" s="413">
        <v>0</v>
      </c>
      <c r="R20" s="102">
        <v>17</v>
      </c>
      <c r="S20" s="102">
        <v>49</v>
      </c>
      <c r="T20" s="102">
        <v>35</v>
      </c>
      <c r="U20" s="102">
        <v>23</v>
      </c>
      <c r="V20" s="102">
        <v>17</v>
      </c>
      <c r="W20" s="103">
        <v>141</v>
      </c>
      <c r="X20" s="104">
        <v>177</v>
      </c>
      <c r="Y20" s="101">
        <v>27</v>
      </c>
      <c r="Z20" s="102">
        <v>46</v>
      </c>
      <c r="AA20" s="103">
        <v>73</v>
      </c>
      <c r="AB20" s="413">
        <v>0</v>
      </c>
      <c r="AC20" s="102">
        <v>52</v>
      </c>
      <c r="AD20" s="102">
        <v>91</v>
      </c>
      <c r="AE20" s="102">
        <v>58</v>
      </c>
      <c r="AF20" s="102">
        <v>45</v>
      </c>
      <c r="AG20" s="102">
        <v>31</v>
      </c>
      <c r="AH20" s="103">
        <v>277</v>
      </c>
      <c r="AI20" s="104">
        <v>350</v>
      </c>
      <c r="AJ20" s="101">
        <v>48</v>
      </c>
      <c r="AK20" s="102">
        <v>82</v>
      </c>
      <c r="AL20" s="103">
        <v>130</v>
      </c>
      <c r="AM20" s="413">
        <v>0</v>
      </c>
      <c r="AN20" s="102">
        <v>89</v>
      </c>
      <c r="AO20" s="102">
        <v>160</v>
      </c>
      <c r="AP20" s="102">
        <v>101</v>
      </c>
      <c r="AQ20" s="102">
        <v>71</v>
      </c>
      <c r="AR20" s="102">
        <v>51</v>
      </c>
      <c r="AS20" s="103">
        <v>472</v>
      </c>
      <c r="AT20" s="104">
        <v>602</v>
      </c>
      <c r="AU20" s="101">
        <v>114</v>
      </c>
      <c r="AV20" s="102">
        <v>88</v>
      </c>
      <c r="AW20" s="103">
        <v>202</v>
      </c>
      <c r="AX20" s="413">
        <v>0</v>
      </c>
      <c r="AY20" s="102">
        <v>169</v>
      </c>
      <c r="AZ20" s="102">
        <v>234</v>
      </c>
      <c r="BA20" s="102">
        <v>161</v>
      </c>
      <c r="BB20" s="102">
        <v>114</v>
      </c>
      <c r="BC20" s="102">
        <v>44</v>
      </c>
      <c r="BD20" s="103">
        <v>722</v>
      </c>
      <c r="BE20" s="104">
        <v>924</v>
      </c>
      <c r="BF20" s="101">
        <v>105</v>
      </c>
      <c r="BG20" s="102">
        <v>87</v>
      </c>
      <c r="BH20" s="103">
        <v>192</v>
      </c>
      <c r="BI20" s="413">
        <v>0</v>
      </c>
      <c r="BJ20" s="102">
        <v>136</v>
      </c>
      <c r="BK20" s="102">
        <v>175</v>
      </c>
      <c r="BL20" s="102">
        <v>127</v>
      </c>
      <c r="BM20" s="102">
        <v>108</v>
      </c>
      <c r="BN20" s="102">
        <v>49</v>
      </c>
      <c r="BO20" s="103">
        <v>595</v>
      </c>
      <c r="BP20" s="104">
        <v>787</v>
      </c>
      <c r="BQ20" s="101">
        <v>46</v>
      </c>
      <c r="BR20" s="102">
        <v>63</v>
      </c>
      <c r="BS20" s="103">
        <v>109</v>
      </c>
      <c r="BT20" s="413">
        <v>0</v>
      </c>
      <c r="BU20" s="102">
        <v>79</v>
      </c>
      <c r="BV20" s="102">
        <v>136</v>
      </c>
      <c r="BW20" s="102">
        <v>93</v>
      </c>
      <c r="BX20" s="102">
        <v>81</v>
      </c>
      <c r="BY20" s="102">
        <v>33</v>
      </c>
      <c r="BZ20" s="103">
        <v>422</v>
      </c>
      <c r="CA20" s="104">
        <v>531</v>
      </c>
      <c r="CB20" s="101">
        <v>8</v>
      </c>
      <c r="CC20" s="102">
        <v>17</v>
      </c>
      <c r="CD20" s="103">
        <v>25</v>
      </c>
      <c r="CE20" s="413">
        <v>0</v>
      </c>
      <c r="CF20" s="102">
        <v>28</v>
      </c>
      <c r="CG20" s="102">
        <v>38</v>
      </c>
      <c r="CH20" s="102">
        <v>30</v>
      </c>
      <c r="CI20" s="102">
        <v>14</v>
      </c>
      <c r="CJ20" s="102">
        <v>18</v>
      </c>
      <c r="CK20" s="103">
        <v>128</v>
      </c>
      <c r="CL20" s="104">
        <v>153</v>
      </c>
      <c r="CM20" s="101">
        <v>367</v>
      </c>
      <c r="CN20" s="102">
        <v>400</v>
      </c>
      <c r="CO20" s="103">
        <v>767</v>
      </c>
      <c r="CP20" s="413">
        <v>0</v>
      </c>
      <c r="CQ20" s="102">
        <v>570</v>
      </c>
      <c r="CR20" s="102">
        <v>883</v>
      </c>
      <c r="CS20" s="102">
        <v>605</v>
      </c>
      <c r="CT20" s="102">
        <v>456</v>
      </c>
      <c r="CU20" s="102">
        <v>243</v>
      </c>
      <c r="CV20" s="103">
        <v>2757</v>
      </c>
      <c r="CW20" s="104">
        <v>3524</v>
      </c>
      <c r="CX20" s="105">
        <v>669</v>
      </c>
      <c r="CY20" s="97">
        <v>931</v>
      </c>
      <c r="CZ20" s="98">
        <v>1600</v>
      </c>
      <c r="DA20" s="413">
        <v>0</v>
      </c>
      <c r="DB20" s="97">
        <v>932</v>
      </c>
      <c r="DC20" s="97">
        <v>1369</v>
      </c>
      <c r="DD20" s="97">
        <v>1001</v>
      </c>
      <c r="DE20" s="97">
        <v>929</v>
      </c>
      <c r="DF20" s="97">
        <v>591</v>
      </c>
      <c r="DG20" s="99">
        <v>4822</v>
      </c>
      <c r="DH20" s="100">
        <v>6422</v>
      </c>
      <c r="DI20" s="101">
        <v>15</v>
      </c>
      <c r="DJ20" s="102">
        <v>35</v>
      </c>
      <c r="DK20" s="103">
        <v>50</v>
      </c>
      <c r="DL20" s="413">
        <v>0</v>
      </c>
      <c r="DM20" s="102">
        <v>12</v>
      </c>
      <c r="DN20" s="102">
        <v>32</v>
      </c>
      <c r="DO20" s="102">
        <v>26</v>
      </c>
      <c r="DP20" s="102">
        <v>21</v>
      </c>
      <c r="DQ20" s="102">
        <v>17</v>
      </c>
      <c r="DR20" s="103">
        <v>108</v>
      </c>
      <c r="DS20" s="104">
        <v>158</v>
      </c>
      <c r="DT20" s="101">
        <v>45</v>
      </c>
      <c r="DU20" s="102">
        <v>65</v>
      </c>
      <c r="DV20" s="103">
        <v>110</v>
      </c>
      <c r="DW20" s="413">
        <v>0</v>
      </c>
      <c r="DX20" s="102">
        <v>61</v>
      </c>
      <c r="DY20" s="102">
        <v>77</v>
      </c>
      <c r="DZ20" s="102">
        <v>53</v>
      </c>
      <c r="EA20" s="102">
        <v>59</v>
      </c>
      <c r="EB20" s="102">
        <v>26</v>
      </c>
      <c r="EC20" s="103">
        <v>276</v>
      </c>
      <c r="ED20" s="104">
        <v>386</v>
      </c>
      <c r="EE20" s="101">
        <v>117</v>
      </c>
      <c r="EF20" s="102">
        <v>161</v>
      </c>
      <c r="EG20" s="103">
        <v>278</v>
      </c>
      <c r="EH20" s="413">
        <v>0</v>
      </c>
      <c r="EI20" s="102">
        <v>119</v>
      </c>
      <c r="EJ20" s="102">
        <v>163</v>
      </c>
      <c r="EK20" s="102">
        <v>124</v>
      </c>
      <c r="EL20" s="102">
        <v>87</v>
      </c>
      <c r="EM20" s="102">
        <v>62</v>
      </c>
      <c r="EN20" s="103">
        <v>555</v>
      </c>
      <c r="EO20" s="104">
        <v>833</v>
      </c>
      <c r="EP20" s="101">
        <v>215</v>
      </c>
      <c r="EQ20" s="102">
        <v>263</v>
      </c>
      <c r="ER20" s="103">
        <v>478</v>
      </c>
      <c r="ES20" s="413">
        <v>0</v>
      </c>
      <c r="ET20" s="102">
        <v>257</v>
      </c>
      <c r="EU20" s="102">
        <v>366</v>
      </c>
      <c r="EV20" s="102">
        <v>217</v>
      </c>
      <c r="EW20" s="102">
        <v>193</v>
      </c>
      <c r="EX20" s="102">
        <v>127</v>
      </c>
      <c r="EY20" s="103">
        <v>1160</v>
      </c>
      <c r="EZ20" s="104">
        <v>1638</v>
      </c>
      <c r="FA20" s="101">
        <v>187</v>
      </c>
      <c r="FB20" s="102">
        <v>265</v>
      </c>
      <c r="FC20" s="103">
        <v>452</v>
      </c>
      <c r="FD20" s="413">
        <v>0</v>
      </c>
      <c r="FE20" s="102">
        <v>260</v>
      </c>
      <c r="FF20" s="102">
        <v>385</v>
      </c>
      <c r="FG20" s="102">
        <v>266</v>
      </c>
      <c r="FH20" s="102">
        <v>222</v>
      </c>
      <c r="FI20" s="102">
        <v>160</v>
      </c>
      <c r="FJ20" s="103">
        <v>1293</v>
      </c>
      <c r="FK20" s="104">
        <v>1745</v>
      </c>
      <c r="FL20" s="101">
        <v>90</v>
      </c>
      <c r="FM20" s="102">
        <v>142</v>
      </c>
      <c r="FN20" s="103">
        <v>232</v>
      </c>
      <c r="FO20" s="413">
        <v>0</v>
      </c>
      <c r="FP20" s="102">
        <v>223</v>
      </c>
      <c r="FQ20" s="102">
        <v>346</v>
      </c>
      <c r="FR20" s="102">
        <v>315</v>
      </c>
      <c r="FS20" s="102">
        <v>347</v>
      </c>
      <c r="FT20" s="102">
        <v>199</v>
      </c>
      <c r="FU20" s="103">
        <v>1430</v>
      </c>
      <c r="FV20" s="104">
        <v>1662</v>
      </c>
      <c r="FW20" s="101">
        <v>6</v>
      </c>
      <c r="FX20" s="102">
        <v>18</v>
      </c>
      <c r="FY20" s="103">
        <v>24</v>
      </c>
      <c r="FZ20" s="413">
        <v>0</v>
      </c>
      <c r="GA20" s="102">
        <v>6</v>
      </c>
      <c r="GB20" s="102">
        <v>29</v>
      </c>
      <c r="GC20" s="102">
        <v>19</v>
      </c>
      <c r="GD20" s="102">
        <v>19</v>
      </c>
      <c r="GE20" s="102">
        <v>21</v>
      </c>
      <c r="GF20" s="103">
        <v>94</v>
      </c>
      <c r="GG20" s="104">
        <v>118</v>
      </c>
      <c r="GH20" s="101">
        <v>675</v>
      </c>
      <c r="GI20" s="102">
        <v>949</v>
      </c>
      <c r="GJ20" s="103">
        <v>1624</v>
      </c>
      <c r="GK20" s="413">
        <v>0</v>
      </c>
      <c r="GL20" s="102">
        <v>938</v>
      </c>
      <c r="GM20" s="102">
        <v>1398</v>
      </c>
      <c r="GN20" s="102">
        <v>1020</v>
      </c>
      <c r="GO20" s="102">
        <v>948</v>
      </c>
      <c r="GP20" s="102">
        <v>612</v>
      </c>
      <c r="GQ20" s="103">
        <v>4916</v>
      </c>
      <c r="GR20" s="104">
        <v>6540</v>
      </c>
      <c r="GS20" s="105">
        <v>1028</v>
      </c>
      <c r="GT20" s="97">
        <v>1314</v>
      </c>
      <c r="GU20" s="98">
        <v>2342</v>
      </c>
      <c r="GV20" s="413">
        <v>0</v>
      </c>
      <c r="GW20" s="97">
        <v>1474</v>
      </c>
      <c r="GX20" s="97">
        <v>2214</v>
      </c>
      <c r="GY20" s="97">
        <v>1576</v>
      </c>
      <c r="GZ20" s="97">
        <v>1371</v>
      </c>
      <c r="HA20" s="97">
        <v>816</v>
      </c>
      <c r="HB20" s="99">
        <v>7451</v>
      </c>
      <c r="HC20" s="100">
        <v>9793</v>
      </c>
      <c r="HD20" s="101">
        <v>34</v>
      </c>
      <c r="HE20" s="102">
        <v>52</v>
      </c>
      <c r="HF20" s="103">
        <v>86</v>
      </c>
      <c r="HG20" s="416">
        <v>0</v>
      </c>
      <c r="HH20" s="102">
        <v>29</v>
      </c>
      <c r="HI20" s="102">
        <v>81</v>
      </c>
      <c r="HJ20" s="102">
        <v>61</v>
      </c>
      <c r="HK20" s="102">
        <v>44</v>
      </c>
      <c r="HL20" s="102">
        <v>34</v>
      </c>
      <c r="HM20" s="103">
        <v>249</v>
      </c>
      <c r="HN20" s="104">
        <v>335</v>
      </c>
      <c r="HO20" s="101">
        <v>72</v>
      </c>
      <c r="HP20" s="102">
        <v>111</v>
      </c>
      <c r="HQ20" s="103">
        <v>183</v>
      </c>
      <c r="HR20" s="413">
        <v>0</v>
      </c>
      <c r="HS20" s="102">
        <v>113</v>
      </c>
      <c r="HT20" s="102">
        <v>168</v>
      </c>
      <c r="HU20" s="102">
        <v>111</v>
      </c>
      <c r="HV20" s="102">
        <v>104</v>
      </c>
      <c r="HW20" s="102">
        <v>57</v>
      </c>
      <c r="HX20" s="103">
        <v>553</v>
      </c>
      <c r="HY20" s="104">
        <v>736</v>
      </c>
      <c r="HZ20" s="101">
        <v>165</v>
      </c>
      <c r="IA20" s="102">
        <v>243</v>
      </c>
      <c r="IB20" s="103">
        <v>408</v>
      </c>
      <c r="IC20" s="413">
        <v>0</v>
      </c>
      <c r="ID20" s="102">
        <v>208</v>
      </c>
      <c r="IE20" s="102">
        <v>323</v>
      </c>
      <c r="IF20" s="102">
        <v>225</v>
      </c>
      <c r="IG20" s="102">
        <v>158</v>
      </c>
      <c r="IH20" s="102">
        <v>113</v>
      </c>
      <c r="II20" s="103">
        <v>1027</v>
      </c>
      <c r="IJ20" s="104">
        <v>1435</v>
      </c>
      <c r="IK20" s="101">
        <v>329</v>
      </c>
      <c r="IL20" s="102">
        <v>351</v>
      </c>
      <c r="IM20" s="103">
        <v>680</v>
      </c>
      <c r="IN20" s="413">
        <v>0</v>
      </c>
      <c r="IO20" s="102">
        <v>426</v>
      </c>
      <c r="IP20" s="102">
        <v>600</v>
      </c>
      <c r="IQ20" s="102">
        <v>378</v>
      </c>
      <c r="IR20" s="102">
        <v>307</v>
      </c>
      <c r="IS20" s="102">
        <v>171</v>
      </c>
      <c r="IT20" s="103">
        <v>1882</v>
      </c>
      <c r="IU20" s="104">
        <v>2562</v>
      </c>
      <c r="IV20" s="101">
        <v>292</v>
      </c>
      <c r="IW20" s="102">
        <v>352</v>
      </c>
      <c r="IX20" s="103">
        <v>644</v>
      </c>
      <c r="IY20" s="413">
        <v>0</v>
      </c>
      <c r="IZ20" s="102">
        <v>396</v>
      </c>
      <c r="JA20" s="102">
        <v>560</v>
      </c>
      <c r="JB20" s="102">
        <v>393</v>
      </c>
      <c r="JC20" s="102">
        <v>330</v>
      </c>
      <c r="JD20" s="102">
        <v>209</v>
      </c>
      <c r="JE20" s="103">
        <v>1888</v>
      </c>
      <c r="JF20" s="104">
        <v>2532</v>
      </c>
      <c r="JG20" s="101">
        <v>136</v>
      </c>
      <c r="JH20" s="102">
        <v>205</v>
      </c>
      <c r="JI20" s="103">
        <v>341</v>
      </c>
      <c r="JJ20" s="413">
        <v>0</v>
      </c>
      <c r="JK20" s="102">
        <v>302</v>
      </c>
      <c r="JL20" s="102">
        <v>482</v>
      </c>
      <c r="JM20" s="102">
        <v>408</v>
      </c>
      <c r="JN20" s="102">
        <v>428</v>
      </c>
      <c r="JO20" s="102">
        <v>232</v>
      </c>
      <c r="JP20" s="103">
        <v>1852</v>
      </c>
      <c r="JQ20" s="104">
        <v>2193</v>
      </c>
      <c r="JR20" s="101">
        <v>14</v>
      </c>
      <c r="JS20" s="102">
        <v>35</v>
      </c>
      <c r="JT20" s="103">
        <v>49</v>
      </c>
      <c r="JU20" s="413">
        <v>0</v>
      </c>
      <c r="JV20" s="102">
        <v>34</v>
      </c>
      <c r="JW20" s="102">
        <v>67</v>
      </c>
      <c r="JX20" s="102">
        <v>49</v>
      </c>
      <c r="JY20" s="102">
        <v>33</v>
      </c>
      <c r="JZ20" s="102">
        <v>39</v>
      </c>
      <c r="KA20" s="103">
        <v>222</v>
      </c>
      <c r="KB20" s="104">
        <v>271</v>
      </c>
      <c r="KC20" s="101">
        <v>1042</v>
      </c>
      <c r="KD20" s="102">
        <v>1349</v>
      </c>
      <c r="KE20" s="103">
        <v>2391</v>
      </c>
      <c r="KF20" s="413">
        <v>0</v>
      </c>
      <c r="KG20" s="102">
        <v>1508</v>
      </c>
      <c r="KH20" s="102">
        <v>2281</v>
      </c>
      <c r="KI20" s="102">
        <v>1625</v>
      </c>
      <c r="KJ20" s="102">
        <v>1404</v>
      </c>
      <c r="KK20" s="102">
        <v>855</v>
      </c>
      <c r="KL20" s="103">
        <v>7673</v>
      </c>
      <c r="KM20" s="104">
        <v>10064</v>
      </c>
    </row>
    <row r="21" spans="2:299" s="70" customFormat="1" ht="21" customHeight="1" x14ac:dyDescent="0.2">
      <c r="B21" s="106" t="s">
        <v>18</v>
      </c>
      <c r="C21" s="96">
        <v>458</v>
      </c>
      <c r="D21" s="97">
        <v>469</v>
      </c>
      <c r="E21" s="98">
        <v>927</v>
      </c>
      <c r="F21" s="413">
        <v>0</v>
      </c>
      <c r="G21" s="97">
        <v>990</v>
      </c>
      <c r="H21" s="97">
        <v>831</v>
      </c>
      <c r="I21" s="97">
        <v>558</v>
      </c>
      <c r="J21" s="97">
        <v>430</v>
      </c>
      <c r="K21" s="97">
        <v>301</v>
      </c>
      <c r="L21" s="99">
        <v>3110</v>
      </c>
      <c r="M21" s="100">
        <v>4037</v>
      </c>
      <c r="N21" s="101">
        <v>24</v>
      </c>
      <c r="O21" s="102">
        <v>23</v>
      </c>
      <c r="P21" s="103">
        <v>47</v>
      </c>
      <c r="Q21" s="413">
        <v>0</v>
      </c>
      <c r="R21" s="102">
        <v>44</v>
      </c>
      <c r="S21" s="102">
        <v>46</v>
      </c>
      <c r="T21" s="102">
        <v>33</v>
      </c>
      <c r="U21" s="102">
        <v>21</v>
      </c>
      <c r="V21" s="102">
        <v>26</v>
      </c>
      <c r="W21" s="103">
        <v>170</v>
      </c>
      <c r="X21" s="104">
        <v>217</v>
      </c>
      <c r="Y21" s="101">
        <v>42</v>
      </c>
      <c r="Z21" s="102">
        <v>42</v>
      </c>
      <c r="AA21" s="103">
        <v>84</v>
      </c>
      <c r="AB21" s="413">
        <v>0</v>
      </c>
      <c r="AC21" s="102">
        <v>112</v>
      </c>
      <c r="AD21" s="102">
        <v>81</v>
      </c>
      <c r="AE21" s="102">
        <v>55</v>
      </c>
      <c r="AF21" s="102">
        <v>53</v>
      </c>
      <c r="AG21" s="102">
        <v>38</v>
      </c>
      <c r="AH21" s="103">
        <v>339</v>
      </c>
      <c r="AI21" s="104">
        <v>423</v>
      </c>
      <c r="AJ21" s="101">
        <v>75</v>
      </c>
      <c r="AK21" s="102">
        <v>85</v>
      </c>
      <c r="AL21" s="103">
        <v>160</v>
      </c>
      <c r="AM21" s="413">
        <v>0</v>
      </c>
      <c r="AN21" s="102">
        <v>159</v>
      </c>
      <c r="AO21" s="102">
        <v>130</v>
      </c>
      <c r="AP21" s="102">
        <v>88</v>
      </c>
      <c r="AQ21" s="102">
        <v>67</v>
      </c>
      <c r="AR21" s="102">
        <v>50</v>
      </c>
      <c r="AS21" s="103">
        <v>494</v>
      </c>
      <c r="AT21" s="104">
        <v>654</v>
      </c>
      <c r="AU21" s="101">
        <v>137</v>
      </c>
      <c r="AV21" s="102">
        <v>128</v>
      </c>
      <c r="AW21" s="103">
        <v>265</v>
      </c>
      <c r="AX21" s="413">
        <v>0</v>
      </c>
      <c r="AY21" s="102">
        <v>276</v>
      </c>
      <c r="AZ21" s="102">
        <v>237</v>
      </c>
      <c r="BA21" s="102">
        <v>127</v>
      </c>
      <c r="BB21" s="102">
        <v>111</v>
      </c>
      <c r="BC21" s="102">
        <v>98</v>
      </c>
      <c r="BD21" s="103">
        <v>849</v>
      </c>
      <c r="BE21" s="104">
        <v>1114</v>
      </c>
      <c r="BF21" s="101">
        <v>121</v>
      </c>
      <c r="BG21" s="102">
        <v>120</v>
      </c>
      <c r="BH21" s="103">
        <v>241</v>
      </c>
      <c r="BI21" s="413">
        <v>0</v>
      </c>
      <c r="BJ21" s="102">
        <v>259</v>
      </c>
      <c r="BK21" s="102">
        <v>206</v>
      </c>
      <c r="BL21" s="102">
        <v>149</v>
      </c>
      <c r="BM21" s="102">
        <v>108</v>
      </c>
      <c r="BN21" s="102">
        <v>54</v>
      </c>
      <c r="BO21" s="103">
        <v>776</v>
      </c>
      <c r="BP21" s="104">
        <v>1017</v>
      </c>
      <c r="BQ21" s="101">
        <v>59</v>
      </c>
      <c r="BR21" s="102">
        <v>71</v>
      </c>
      <c r="BS21" s="103">
        <v>130</v>
      </c>
      <c r="BT21" s="413">
        <v>0</v>
      </c>
      <c r="BU21" s="102">
        <v>140</v>
      </c>
      <c r="BV21" s="102">
        <v>131</v>
      </c>
      <c r="BW21" s="102">
        <v>106</v>
      </c>
      <c r="BX21" s="102">
        <v>70</v>
      </c>
      <c r="BY21" s="102">
        <v>35</v>
      </c>
      <c r="BZ21" s="103">
        <v>482</v>
      </c>
      <c r="CA21" s="104">
        <v>612</v>
      </c>
      <c r="CB21" s="101">
        <v>9</v>
      </c>
      <c r="CC21" s="102">
        <v>24</v>
      </c>
      <c r="CD21" s="103">
        <v>33</v>
      </c>
      <c r="CE21" s="413">
        <v>0</v>
      </c>
      <c r="CF21" s="102">
        <v>30</v>
      </c>
      <c r="CG21" s="102">
        <v>38</v>
      </c>
      <c r="CH21" s="102">
        <v>25</v>
      </c>
      <c r="CI21" s="102">
        <v>33</v>
      </c>
      <c r="CJ21" s="102">
        <v>17</v>
      </c>
      <c r="CK21" s="103">
        <v>143</v>
      </c>
      <c r="CL21" s="104">
        <v>176</v>
      </c>
      <c r="CM21" s="101">
        <v>467</v>
      </c>
      <c r="CN21" s="102">
        <v>493</v>
      </c>
      <c r="CO21" s="103">
        <v>960</v>
      </c>
      <c r="CP21" s="413">
        <v>0</v>
      </c>
      <c r="CQ21" s="102">
        <v>1020</v>
      </c>
      <c r="CR21" s="102">
        <v>869</v>
      </c>
      <c r="CS21" s="102">
        <v>583</v>
      </c>
      <c r="CT21" s="102">
        <v>463</v>
      </c>
      <c r="CU21" s="102">
        <v>318</v>
      </c>
      <c r="CV21" s="103">
        <v>3253</v>
      </c>
      <c r="CW21" s="104">
        <v>4213</v>
      </c>
      <c r="CX21" s="105">
        <v>824</v>
      </c>
      <c r="CY21" s="97">
        <v>1191</v>
      </c>
      <c r="CZ21" s="98">
        <v>2015</v>
      </c>
      <c r="DA21" s="413">
        <v>0</v>
      </c>
      <c r="DB21" s="97">
        <v>1529</v>
      </c>
      <c r="DC21" s="97">
        <v>1278</v>
      </c>
      <c r="DD21" s="97">
        <v>1015</v>
      </c>
      <c r="DE21" s="97">
        <v>994</v>
      </c>
      <c r="DF21" s="97">
        <v>670</v>
      </c>
      <c r="DG21" s="99">
        <v>5486</v>
      </c>
      <c r="DH21" s="100">
        <v>7501</v>
      </c>
      <c r="DI21" s="101">
        <v>13</v>
      </c>
      <c r="DJ21" s="102">
        <v>35</v>
      </c>
      <c r="DK21" s="103">
        <v>48</v>
      </c>
      <c r="DL21" s="413">
        <v>0</v>
      </c>
      <c r="DM21" s="102">
        <v>38</v>
      </c>
      <c r="DN21" s="102">
        <v>18</v>
      </c>
      <c r="DO21" s="102">
        <v>19</v>
      </c>
      <c r="DP21" s="102">
        <v>23</v>
      </c>
      <c r="DQ21" s="102">
        <v>15</v>
      </c>
      <c r="DR21" s="103">
        <v>113</v>
      </c>
      <c r="DS21" s="104">
        <v>161</v>
      </c>
      <c r="DT21" s="101">
        <v>72</v>
      </c>
      <c r="DU21" s="102">
        <v>75</v>
      </c>
      <c r="DV21" s="103">
        <v>147</v>
      </c>
      <c r="DW21" s="413">
        <v>0</v>
      </c>
      <c r="DX21" s="102">
        <v>83</v>
      </c>
      <c r="DY21" s="102">
        <v>78</v>
      </c>
      <c r="DZ21" s="102">
        <v>34</v>
      </c>
      <c r="EA21" s="102">
        <v>46</v>
      </c>
      <c r="EB21" s="102">
        <v>39</v>
      </c>
      <c r="EC21" s="103">
        <v>280</v>
      </c>
      <c r="ED21" s="104">
        <v>427</v>
      </c>
      <c r="EE21" s="101">
        <v>148</v>
      </c>
      <c r="EF21" s="102">
        <v>198</v>
      </c>
      <c r="EG21" s="103">
        <v>346</v>
      </c>
      <c r="EH21" s="413">
        <v>0</v>
      </c>
      <c r="EI21" s="102">
        <v>207</v>
      </c>
      <c r="EJ21" s="102">
        <v>151</v>
      </c>
      <c r="EK21" s="102">
        <v>114</v>
      </c>
      <c r="EL21" s="102">
        <v>92</v>
      </c>
      <c r="EM21" s="102">
        <v>79</v>
      </c>
      <c r="EN21" s="103">
        <v>643</v>
      </c>
      <c r="EO21" s="104">
        <v>989</v>
      </c>
      <c r="EP21" s="101">
        <v>285</v>
      </c>
      <c r="EQ21" s="102">
        <v>368</v>
      </c>
      <c r="ER21" s="103">
        <v>653</v>
      </c>
      <c r="ES21" s="413">
        <v>0</v>
      </c>
      <c r="ET21" s="102">
        <v>447</v>
      </c>
      <c r="EU21" s="102">
        <v>293</v>
      </c>
      <c r="EV21" s="102">
        <v>226</v>
      </c>
      <c r="EW21" s="102">
        <v>195</v>
      </c>
      <c r="EX21" s="102">
        <v>135</v>
      </c>
      <c r="EY21" s="103">
        <v>1296</v>
      </c>
      <c r="EZ21" s="104">
        <v>1949</v>
      </c>
      <c r="FA21" s="101">
        <v>210</v>
      </c>
      <c r="FB21" s="102">
        <v>331</v>
      </c>
      <c r="FC21" s="103">
        <v>541</v>
      </c>
      <c r="FD21" s="413">
        <v>0</v>
      </c>
      <c r="FE21" s="102">
        <v>409</v>
      </c>
      <c r="FF21" s="102">
        <v>403</v>
      </c>
      <c r="FG21" s="102">
        <v>298</v>
      </c>
      <c r="FH21" s="102">
        <v>260</v>
      </c>
      <c r="FI21" s="102">
        <v>185</v>
      </c>
      <c r="FJ21" s="103">
        <v>1555</v>
      </c>
      <c r="FK21" s="104">
        <v>2096</v>
      </c>
      <c r="FL21" s="101">
        <v>96</v>
      </c>
      <c r="FM21" s="102">
        <v>184</v>
      </c>
      <c r="FN21" s="103">
        <v>280</v>
      </c>
      <c r="FO21" s="413">
        <v>0</v>
      </c>
      <c r="FP21" s="102">
        <v>345</v>
      </c>
      <c r="FQ21" s="102">
        <v>335</v>
      </c>
      <c r="FR21" s="102">
        <v>324</v>
      </c>
      <c r="FS21" s="102">
        <v>378</v>
      </c>
      <c r="FT21" s="102">
        <v>217</v>
      </c>
      <c r="FU21" s="103">
        <v>1599</v>
      </c>
      <c r="FV21" s="104">
        <v>1879</v>
      </c>
      <c r="FW21" s="101">
        <v>16</v>
      </c>
      <c r="FX21" s="102">
        <v>15</v>
      </c>
      <c r="FY21" s="103">
        <v>31</v>
      </c>
      <c r="FZ21" s="413">
        <v>0</v>
      </c>
      <c r="GA21" s="102">
        <v>29</v>
      </c>
      <c r="GB21" s="102">
        <v>32</v>
      </c>
      <c r="GC21" s="102">
        <v>13</v>
      </c>
      <c r="GD21" s="102">
        <v>22</v>
      </c>
      <c r="GE21" s="102">
        <v>18</v>
      </c>
      <c r="GF21" s="103">
        <v>114</v>
      </c>
      <c r="GG21" s="104">
        <v>145</v>
      </c>
      <c r="GH21" s="101">
        <v>840</v>
      </c>
      <c r="GI21" s="102">
        <v>1206</v>
      </c>
      <c r="GJ21" s="103">
        <v>2046</v>
      </c>
      <c r="GK21" s="413">
        <v>0</v>
      </c>
      <c r="GL21" s="102">
        <v>1558</v>
      </c>
      <c r="GM21" s="102">
        <v>1310</v>
      </c>
      <c r="GN21" s="102">
        <v>1028</v>
      </c>
      <c r="GO21" s="102">
        <v>1016</v>
      </c>
      <c r="GP21" s="102">
        <v>688</v>
      </c>
      <c r="GQ21" s="103">
        <v>5600</v>
      </c>
      <c r="GR21" s="104">
        <v>7646</v>
      </c>
      <c r="GS21" s="105">
        <v>1282</v>
      </c>
      <c r="GT21" s="97">
        <v>1660</v>
      </c>
      <c r="GU21" s="98">
        <v>2942</v>
      </c>
      <c r="GV21" s="413">
        <v>0</v>
      </c>
      <c r="GW21" s="97">
        <v>2519</v>
      </c>
      <c r="GX21" s="97">
        <v>2109</v>
      </c>
      <c r="GY21" s="97">
        <v>1573</v>
      </c>
      <c r="GZ21" s="97">
        <v>1424</v>
      </c>
      <c r="HA21" s="97">
        <v>971</v>
      </c>
      <c r="HB21" s="99">
        <v>8596</v>
      </c>
      <c r="HC21" s="100">
        <v>11538</v>
      </c>
      <c r="HD21" s="101">
        <v>37</v>
      </c>
      <c r="HE21" s="102">
        <v>58</v>
      </c>
      <c r="HF21" s="103">
        <v>95</v>
      </c>
      <c r="HG21" s="416">
        <v>0</v>
      </c>
      <c r="HH21" s="102">
        <v>82</v>
      </c>
      <c r="HI21" s="102">
        <v>64</v>
      </c>
      <c r="HJ21" s="102">
        <v>52</v>
      </c>
      <c r="HK21" s="102">
        <v>44</v>
      </c>
      <c r="HL21" s="102">
        <v>41</v>
      </c>
      <c r="HM21" s="103">
        <v>283</v>
      </c>
      <c r="HN21" s="104">
        <v>378</v>
      </c>
      <c r="HO21" s="101">
        <v>114</v>
      </c>
      <c r="HP21" s="102">
        <v>117</v>
      </c>
      <c r="HQ21" s="103">
        <v>231</v>
      </c>
      <c r="HR21" s="413">
        <v>0</v>
      </c>
      <c r="HS21" s="102">
        <v>195</v>
      </c>
      <c r="HT21" s="102">
        <v>159</v>
      </c>
      <c r="HU21" s="102">
        <v>89</v>
      </c>
      <c r="HV21" s="102">
        <v>99</v>
      </c>
      <c r="HW21" s="102">
        <v>77</v>
      </c>
      <c r="HX21" s="103">
        <v>619</v>
      </c>
      <c r="HY21" s="104">
        <v>850</v>
      </c>
      <c r="HZ21" s="101">
        <v>223</v>
      </c>
      <c r="IA21" s="102">
        <v>283</v>
      </c>
      <c r="IB21" s="103">
        <v>506</v>
      </c>
      <c r="IC21" s="413">
        <v>0</v>
      </c>
      <c r="ID21" s="102">
        <v>366</v>
      </c>
      <c r="IE21" s="102">
        <v>281</v>
      </c>
      <c r="IF21" s="102">
        <v>202</v>
      </c>
      <c r="IG21" s="102">
        <v>159</v>
      </c>
      <c r="IH21" s="102">
        <v>129</v>
      </c>
      <c r="II21" s="103">
        <v>1137</v>
      </c>
      <c r="IJ21" s="104">
        <v>1643</v>
      </c>
      <c r="IK21" s="101">
        <v>422</v>
      </c>
      <c r="IL21" s="102">
        <v>496</v>
      </c>
      <c r="IM21" s="103">
        <v>918</v>
      </c>
      <c r="IN21" s="413">
        <v>0</v>
      </c>
      <c r="IO21" s="102">
        <v>723</v>
      </c>
      <c r="IP21" s="102">
        <v>530</v>
      </c>
      <c r="IQ21" s="102">
        <v>353</v>
      </c>
      <c r="IR21" s="102">
        <v>306</v>
      </c>
      <c r="IS21" s="102">
        <v>233</v>
      </c>
      <c r="IT21" s="103">
        <v>2145</v>
      </c>
      <c r="IU21" s="104">
        <v>3063</v>
      </c>
      <c r="IV21" s="101">
        <v>331</v>
      </c>
      <c r="IW21" s="102">
        <v>451</v>
      </c>
      <c r="IX21" s="103">
        <v>782</v>
      </c>
      <c r="IY21" s="413">
        <v>0</v>
      </c>
      <c r="IZ21" s="102">
        <v>668</v>
      </c>
      <c r="JA21" s="102">
        <v>609</v>
      </c>
      <c r="JB21" s="102">
        <v>447</v>
      </c>
      <c r="JC21" s="102">
        <v>368</v>
      </c>
      <c r="JD21" s="102">
        <v>239</v>
      </c>
      <c r="JE21" s="103">
        <v>2331</v>
      </c>
      <c r="JF21" s="104">
        <v>3113</v>
      </c>
      <c r="JG21" s="101">
        <v>155</v>
      </c>
      <c r="JH21" s="102">
        <v>255</v>
      </c>
      <c r="JI21" s="103">
        <v>410</v>
      </c>
      <c r="JJ21" s="413">
        <v>0</v>
      </c>
      <c r="JK21" s="102">
        <v>485</v>
      </c>
      <c r="JL21" s="102">
        <v>466</v>
      </c>
      <c r="JM21" s="102">
        <v>430</v>
      </c>
      <c r="JN21" s="102">
        <v>448</v>
      </c>
      <c r="JO21" s="102">
        <v>252</v>
      </c>
      <c r="JP21" s="103">
        <v>2081</v>
      </c>
      <c r="JQ21" s="104">
        <v>2491</v>
      </c>
      <c r="JR21" s="101">
        <v>25</v>
      </c>
      <c r="JS21" s="102">
        <v>39</v>
      </c>
      <c r="JT21" s="103">
        <v>64</v>
      </c>
      <c r="JU21" s="413">
        <v>0</v>
      </c>
      <c r="JV21" s="102">
        <v>59</v>
      </c>
      <c r="JW21" s="102">
        <v>70</v>
      </c>
      <c r="JX21" s="102">
        <v>38</v>
      </c>
      <c r="JY21" s="102">
        <v>55</v>
      </c>
      <c r="JZ21" s="102">
        <v>35</v>
      </c>
      <c r="KA21" s="103">
        <v>257</v>
      </c>
      <c r="KB21" s="104">
        <v>321</v>
      </c>
      <c r="KC21" s="101">
        <v>1307</v>
      </c>
      <c r="KD21" s="102">
        <v>1699</v>
      </c>
      <c r="KE21" s="103">
        <v>3006</v>
      </c>
      <c r="KF21" s="413">
        <v>0</v>
      </c>
      <c r="KG21" s="102">
        <v>2578</v>
      </c>
      <c r="KH21" s="102">
        <v>2179</v>
      </c>
      <c r="KI21" s="102">
        <v>1611</v>
      </c>
      <c r="KJ21" s="102">
        <v>1479</v>
      </c>
      <c r="KK21" s="102">
        <v>1006</v>
      </c>
      <c r="KL21" s="103">
        <v>8853</v>
      </c>
      <c r="KM21" s="104">
        <v>11859</v>
      </c>
    </row>
    <row r="22" spans="2:299" s="70" customFormat="1" ht="21" customHeight="1" x14ac:dyDescent="0.2">
      <c r="B22" s="106" t="s">
        <v>19</v>
      </c>
      <c r="C22" s="96">
        <v>249</v>
      </c>
      <c r="D22" s="97">
        <v>189</v>
      </c>
      <c r="E22" s="98">
        <v>438</v>
      </c>
      <c r="F22" s="413">
        <v>0</v>
      </c>
      <c r="G22" s="97">
        <v>410</v>
      </c>
      <c r="H22" s="97">
        <v>321</v>
      </c>
      <c r="I22" s="97">
        <v>235</v>
      </c>
      <c r="J22" s="97">
        <v>144</v>
      </c>
      <c r="K22" s="97">
        <v>102</v>
      </c>
      <c r="L22" s="99">
        <v>1212</v>
      </c>
      <c r="M22" s="100">
        <v>1650</v>
      </c>
      <c r="N22" s="107">
        <v>7</v>
      </c>
      <c r="O22" s="102">
        <v>9</v>
      </c>
      <c r="P22" s="103">
        <v>16</v>
      </c>
      <c r="Q22" s="413">
        <v>0</v>
      </c>
      <c r="R22" s="102">
        <v>15</v>
      </c>
      <c r="S22" s="102">
        <v>11</v>
      </c>
      <c r="T22" s="102">
        <v>14</v>
      </c>
      <c r="U22" s="102">
        <v>5</v>
      </c>
      <c r="V22" s="102">
        <v>7</v>
      </c>
      <c r="W22" s="103">
        <v>52</v>
      </c>
      <c r="X22" s="104">
        <v>68</v>
      </c>
      <c r="Y22" s="101">
        <v>17</v>
      </c>
      <c r="Z22" s="102">
        <v>20</v>
      </c>
      <c r="AA22" s="103">
        <v>37</v>
      </c>
      <c r="AB22" s="413">
        <v>0</v>
      </c>
      <c r="AC22" s="102">
        <v>46</v>
      </c>
      <c r="AD22" s="102">
        <v>33</v>
      </c>
      <c r="AE22" s="102">
        <v>24</v>
      </c>
      <c r="AF22" s="102">
        <v>16</v>
      </c>
      <c r="AG22" s="102">
        <v>9</v>
      </c>
      <c r="AH22" s="103">
        <v>128</v>
      </c>
      <c r="AI22" s="104">
        <v>165</v>
      </c>
      <c r="AJ22" s="107">
        <v>36</v>
      </c>
      <c r="AK22" s="102">
        <v>28</v>
      </c>
      <c r="AL22" s="103">
        <v>64</v>
      </c>
      <c r="AM22" s="413">
        <v>0</v>
      </c>
      <c r="AN22" s="102">
        <v>75</v>
      </c>
      <c r="AO22" s="102">
        <v>53</v>
      </c>
      <c r="AP22" s="102">
        <v>37</v>
      </c>
      <c r="AQ22" s="102">
        <v>31</v>
      </c>
      <c r="AR22" s="102">
        <v>15</v>
      </c>
      <c r="AS22" s="103">
        <v>211</v>
      </c>
      <c r="AT22" s="104">
        <v>275</v>
      </c>
      <c r="AU22" s="101">
        <v>67</v>
      </c>
      <c r="AV22" s="102">
        <v>50</v>
      </c>
      <c r="AW22" s="103">
        <v>117</v>
      </c>
      <c r="AX22" s="413">
        <v>0</v>
      </c>
      <c r="AY22" s="102">
        <v>98</v>
      </c>
      <c r="AZ22" s="102">
        <v>93</v>
      </c>
      <c r="BA22" s="102">
        <v>64</v>
      </c>
      <c r="BB22" s="102">
        <v>40</v>
      </c>
      <c r="BC22" s="102">
        <v>23</v>
      </c>
      <c r="BD22" s="103">
        <v>318</v>
      </c>
      <c r="BE22" s="104">
        <v>435</v>
      </c>
      <c r="BF22" s="107">
        <v>76</v>
      </c>
      <c r="BG22" s="102">
        <v>39</v>
      </c>
      <c r="BH22" s="103">
        <v>115</v>
      </c>
      <c r="BI22" s="413">
        <v>0</v>
      </c>
      <c r="BJ22" s="102">
        <v>102</v>
      </c>
      <c r="BK22" s="102">
        <v>70</v>
      </c>
      <c r="BL22" s="102">
        <v>52</v>
      </c>
      <c r="BM22" s="102">
        <v>37</v>
      </c>
      <c r="BN22" s="102">
        <v>34</v>
      </c>
      <c r="BO22" s="103">
        <v>295</v>
      </c>
      <c r="BP22" s="104">
        <v>410</v>
      </c>
      <c r="BQ22" s="101">
        <v>46</v>
      </c>
      <c r="BR22" s="102">
        <v>43</v>
      </c>
      <c r="BS22" s="103">
        <v>89</v>
      </c>
      <c r="BT22" s="413">
        <v>0</v>
      </c>
      <c r="BU22" s="102">
        <v>74</v>
      </c>
      <c r="BV22" s="102">
        <v>61</v>
      </c>
      <c r="BW22" s="102">
        <v>44</v>
      </c>
      <c r="BX22" s="102">
        <v>15</v>
      </c>
      <c r="BY22" s="102">
        <v>14</v>
      </c>
      <c r="BZ22" s="103">
        <v>208</v>
      </c>
      <c r="CA22" s="104">
        <v>297</v>
      </c>
      <c r="CB22" s="101">
        <v>9</v>
      </c>
      <c r="CC22" s="102">
        <v>8</v>
      </c>
      <c r="CD22" s="103">
        <v>17</v>
      </c>
      <c r="CE22" s="413">
        <v>0</v>
      </c>
      <c r="CF22" s="102">
        <v>19</v>
      </c>
      <c r="CG22" s="102">
        <v>9</v>
      </c>
      <c r="CH22" s="102">
        <v>12</v>
      </c>
      <c r="CI22" s="102">
        <v>6</v>
      </c>
      <c r="CJ22" s="102">
        <v>7</v>
      </c>
      <c r="CK22" s="103">
        <v>53</v>
      </c>
      <c r="CL22" s="104">
        <v>70</v>
      </c>
      <c r="CM22" s="101">
        <v>258</v>
      </c>
      <c r="CN22" s="102">
        <v>197</v>
      </c>
      <c r="CO22" s="103">
        <v>455</v>
      </c>
      <c r="CP22" s="413">
        <v>0</v>
      </c>
      <c r="CQ22" s="102">
        <v>429</v>
      </c>
      <c r="CR22" s="102">
        <v>330</v>
      </c>
      <c r="CS22" s="102">
        <v>247</v>
      </c>
      <c r="CT22" s="102">
        <v>150</v>
      </c>
      <c r="CU22" s="102">
        <v>109</v>
      </c>
      <c r="CV22" s="103">
        <v>1265</v>
      </c>
      <c r="CW22" s="104">
        <v>1720</v>
      </c>
      <c r="CX22" s="105">
        <v>402</v>
      </c>
      <c r="CY22" s="97">
        <v>434</v>
      </c>
      <c r="CZ22" s="98">
        <v>836</v>
      </c>
      <c r="DA22" s="413">
        <v>0</v>
      </c>
      <c r="DB22" s="97">
        <v>701</v>
      </c>
      <c r="DC22" s="97">
        <v>495</v>
      </c>
      <c r="DD22" s="97">
        <v>448</v>
      </c>
      <c r="DE22" s="97">
        <v>327</v>
      </c>
      <c r="DF22" s="97">
        <v>263</v>
      </c>
      <c r="DG22" s="99">
        <v>2234</v>
      </c>
      <c r="DH22" s="100">
        <v>3070</v>
      </c>
      <c r="DI22" s="107">
        <v>12</v>
      </c>
      <c r="DJ22" s="102">
        <v>3</v>
      </c>
      <c r="DK22" s="103">
        <v>15</v>
      </c>
      <c r="DL22" s="413">
        <v>0</v>
      </c>
      <c r="DM22" s="102">
        <v>13</v>
      </c>
      <c r="DN22" s="102">
        <v>13</v>
      </c>
      <c r="DO22" s="102">
        <v>9</v>
      </c>
      <c r="DP22" s="102">
        <v>3</v>
      </c>
      <c r="DQ22" s="102">
        <v>2</v>
      </c>
      <c r="DR22" s="103">
        <v>40</v>
      </c>
      <c r="DS22" s="104">
        <v>55</v>
      </c>
      <c r="DT22" s="101">
        <v>28</v>
      </c>
      <c r="DU22" s="102">
        <v>31</v>
      </c>
      <c r="DV22" s="103">
        <v>59</v>
      </c>
      <c r="DW22" s="413">
        <v>0</v>
      </c>
      <c r="DX22" s="102">
        <v>41</v>
      </c>
      <c r="DY22" s="102">
        <v>25</v>
      </c>
      <c r="DZ22" s="102">
        <v>17</v>
      </c>
      <c r="EA22" s="102">
        <v>10</v>
      </c>
      <c r="EB22" s="102">
        <v>20</v>
      </c>
      <c r="EC22" s="103">
        <v>113</v>
      </c>
      <c r="ED22" s="104">
        <v>172</v>
      </c>
      <c r="EE22" s="107">
        <v>66</v>
      </c>
      <c r="EF22" s="102">
        <v>72</v>
      </c>
      <c r="EG22" s="103">
        <v>138</v>
      </c>
      <c r="EH22" s="413">
        <v>0</v>
      </c>
      <c r="EI22" s="102">
        <v>84</v>
      </c>
      <c r="EJ22" s="102">
        <v>48</v>
      </c>
      <c r="EK22" s="102">
        <v>39</v>
      </c>
      <c r="EL22" s="102">
        <v>35</v>
      </c>
      <c r="EM22" s="102">
        <v>19</v>
      </c>
      <c r="EN22" s="103">
        <v>225</v>
      </c>
      <c r="EO22" s="104">
        <v>363</v>
      </c>
      <c r="EP22" s="101">
        <v>128</v>
      </c>
      <c r="EQ22" s="102">
        <v>122</v>
      </c>
      <c r="ER22" s="103">
        <v>250</v>
      </c>
      <c r="ES22" s="413">
        <v>0</v>
      </c>
      <c r="ET22" s="102">
        <v>187</v>
      </c>
      <c r="EU22" s="102">
        <v>124</v>
      </c>
      <c r="EV22" s="102">
        <v>90</v>
      </c>
      <c r="EW22" s="102">
        <v>64</v>
      </c>
      <c r="EX22" s="102">
        <v>55</v>
      </c>
      <c r="EY22" s="103">
        <v>520</v>
      </c>
      <c r="EZ22" s="104">
        <v>770</v>
      </c>
      <c r="FA22" s="107">
        <v>114</v>
      </c>
      <c r="FB22" s="102">
        <v>119</v>
      </c>
      <c r="FC22" s="103">
        <v>233</v>
      </c>
      <c r="FD22" s="413">
        <v>0</v>
      </c>
      <c r="FE22" s="102">
        <v>193</v>
      </c>
      <c r="FF22" s="102">
        <v>150</v>
      </c>
      <c r="FG22" s="102">
        <v>125</v>
      </c>
      <c r="FH22" s="102">
        <v>89</v>
      </c>
      <c r="FI22" s="102">
        <v>66</v>
      </c>
      <c r="FJ22" s="103">
        <v>623</v>
      </c>
      <c r="FK22" s="104">
        <v>856</v>
      </c>
      <c r="FL22" s="101">
        <v>54</v>
      </c>
      <c r="FM22" s="102">
        <v>87</v>
      </c>
      <c r="FN22" s="103">
        <v>141</v>
      </c>
      <c r="FO22" s="413">
        <v>0</v>
      </c>
      <c r="FP22" s="102">
        <v>183</v>
      </c>
      <c r="FQ22" s="102">
        <v>135</v>
      </c>
      <c r="FR22" s="102">
        <v>168</v>
      </c>
      <c r="FS22" s="102">
        <v>126</v>
      </c>
      <c r="FT22" s="102">
        <v>101</v>
      </c>
      <c r="FU22" s="103">
        <v>713</v>
      </c>
      <c r="FV22" s="104">
        <v>854</v>
      </c>
      <c r="FW22" s="101">
        <v>4</v>
      </c>
      <c r="FX22" s="102">
        <v>10</v>
      </c>
      <c r="FY22" s="103">
        <v>14</v>
      </c>
      <c r="FZ22" s="413">
        <v>0</v>
      </c>
      <c r="GA22" s="102">
        <v>5</v>
      </c>
      <c r="GB22" s="102">
        <v>11</v>
      </c>
      <c r="GC22" s="102">
        <v>6</v>
      </c>
      <c r="GD22" s="102">
        <v>5</v>
      </c>
      <c r="GE22" s="102">
        <v>3</v>
      </c>
      <c r="GF22" s="103">
        <v>30</v>
      </c>
      <c r="GG22" s="104">
        <v>44</v>
      </c>
      <c r="GH22" s="101">
        <v>406</v>
      </c>
      <c r="GI22" s="102">
        <v>444</v>
      </c>
      <c r="GJ22" s="103">
        <v>850</v>
      </c>
      <c r="GK22" s="413">
        <v>0</v>
      </c>
      <c r="GL22" s="102">
        <v>706</v>
      </c>
      <c r="GM22" s="102">
        <v>506</v>
      </c>
      <c r="GN22" s="102">
        <v>454</v>
      </c>
      <c r="GO22" s="102">
        <v>332</v>
      </c>
      <c r="GP22" s="102">
        <v>266</v>
      </c>
      <c r="GQ22" s="103">
        <v>2264</v>
      </c>
      <c r="GR22" s="104">
        <v>3114</v>
      </c>
      <c r="GS22" s="105">
        <v>651</v>
      </c>
      <c r="GT22" s="97">
        <v>623</v>
      </c>
      <c r="GU22" s="98">
        <v>1274</v>
      </c>
      <c r="GV22" s="413">
        <v>0</v>
      </c>
      <c r="GW22" s="97">
        <v>1111</v>
      </c>
      <c r="GX22" s="97">
        <v>816</v>
      </c>
      <c r="GY22" s="97">
        <v>683</v>
      </c>
      <c r="GZ22" s="97">
        <v>471</v>
      </c>
      <c r="HA22" s="97">
        <v>365</v>
      </c>
      <c r="HB22" s="99">
        <v>3446</v>
      </c>
      <c r="HC22" s="100">
        <v>4720</v>
      </c>
      <c r="HD22" s="107">
        <v>19</v>
      </c>
      <c r="HE22" s="102">
        <v>12</v>
      </c>
      <c r="HF22" s="103">
        <v>31</v>
      </c>
      <c r="HG22" s="416">
        <v>0</v>
      </c>
      <c r="HH22" s="102">
        <v>28</v>
      </c>
      <c r="HI22" s="102">
        <v>24</v>
      </c>
      <c r="HJ22" s="102">
        <v>23</v>
      </c>
      <c r="HK22" s="102">
        <v>8</v>
      </c>
      <c r="HL22" s="102">
        <v>9</v>
      </c>
      <c r="HM22" s="103">
        <v>92</v>
      </c>
      <c r="HN22" s="104">
        <v>123</v>
      </c>
      <c r="HO22" s="101">
        <v>45</v>
      </c>
      <c r="HP22" s="102">
        <v>51</v>
      </c>
      <c r="HQ22" s="103">
        <v>96</v>
      </c>
      <c r="HR22" s="413">
        <v>0</v>
      </c>
      <c r="HS22" s="102">
        <v>87</v>
      </c>
      <c r="HT22" s="102">
        <v>58</v>
      </c>
      <c r="HU22" s="102">
        <v>41</v>
      </c>
      <c r="HV22" s="102">
        <v>26</v>
      </c>
      <c r="HW22" s="102">
        <v>29</v>
      </c>
      <c r="HX22" s="103">
        <v>241</v>
      </c>
      <c r="HY22" s="104">
        <v>337</v>
      </c>
      <c r="HZ22" s="107">
        <v>102</v>
      </c>
      <c r="IA22" s="102">
        <v>100</v>
      </c>
      <c r="IB22" s="103">
        <v>202</v>
      </c>
      <c r="IC22" s="413">
        <v>0</v>
      </c>
      <c r="ID22" s="102">
        <v>159</v>
      </c>
      <c r="IE22" s="102">
        <v>101</v>
      </c>
      <c r="IF22" s="102">
        <v>76</v>
      </c>
      <c r="IG22" s="102">
        <v>66</v>
      </c>
      <c r="IH22" s="102">
        <v>34</v>
      </c>
      <c r="II22" s="103">
        <v>436</v>
      </c>
      <c r="IJ22" s="104">
        <v>638</v>
      </c>
      <c r="IK22" s="101">
        <v>195</v>
      </c>
      <c r="IL22" s="102">
        <v>172</v>
      </c>
      <c r="IM22" s="103">
        <v>367</v>
      </c>
      <c r="IN22" s="413">
        <v>0</v>
      </c>
      <c r="IO22" s="102">
        <v>285</v>
      </c>
      <c r="IP22" s="102">
        <v>217</v>
      </c>
      <c r="IQ22" s="102">
        <v>154</v>
      </c>
      <c r="IR22" s="102">
        <v>104</v>
      </c>
      <c r="IS22" s="102">
        <v>78</v>
      </c>
      <c r="IT22" s="103">
        <v>838</v>
      </c>
      <c r="IU22" s="104">
        <v>1205</v>
      </c>
      <c r="IV22" s="107">
        <v>190</v>
      </c>
      <c r="IW22" s="102">
        <v>158</v>
      </c>
      <c r="IX22" s="103">
        <v>348</v>
      </c>
      <c r="IY22" s="413">
        <v>0</v>
      </c>
      <c r="IZ22" s="102">
        <v>295</v>
      </c>
      <c r="JA22" s="102">
        <v>220</v>
      </c>
      <c r="JB22" s="102">
        <v>177</v>
      </c>
      <c r="JC22" s="102">
        <v>126</v>
      </c>
      <c r="JD22" s="102">
        <v>100</v>
      </c>
      <c r="JE22" s="103">
        <v>918</v>
      </c>
      <c r="JF22" s="104">
        <v>1266</v>
      </c>
      <c r="JG22" s="101">
        <v>100</v>
      </c>
      <c r="JH22" s="102">
        <v>130</v>
      </c>
      <c r="JI22" s="103">
        <v>230</v>
      </c>
      <c r="JJ22" s="413">
        <v>0</v>
      </c>
      <c r="JK22" s="102">
        <v>257</v>
      </c>
      <c r="JL22" s="102">
        <v>196</v>
      </c>
      <c r="JM22" s="102">
        <v>212</v>
      </c>
      <c r="JN22" s="102">
        <v>141</v>
      </c>
      <c r="JO22" s="102">
        <v>115</v>
      </c>
      <c r="JP22" s="103">
        <v>921</v>
      </c>
      <c r="JQ22" s="104">
        <v>1151</v>
      </c>
      <c r="JR22" s="101">
        <v>13</v>
      </c>
      <c r="JS22" s="102">
        <v>18</v>
      </c>
      <c r="JT22" s="103">
        <v>31</v>
      </c>
      <c r="JU22" s="413">
        <v>0</v>
      </c>
      <c r="JV22" s="102">
        <v>24</v>
      </c>
      <c r="JW22" s="102">
        <v>20</v>
      </c>
      <c r="JX22" s="102">
        <v>18</v>
      </c>
      <c r="JY22" s="102">
        <v>11</v>
      </c>
      <c r="JZ22" s="102">
        <v>10</v>
      </c>
      <c r="KA22" s="103">
        <v>83</v>
      </c>
      <c r="KB22" s="104">
        <v>114</v>
      </c>
      <c r="KC22" s="101">
        <v>664</v>
      </c>
      <c r="KD22" s="102">
        <v>641</v>
      </c>
      <c r="KE22" s="103">
        <v>1305</v>
      </c>
      <c r="KF22" s="413">
        <v>0</v>
      </c>
      <c r="KG22" s="102">
        <v>1135</v>
      </c>
      <c r="KH22" s="102">
        <v>836</v>
      </c>
      <c r="KI22" s="102">
        <v>701</v>
      </c>
      <c r="KJ22" s="102">
        <v>482</v>
      </c>
      <c r="KK22" s="102">
        <v>375</v>
      </c>
      <c r="KL22" s="103">
        <v>3529</v>
      </c>
      <c r="KM22" s="104">
        <v>4834</v>
      </c>
    </row>
    <row r="23" spans="2:299" s="70" customFormat="1" ht="21" customHeight="1" x14ac:dyDescent="0.2">
      <c r="B23" s="106" t="s">
        <v>20</v>
      </c>
      <c r="C23" s="96">
        <v>287</v>
      </c>
      <c r="D23" s="97">
        <v>297</v>
      </c>
      <c r="E23" s="98">
        <v>584</v>
      </c>
      <c r="F23" s="413">
        <v>0</v>
      </c>
      <c r="G23" s="97">
        <v>664</v>
      </c>
      <c r="H23" s="97">
        <v>395</v>
      </c>
      <c r="I23" s="97">
        <v>300</v>
      </c>
      <c r="J23" s="97">
        <v>223</v>
      </c>
      <c r="K23" s="97">
        <v>119</v>
      </c>
      <c r="L23" s="99">
        <v>1701</v>
      </c>
      <c r="M23" s="100">
        <v>2285</v>
      </c>
      <c r="N23" s="101">
        <v>6</v>
      </c>
      <c r="O23" s="102">
        <v>8</v>
      </c>
      <c r="P23" s="103">
        <v>14</v>
      </c>
      <c r="Q23" s="413">
        <v>0</v>
      </c>
      <c r="R23" s="102">
        <v>22</v>
      </c>
      <c r="S23" s="102">
        <v>16</v>
      </c>
      <c r="T23" s="102">
        <v>20</v>
      </c>
      <c r="U23" s="102">
        <v>9</v>
      </c>
      <c r="V23" s="102">
        <v>12</v>
      </c>
      <c r="W23" s="103">
        <v>79</v>
      </c>
      <c r="X23" s="104">
        <v>93</v>
      </c>
      <c r="Y23" s="101">
        <v>30</v>
      </c>
      <c r="Z23" s="102">
        <v>22</v>
      </c>
      <c r="AA23" s="103">
        <v>52</v>
      </c>
      <c r="AB23" s="413">
        <v>0</v>
      </c>
      <c r="AC23" s="102">
        <v>58</v>
      </c>
      <c r="AD23" s="102">
        <v>35</v>
      </c>
      <c r="AE23" s="102">
        <v>29</v>
      </c>
      <c r="AF23" s="102">
        <v>28</v>
      </c>
      <c r="AG23" s="102">
        <v>12</v>
      </c>
      <c r="AH23" s="103">
        <v>162</v>
      </c>
      <c r="AI23" s="104">
        <v>214</v>
      </c>
      <c r="AJ23" s="101">
        <v>43</v>
      </c>
      <c r="AK23" s="102">
        <v>48</v>
      </c>
      <c r="AL23" s="103">
        <v>91</v>
      </c>
      <c r="AM23" s="413">
        <v>0</v>
      </c>
      <c r="AN23" s="102">
        <v>118</v>
      </c>
      <c r="AO23" s="102">
        <v>57</v>
      </c>
      <c r="AP23" s="102">
        <v>49</v>
      </c>
      <c r="AQ23" s="102">
        <v>40</v>
      </c>
      <c r="AR23" s="102">
        <v>25</v>
      </c>
      <c r="AS23" s="103">
        <v>289</v>
      </c>
      <c r="AT23" s="104">
        <v>380</v>
      </c>
      <c r="AU23" s="101">
        <v>94</v>
      </c>
      <c r="AV23" s="102">
        <v>91</v>
      </c>
      <c r="AW23" s="103">
        <v>185</v>
      </c>
      <c r="AX23" s="413">
        <v>0</v>
      </c>
      <c r="AY23" s="102">
        <v>205</v>
      </c>
      <c r="AZ23" s="102">
        <v>104</v>
      </c>
      <c r="BA23" s="102">
        <v>80</v>
      </c>
      <c r="BB23" s="102">
        <v>65</v>
      </c>
      <c r="BC23" s="102">
        <v>27</v>
      </c>
      <c r="BD23" s="103">
        <v>481</v>
      </c>
      <c r="BE23" s="104">
        <v>666</v>
      </c>
      <c r="BF23" s="101">
        <v>70</v>
      </c>
      <c r="BG23" s="102">
        <v>85</v>
      </c>
      <c r="BH23" s="103">
        <v>155</v>
      </c>
      <c r="BI23" s="413">
        <v>0</v>
      </c>
      <c r="BJ23" s="102">
        <v>174</v>
      </c>
      <c r="BK23" s="102">
        <v>111</v>
      </c>
      <c r="BL23" s="102">
        <v>80</v>
      </c>
      <c r="BM23" s="102">
        <v>51</v>
      </c>
      <c r="BN23" s="102">
        <v>25</v>
      </c>
      <c r="BO23" s="103">
        <v>441</v>
      </c>
      <c r="BP23" s="104">
        <v>596</v>
      </c>
      <c r="BQ23" s="101">
        <v>44</v>
      </c>
      <c r="BR23" s="102">
        <v>43</v>
      </c>
      <c r="BS23" s="103">
        <v>87</v>
      </c>
      <c r="BT23" s="413">
        <v>0</v>
      </c>
      <c r="BU23" s="102">
        <v>87</v>
      </c>
      <c r="BV23" s="102">
        <v>72</v>
      </c>
      <c r="BW23" s="102">
        <v>42</v>
      </c>
      <c r="BX23" s="102">
        <v>30</v>
      </c>
      <c r="BY23" s="102">
        <v>18</v>
      </c>
      <c r="BZ23" s="103">
        <v>249</v>
      </c>
      <c r="CA23" s="104">
        <v>336</v>
      </c>
      <c r="CB23" s="101">
        <v>8</v>
      </c>
      <c r="CC23" s="102">
        <v>8</v>
      </c>
      <c r="CD23" s="103">
        <v>16</v>
      </c>
      <c r="CE23" s="413">
        <v>0</v>
      </c>
      <c r="CF23" s="102">
        <v>18</v>
      </c>
      <c r="CG23" s="102">
        <v>16</v>
      </c>
      <c r="CH23" s="102">
        <v>13</v>
      </c>
      <c r="CI23" s="102">
        <v>10</v>
      </c>
      <c r="CJ23" s="102">
        <v>9</v>
      </c>
      <c r="CK23" s="103">
        <v>66</v>
      </c>
      <c r="CL23" s="104">
        <v>82</v>
      </c>
      <c r="CM23" s="101">
        <v>295</v>
      </c>
      <c r="CN23" s="102">
        <v>305</v>
      </c>
      <c r="CO23" s="103">
        <v>600</v>
      </c>
      <c r="CP23" s="413">
        <v>0</v>
      </c>
      <c r="CQ23" s="102">
        <v>682</v>
      </c>
      <c r="CR23" s="102">
        <v>411</v>
      </c>
      <c r="CS23" s="102">
        <v>313</v>
      </c>
      <c r="CT23" s="102">
        <v>233</v>
      </c>
      <c r="CU23" s="102">
        <v>128</v>
      </c>
      <c r="CV23" s="103">
        <v>1767</v>
      </c>
      <c r="CW23" s="104">
        <v>2367</v>
      </c>
      <c r="CX23" s="105">
        <v>529</v>
      </c>
      <c r="CY23" s="97">
        <v>653</v>
      </c>
      <c r="CZ23" s="98">
        <v>1182</v>
      </c>
      <c r="DA23" s="413">
        <v>0</v>
      </c>
      <c r="DB23" s="97">
        <v>982</v>
      </c>
      <c r="DC23" s="97">
        <v>590</v>
      </c>
      <c r="DD23" s="97">
        <v>512</v>
      </c>
      <c r="DE23" s="97">
        <v>469</v>
      </c>
      <c r="DF23" s="97">
        <v>282</v>
      </c>
      <c r="DG23" s="99">
        <v>2835</v>
      </c>
      <c r="DH23" s="100">
        <v>4017</v>
      </c>
      <c r="DI23" s="101">
        <v>10</v>
      </c>
      <c r="DJ23" s="102">
        <v>9</v>
      </c>
      <c r="DK23" s="103">
        <v>19</v>
      </c>
      <c r="DL23" s="413">
        <v>0</v>
      </c>
      <c r="DM23" s="102">
        <v>23</v>
      </c>
      <c r="DN23" s="102">
        <v>19</v>
      </c>
      <c r="DO23" s="102">
        <v>3</v>
      </c>
      <c r="DP23" s="102">
        <v>10</v>
      </c>
      <c r="DQ23" s="102">
        <v>6</v>
      </c>
      <c r="DR23" s="103">
        <v>61</v>
      </c>
      <c r="DS23" s="104">
        <v>80</v>
      </c>
      <c r="DT23" s="101">
        <v>32</v>
      </c>
      <c r="DU23" s="102">
        <v>38</v>
      </c>
      <c r="DV23" s="103">
        <v>70</v>
      </c>
      <c r="DW23" s="413">
        <v>0</v>
      </c>
      <c r="DX23" s="102">
        <v>43</v>
      </c>
      <c r="DY23" s="102">
        <v>31</v>
      </c>
      <c r="DZ23" s="102">
        <v>23</v>
      </c>
      <c r="EA23" s="102">
        <v>28</v>
      </c>
      <c r="EB23" s="102">
        <v>20</v>
      </c>
      <c r="EC23" s="103">
        <v>145</v>
      </c>
      <c r="ED23" s="104">
        <v>215</v>
      </c>
      <c r="EE23" s="101">
        <v>81</v>
      </c>
      <c r="EF23" s="102">
        <v>101</v>
      </c>
      <c r="EG23" s="103">
        <v>182</v>
      </c>
      <c r="EH23" s="413">
        <v>0</v>
      </c>
      <c r="EI23" s="102">
        <v>159</v>
      </c>
      <c r="EJ23" s="102">
        <v>72</v>
      </c>
      <c r="EK23" s="102">
        <v>64</v>
      </c>
      <c r="EL23" s="102">
        <v>50</v>
      </c>
      <c r="EM23" s="102">
        <v>27</v>
      </c>
      <c r="EN23" s="103">
        <v>372</v>
      </c>
      <c r="EO23" s="104">
        <v>554</v>
      </c>
      <c r="EP23" s="101">
        <v>194</v>
      </c>
      <c r="EQ23" s="102">
        <v>201</v>
      </c>
      <c r="ER23" s="103">
        <v>395</v>
      </c>
      <c r="ES23" s="413">
        <v>0</v>
      </c>
      <c r="ET23" s="102">
        <v>262</v>
      </c>
      <c r="EU23" s="102">
        <v>142</v>
      </c>
      <c r="EV23" s="102">
        <v>104</v>
      </c>
      <c r="EW23" s="102">
        <v>89</v>
      </c>
      <c r="EX23" s="102">
        <v>58</v>
      </c>
      <c r="EY23" s="103">
        <v>655</v>
      </c>
      <c r="EZ23" s="104">
        <v>1050</v>
      </c>
      <c r="FA23" s="101">
        <v>145</v>
      </c>
      <c r="FB23" s="102">
        <v>181</v>
      </c>
      <c r="FC23" s="103">
        <v>326</v>
      </c>
      <c r="FD23" s="413">
        <v>0</v>
      </c>
      <c r="FE23" s="102">
        <v>276</v>
      </c>
      <c r="FF23" s="102">
        <v>163</v>
      </c>
      <c r="FG23" s="102">
        <v>133</v>
      </c>
      <c r="FH23" s="102">
        <v>112</v>
      </c>
      <c r="FI23" s="102">
        <v>79</v>
      </c>
      <c r="FJ23" s="103">
        <v>763</v>
      </c>
      <c r="FK23" s="104">
        <v>1089</v>
      </c>
      <c r="FL23" s="101">
        <v>67</v>
      </c>
      <c r="FM23" s="102">
        <v>123</v>
      </c>
      <c r="FN23" s="103">
        <v>190</v>
      </c>
      <c r="FO23" s="413">
        <v>0</v>
      </c>
      <c r="FP23" s="102">
        <v>219</v>
      </c>
      <c r="FQ23" s="102">
        <v>163</v>
      </c>
      <c r="FR23" s="102">
        <v>185</v>
      </c>
      <c r="FS23" s="102">
        <v>180</v>
      </c>
      <c r="FT23" s="102">
        <v>92</v>
      </c>
      <c r="FU23" s="103">
        <v>839</v>
      </c>
      <c r="FV23" s="104">
        <v>1029</v>
      </c>
      <c r="FW23" s="101">
        <v>4</v>
      </c>
      <c r="FX23" s="102">
        <v>14</v>
      </c>
      <c r="FY23" s="103">
        <v>18</v>
      </c>
      <c r="FZ23" s="413">
        <v>0</v>
      </c>
      <c r="GA23" s="102">
        <v>20</v>
      </c>
      <c r="GB23" s="102">
        <v>8</v>
      </c>
      <c r="GC23" s="102">
        <v>7</v>
      </c>
      <c r="GD23" s="102">
        <v>10</v>
      </c>
      <c r="GE23" s="102">
        <v>6</v>
      </c>
      <c r="GF23" s="103">
        <v>51</v>
      </c>
      <c r="GG23" s="104">
        <v>69</v>
      </c>
      <c r="GH23" s="101">
        <v>533</v>
      </c>
      <c r="GI23" s="102">
        <v>667</v>
      </c>
      <c r="GJ23" s="103">
        <v>1200</v>
      </c>
      <c r="GK23" s="413">
        <v>0</v>
      </c>
      <c r="GL23" s="102">
        <v>1002</v>
      </c>
      <c r="GM23" s="102">
        <v>598</v>
      </c>
      <c r="GN23" s="102">
        <v>519</v>
      </c>
      <c r="GO23" s="102">
        <v>479</v>
      </c>
      <c r="GP23" s="102">
        <v>288</v>
      </c>
      <c r="GQ23" s="103">
        <v>2886</v>
      </c>
      <c r="GR23" s="104">
        <v>4086</v>
      </c>
      <c r="GS23" s="105">
        <v>816</v>
      </c>
      <c r="GT23" s="97">
        <v>950</v>
      </c>
      <c r="GU23" s="98">
        <v>1766</v>
      </c>
      <c r="GV23" s="413">
        <v>0</v>
      </c>
      <c r="GW23" s="97">
        <v>1646</v>
      </c>
      <c r="GX23" s="97">
        <v>985</v>
      </c>
      <c r="GY23" s="97">
        <v>812</v>
      </c>
      <c r="GZ23" s="97">
        <v>692</v>
      </c>
      <c r="HA23" s="97">
        <v>401</v>
      </c>
      <c r="HB23" s="99">
        <v>4536</v>
      </c>
      <c r="HC23" s="100">
        <v>6302</v>
      </c>
      <c r="HD23" s="101">
        <v>16</v>
      </c>
      <c r="HE23" s="102">
        <v>17</v>
      </c>
      <c r="HF23" s="103">
        <v>33</v>
      </c>
      <c r="HG23" s="416">
        <v>0</v>
      </c>
      <c r="HH23" s="102">
        <v>45</v>
      </c>
      <c r="HI23" s="102">
        <v>35</v>
      </c>
      <c r="HJ23" s="102">
        <v>23</v>
      </c>
      <c r="HK23" s="102">
        <v>19</v>
      </c>
      <c r="HL23" s="102">
        <v>18</v>
      </c>
      <c r="HM23" s="103">
        <v>140</v>
      </c>
      <c r="HN23" s="104">
        <v>173</v>
      </c>
      <c r="HO23" s="101">
        <v>62</v>
      </c>
      <c r="HP23" s="102">
        <v>60</v>
      </c>
      <c r="HQ23" s="103">
        <v>122</v>
      </c>
      <c r="HR23" s="413">
        <v>0</v>
      </c>
      <c r="HS23" s="102">
        <v>101</v>
      </c>
      <c r="HT23" s="102">
        <v>66</v>
      </c>
      <c r="HU23" s="102">
        <v>52</v>
      </c>
      <c r="HV23" s="102">
        <v>56</v>
      </c>
      <c r="HW23" s="102">
        <v>32</v>
      </c>
      <c r="HX23" s="103">
        <v>307</v>
      </c>
      <c r="HY23" s="104">
        <v>429</v>
      </c>
      <c r="HZ23" s="101">
        <v>124</v>
      </c>
      <c r="IA23" s="102">
        <v>149</v>
      </c>
      <c r="IB23" s="103">
        <v>273</v>
      </c>
      <c r="IC23" s="413">
        <v>0</v>
      </c>
      <c r="ID23" s="102">
        <v>277</v>
      </c>
      <c r="IE23" s="102">
        <v>129</v>
      </c>
      <c r="IF23" s="102">
        <v>113</v>
      </c>
      <c r="IG23" s="102">
        <v>90</v>
      </c>
      <c r="IH23" s="102">
        <v>52</v>
      </c>
      <c r="II23" s="103">
        <v>661</v>
      </c>
      <c r="IJ23" s="104">
        <v>934</v>
      </c>
      <c r="IK23" s="101">
        <v>288</v>
      </c>
      <c r="IL23" s="102">
        <v>292</v>
      </c>
      <c r="IM23" s="103">
        <v>580</v>
      </c>
      <c r="IN23" s="413">
        <v>0</v>
      </c>
      <c r="IO23" s="102">
        <v>467</v>
      </c>
      <c r="IP23" s="102">
        <v>246</v>
      </c>
      <c r="IQ23" s="102">
        <v>184</v>
      </c>
      <c r="IR23" s="102">
        <v>154</v>
      </c>
      <c r="IS23" s="102">
        <v>85</v>
      </c>
      <c r="IT23" s="103">
        <v>1136</v>
      </c>
      <c r="IU23" s="104">
        <v>1716</v>
      </c>
      <c r="IV23" s="101">
        <v>215</v>
      </c>
      <c r="IW23" s="102">
        <v>266</v>
      </c>
      <c r="IX23" s="103">
        <v>481</v>
      </c>
      <c r="IY23" s="413">
        <v>0</v>
      </c>
      <c r="IZ23" s="102">
        <v>450</v>
      </c>
      <c r="JA23" s="102">
        <v>274</v>
      </c>
      <c r="JB23" s="102">
        <v>213</v>
      </c>
      <c r="JC23" s="102">
        <v>163</v>
      </c>
      <c r="JD23" s="102">
        <v>104</v>
      </c>
      <c r="JE23" s="103">
        <v>1204</v>
      </c>
      <c r="JF23" s="104">
        <v>1685</v>
      </c>
      <c r="JG23" s="101">
        <v>111</v>
      </c>
      <c r="JH23" s="102">
        <v>166</v>
      </c>
      <c r="JI23" s="103">
        <v>277</v>
      </c>
      <c r="JJ23" s="413">
        <v>0</v>
      </c>
      <c r="JK23" s="102">
        <v>306</v>
      </c>
      <c r="JL23" s="102">
        <v>235</v>
      </c>
      <c r="JM23" s="102">
        <v>227</v>
      </c>
      <c r="JN23" s="102">
        <v>210</v>
      </c>
      <c r="JO23" s="102">
        <v>110</v>
      </c>
      <c r="JP23" s="103">
        <v>1088</v>
      </c>
      <c r="JQ23" s="104">
        <v>1365</v>
      </c>
      <c r="JR23" s="101">
        <v>12</v>
      </c>
      <c r="JS23" s="102">
        <v>22</v>
      </c>
      <c r="JT23" s="103">
        <v>34</v>
      </c>
      <c r="JU23" s="413">
        <v>0</v>
      </c>
      <c r="JV23" s="102">
        <v>38</v>
      </c>
      <c r="JW23" s="102">
        <v>24</v>
      </c>
      <c r="JX23" s="102">
        <v>20</v>
      </c>
      <c r="JY23" s="102">
        <v>20</v>
      </c>
      <c r="JZ23" s="102">
        <v>15</v>
      </c>
      <c r="KA23" s="103">
        <v>117</v>
      </c>
      <c r="KB23" s="104">
        <v>151</v>
      </c>
      <c r="KC23" s="101">
        <v>828</v>
      </c>
      <c r="KD23" s="102">
        <v>972</v>
      </c>
      <c r="KE23" s="103">
        <v>1800</v>
      </c>
      <c r="KF23" s="413">
        <v>0</v>
      </c>
      <c r="KG23" s="102">
        <v>1684</v>
      </c>
      <c r="KH23" s="102">
        <v>1009</v>
      </c>
      <c r="KI23" s="102">
        <v>832</v>
      </c>
      <c r="KJ23" s="102">
        <v>712</v>
      </c>
      <c r="KK23" s="102">
        <v>416</v>
      </c>
      <c r="KL23" s="103">
        <v>4653</v>
      </c>
      <c r="KM23" s="104">
        <v>6453</v>
      </c>
    </row>
    <row r="24" spans="2:299" s="70" customFormat="1" ht="21" customHeight="1" x14ac:dyDescent="0.2">
      <c r="B24" s="106" t="s">
        <v>21</v>
      </c>
      <c r="C24" s="96">
        <v>309</v>
      </c>
      <c r="D24" s="97">
        <v>246</v>
      </c>
      <c r="E24" s="98">
        <v>555</v>
      </c>
      <c r="F24" s="413">
        <v>0</v>
      </c>
      <c r="G24" s="97">
        <v>486</v>
      </c>
      <c r="H24" s="97">
        <v>442</v>
      </c>
      <c r="I24" s="97">
        <v>277</v>
      </c>
      <c r="J24" s="97">
        <v>237</v>
      </c>
      <c r="K24" s="97">
        <v>132</v>
      </c>
      <c r="L24" s="99">
        <v>1574</v>
      </c>
      <c r="M24" s="100">
        <v>2129</v>
      </c>
      <c r="N24" s="101">
        <v>17</v>
      </c>
      <c r="O24" s="102">
        <v>12</v>
      </c>
      <c r="P24" s="103">
        <v>29</v>
      </c>
      <c r="Q24" s="413">
        <v>0</v>
      </c>
      <c r="R24" s="102">
        <v>21</v>
      </c>
      <c r="S24" s="102">
        <v>20</v>
      </c>
      <c r="T24" s="102">
        <v>20</v>
      </c>
      <c r="U24" s="102">
        <v>8</v>
      </c>
      <c r="V24" s="102">
        <v>14</v>
      </c>
      <c r="W24" s="103">
        <v>83</v>
      </c>
      <c r="X24" s="104">
        <v>112</v>
      </c>
      <c r="Y24" s="101">
        <v>22</v>
      </c>
      <c r="Z24" s="102">
        <v>21</v>
      </c>
      <c r="AA24" s="103">
        <v>43</v>
      </c>
      <c r="AB24" s="413">
        <v>0</v>
      </c>
      <c r="AC24" s="102">
        <v>39</v>
      </c>
      <c r="AD24" s="102">
        <v>50</v>
      </c>
      <c r="AE24" s="102">
        <v>22</v>
      </c>
      <c r="AF24" s="102">
        <v>31</v>
      </c>
      <c r="AG24" s="102">
        <v>23</v>
      </c>
      <c r="AH24" s="103">
        <v>165</v>
      </c>
      <c r="AI24" s="104">
        <v>208</v>
      </c>
      <c r="AJ24" s="101">
        <v>57</v>
      </c>
      <c r="AK24" s="102">
        <v>51</v>
      </c>
      <c r="AL24" s="103">
        <v>108</v>
      </c>
      <c r="AM24" s="413">
        <v>0</v>
      </c>
      <c r="AN24" s="102">
        <v>82</v>
      </c>
      <c r="AO24" s="102">
        <v>74</v>
      </c>
      <c r="AP24" s="102">
        <v>47</v>
      </c>
      <c r="AQ24" s="102">
        <v>41</v>
      </c>
      <c r="AR24" s="102">
        <v>21</v>
      </c>
      <c r="AS24" s="103">
        <v>265</v>
      </c>
      <c r="AT24" s="104">
        <v>373</v>
      </c>
      <c r="AU24" s="101">
        <v>83</v>
      </c>
      <c r="AV24" s="102">
        <v>66</v>
      </c>
      <c r="AW24" s="103">
        <v>149</v>
      </c>
      <c r="AX24" s="413">
        <v>0</v>
      </c>
      <c r="AY24" s="102">
        <v>142</v>
      </c>
      <c r="AZ24" s="102">
        <v>132</v>
      </c>
      <c r="BA24" s="102">
        <v>77</v>
      </c>
      <c r="BB24" s="102">
        <v>73</v>
      </c>
      <c r="BC24" s="102">
        <v>27</v>
      </c>
      <c r="BD24" s="103">
        <v>451</v>
      </c>
      <c r="BE24" s="104">
        <v>600</v>
      </c>
      <c r="BF24" s="101">
        <v>88</v>
      </c>
      <c r="BG24" s="102">
        <v>62</v>
      </c>
      <c r="BH24" s="103">
        <v>150</v>
      </c>
      <c r="BI24" s="413">
        <v>0</v>
      </c>
      <c r="BJ24" s="102">
        <v>128</v>
      </c>
      <c r="BK24" s="102">
        <v>107</v>
      </c>
      <c r="BL24" s="102">
        <v>64</v>
      </c>
      <c r="BM24" s="102">
        <v>52</v>
      </c>
      <c r="BN24" s="102">
        <v>27</v>
      </c>
      <c r="BO24" s="103">
        <v>378</v>
      </c>
      <c r="BP24" s="104">
        <v>528</v>
      </c>
      <c r="BQ24" s="101">
        <v>42</v>
      </c>
      <c r="BR24" s="102">
        <v>34</v>
      </c>
      <c r="BS24" s="103">
        <v>76</v>
      </c>
      <c r="BT24" s="413">
        <v>0</v>
      </c>
      <c r="BU24" s="102">
        <v>74</v>
      </c>
      <c r="BV24" s="102">
        <v>59</v>
      </c>
      <c r="BW24" s="102">
        <v>47</v>
      </c>
      <c r="BX24" s="102">
        <v>32</v>
      </c>
      <c r="BY24" s="102">
        <v>20</v>
      </c>
      <c r="BZ24" s="103">
        <v>232</v>
      </c>
      <c r="CA24" s="104">
        <v>308</v>
      </c>
      <c r="CB24" s="101">
        <v>12</v>
      </c>
      <c r="CC24" s="102">
        <v>9</v>
      </c>
      <c r="CD24" s="103">
        <v>21</v>
      </c>
      <c r="CE24" s="413">
        <v>0</v>
      </c>
      <c r="CF24" s="102">
        <v>6</v>
      </c>
      <c r="CG24" s="102">
        <v>19</v>
      </c>
      <c r="CH24" s="102">
        <v>11</v>
      </c>
      <c r="CI24" s="102">
        <v>9</v>
      </c>
      <c r="CJ24" s="102">
        <v>13</v>
      </c>
      <c r="CK24" s="103">
        <v>58</v>
      </c>
      <c r="CL24" s="104">
        <v>79</v>
      </c>
      <c r="CM24" s="101">
        <v>321</v>
      </c>
      <c r="CN24" s="102">
        <v>255</v>
      </c>
      <c r="CO24" s="103">
        <v>576</v>
      </c>
      <c r="CP24" s="413">
        <v>0</v>
      </c>
      <c r="CQ24" s="102">
        <v>492</v>
      </c>
      <c r="CR24" s="102">
        <v>461</v>
      </c>
      <c r="CS24" s="102">
        <v>288</v>
      </c>
      <c r="CT24" s="102">
        <v>246</v>
      </c>
      <c r="CU24" s="102">
        <v>145</v>
      </c>
      <c r="CV24" s="103">
        <v>1632</v>
      </c>
      <c r="CW24" s="104">
        <v>2208</v>
      </c>
      <c r="CX24" s="105">
        <v>599</v>
      </c>
      <c r="CY24" s="97">
        <v>609</v>
      </c>
      <c r="CZ24" s="98">
        <v>1208</v>
      </c>
      <c r="DA24" s="413">
        <v>0</v>
      </c>
      <c r="DB24" s="97">
        <v>853</v>
      </c>
      <c r="DC24" s="97">
        <v>726</v>
      </c>
      <c r="DD24" s="97">
        <v>618</v>
      </c>
      <c r="DE24" s="97">
        <v>457</v>
      </c>
      <c r="DF24" s="97">
        <v>334</v>
      </c>
      <c r="DG24" s="99">
        <v>2988</v>
      </c>
      <c r="DH24" s="100">
        <v>4196</v>
      </c>
      <c r="DI24" s="101">
        <v>10</v>
      </c>
      <c r="DJ24" s="102">
        <v>21</v>
      </c>
      <c r="DK24" s="103">
        <v>31</v>
      </c>
      <c r="DL24" s="413">
        <v>0</v>
      </c>
      <c r="DM24" s="102">
        <v>17</v>
      </c>
      <c r="DN24" s="102">
        <v>24</v>
      </c>
      <c r="DO24" s="102">
        <v>15</v>
      </c>
      <c r="DP24" s="102">
        <v>5</v>
      </c>
      <c r="DQ24" s="102">
        <v>18</v>
      </c>
      <c r="DR24" s="103">
        <v>79</v>
      </c>
      <c r="DS24" s="104">
        <v>110</v>
      </c>
      <c r="DT24" s="101">
        <v>30</v>
      </c>
      <c r="DU24" s="102">
        <v>33</v>
      </c>
      <c r="DV24" s="103">
        <v>63</v>
      </c>
      <c r="DW24" s="413">
        <v>0</v>
      </c>
      <c r="DX24" s="102">
        <v>41</v>
      </c>
      <c r="DY24" s="102">
        <v>30</v>
      </c>
      <c r="DZ24" s="102">
        <v>31</v>
      </c>
      <c r="EA24" s="102">
        <v>20</v>
      </c>
      <c r="EB24" s="102">
        <v>20</v>
      </c>
      <c r="EC24" s="103">
        <v>142</v>
      </c>
      <c r="ED24" s="104">
        <v>205</v>
      </c>
      <c r="EE24" s="101">
        <v>91</v>
      </c>
      <c r="EF24" s="102">
        <v>103</v>
      </c>
      <c r="EG24" s="103">
        <v>194</v>
      </c>
      <c r="EH24" s="413">
        <v>0</v>
      </c>
      <c r="EI24" s="102">
        <v>114</v>
      </c>
      <c r="EJ24" s="102">
        <v>79</v>
      </c>
      <c r="EK24" s="102">
        <v>57</v>
      </c>
      <c r="EL24" s="102">
        <v>42</v>
      </c>
      <c r="EM24" s="102">
        <v>37</v>
      </c>
      <c r="EN24" s="103">
        <v>329</v>
      </c>
      <c r="EO24" s="104">
        <v>523</v>
      </c>
      <c r="EP24" s="101">
        <v>204</v>
      </c>
      <c r="EQ24" s="102">
        <v>185</v>
      </c>
      <c r="ER24" s="103">
        <v>389</v>
      </c>
      <c r="ES24" s="413">
        <v>0</v>
      </c>
      <c r="ET24" s="102">
        <v>246</v>
      </c>
      <c r="EU24" s="102">
        <v>157</v>
      </c>
      <c r="EV24" s="102">
        <v>131</v>
      </c>
      <c r="EW24" s="102">
        <v>93</v>
      </c>
      <c r="EX24" s="102">
        <v>79</v>
      </c>
      <c r="EY24" s="103">
        <v>706</v>
      </c>
      <c r="EZ24" s="104">
        <v>1095</v>
      </c>
      <c r="FA24" s="101">
        <v>164</v>
      </c>
      <c r="FB24" s="102">
        <v>185</v>
      </c>
      <c r="FC24" s="103">
        <v>349</v>
      </c>
      <c r="FD24" s="413">
        <v>0</v>
      </c>
      <c r="FE24" s="102">
        <v>213</v>
      </c>
      <c r="FF24" s="102">
        <v>222</v>
      </c>
      <c r="FG24" s="102">
        <v>176</v>
      </c>
      <c r="FH24" s="102">
        <v>122</v>
      </c>
      <c r="FI24" s="102">
        <v>79</v>
      </c>
      <c r="FJ24" s="103">
        <v>812</v>
      </c>
      <c r="FK24" s="104">
        <v>1161</v>
      </c>
      <c r="FL24" s="101">
        <v>100</v>
      </c>
      <c r="FM24" s="102">
        <v>82</v>
      </c>
      <c r="FN24" s="103">
        <v>182</v>
      </c>
      <c r="FO24" s="413">
        <v>0</v>
      </c>
      <c r="FP24" s="102">
        <v>222</v>
      </c>
      <c r="FQ24" s="102">
        <v>214</v>
      </c>
      <c r="FR24" s="102">
        <v>208</v>
      </c>
      <c r="FS24" s="102">
        <v>175</v>
      </c>
      <c r="FT24" s="102">
        <v>101</v>
      </c>
      <c r="FU24" s="103">
        <v>920</v>
      </c>
      <c r="FV24" s="104">
        <v>1102</v>
      </c>
      <c r="FW24" s="101">
        <v>4</v>
      </c>
      <c r="FX24" s="102">
        <v>10</v>
      </c>
      <c r="FY24" s="103">
        <v>14</v>
      </c>
      <c r="FZ24" s="413">
        <v>0</v>
      </c>
      <c r="GA24" s="102">
        <v>5</v>
      </c>
      <c r="GB24" s="102">
        <v>19</v>
      </c>
      <c r="GC24" s="102">
        <v>16</v>
      </c>
      <c r="GD24" s="102">
        <v>13</v>
      </c>
      <c r="GE24" s="102">
        <v>15</v>
      </c>
      <c r="GF24" s="103">
        <v>68</v>
      </c>
      <c r="GG24" s="104">
        <v>82</v>
      </c>
      <c r="GH24" s="101">
        <v>603</v>
      </c>
      <c r="GI24" s="102">
        <v>619</v>
      </c>
      <c r="GJ24" s="103">
        <v>1222</v>
      </c>
      <c r="GK24" s="413">
        <v>0</v>
      </c>
      <c r="GL24" s="102">
        <v>858</v>
      </c>
      <c r="GM24" s="102">
        <v>745</v>
      </c>
      <c r="GN24" s="102">
        <v>634</v>
      </c>
      <c r="GO24" s="102">
        <v>470</v>
      </c>
      <c r="GP24" s="102">
        <v>349</v>
      </c>
      <c r="GQ24" s="103">
        <v>3056</v>
      </c>
      <c r="GR24" s="104">
        <v>4278</v>
      </c>
      <c r="GS24" s="105">
        <v>908</v>
      </c>
      <c r="GT24" s="97">
        <v>855</v>
      </c>
      <c r="GU24" s="98">
        <v>1763</v>
      </c>
      <c r="GV24" s="413">
        <v>0</v>
      </c>
      <c r="GW24" s="97">
        <v>1339</v>
      </c>
      <c r="GX24" s="97">
        <v>1168</v>
      </c>
      <c r="GY24" s="97">
        <v>895</v>
      </c>
      <c r="GZ24" s="97">
        <v>694</v>
      </c>
      <c r="HA24" s="97">
        <v>466</v>
      </c>
      <c r="HB24" s="99">
        <v>4562</v>
      </c>
      <c r="HC24" s="100">
        <v>6325</v>
      </c>
      <c r="HD24" s="101">
        <v>27</v>
      </c>
      <c r="HE24" s="102">
        <v>33</v>
      </c>
      <c r="HF24" s="103">
        <v>60</v>
      </c>
      <c r="HG24" s="416">
        <v>0</v>
      </c>
      <c r="HH24" s="102">
        <v>38</v>
      </c>
      <c r="HI24" s="102">
        <v>44</v>
      </c>
      <c r="HJ24" s="102">
        <v>35</v>
      </c>
      <c r="HK24" s="102">
        <v>13</v>
      </c>
      <c r="HL24" s="102">
        <v>32</v>
      </c>
      <c r="HM24" s="103">
        <v>162</v>
      </c>
      <c r="HN24" s="104">
        <v>222</v>
      </c>
      <c r="HO24" s="101">
        <v>52</v>
      </c>
      <c r="HP24" s="102">
        <v>54</v>
      </c>
      <c r="HQ24" s="103">
        <v>106</v>
      </c>
      <c r="HR24" s="413">
        <v>0</v>
      </c>
      <c r="HS24" s="102">
        <v>80</v>
      </c>
      <c r="HT24" s="102">
        <v>80</v>
      </c>
      <c r="HU24" s="102">
        <v>53</v>
      </c>
      <c r="HV24" s="102">
        <v>51</v>
      </c>
      <c r="HW24" s="102">
        <v>43</v>
      </c>
      <c r="HX24" s="103">
        <v>307</v>
      </c>
      <c r="HY24" s="104">
        <v>413</v>
      </c>
      <c r="HZ24" s="101">
        <v>148</v>
      </c>
      <c r="IA24" s="102">
        <v>154</v>
      </c>
      <c r="IB24" s="103">
        <v>302</v>
      </c>
      <c r="IC24" s="413">
        <v>0</v>
      </c>
      <c r="ID24" s="102">
        <v>196</v>
      </c>
      <c r="IE24" s="102">
        <v>153</v>
      </c>
      <c r="IF24" s="102">
        <v>104</v>
      </c>
      <c r="IG24" s="102">
        <v>83</v>
      </c>
      <c r="IH24" s="102">
        <v>58</v>
      </c>
      <c r="II24" s="103">
        <v>594</v>
      </c>
      <c r="IJ24" s="104">
        <v>896</v>
      </c>
      <c r="IK24" s="101">
        <v>287</v>
      </c>
      <c r="IL24" s="102">
        <v>251</v>
      </c>
      <c r="IM24" s="103">
        <v>538</v>
      </c>
      <c r="IN24" s="413">
        <v>0</v>
      </c>
      <c r="IO24" s="102">
        <v>388</v>
      </c>
      <c r="IP24" s="102">
        <v>289</v>
      </c>
      <c r="IQ24" s="102">
        <v>208</v>
      </c>
      <c r="IR24" s="102">
        <v>166</v>
      </c>
      <c r="IS24" s="102">
        <v>106</v>
      </c>
      <c r="IT24" s="103">
        <v>1157</v>
      </c>
      <c r="IU24" s="104">
        <v>1695</v>
      </c>
      <c r="IV24" s="101">
        <v>252</v>
      </c>
      <c r="IW24" s="102">
        <v>247</v>
      </c>
      <c r="IX24" s="103">
        <v>499</v>
      </c>
      <c r="IY24" s="413">
        <v>0</v>
      </c>
      <c r="IZ24" s="102">
        <v>341</v>
      </c>
      <c r="JA24" s="102">
        <v>329</v>
      </c>
      <c r="JB24" s="102">
        <v>240</v>
      </c>
      <c r="JC24" s="102">
        <v>174</v>
      </c>
      <c r="JD24" s="102">
        <v>106</v>
      </c>
      <c r="JE24" s="103">
        <v>1190</v>
      </c>
      <c r="JF24" s="104">
        <v>1689</v>
      </c>
      <c r="JG24" s="101">
        <v>142</v>
      </c>
      <c r="JH24" s="102">
        <v>116</v>
      </c>
      <c r="JI24" s="103">
        <v>258</v>
      </c>
      <c r="JJ24" s="413">
        <v>0</v>
      </c>
      <c r="JK24" s="102">
        <v>296</v>
      </c>
      <c r="JL24" s="102">
        <v>273</v>
      </c>
      <c r="JM24" s="102">
        <v>255</v>
      </c>
      <c r="JN24" s="102">
        <v>207</v>
      </c>
      <c r="JO24" s="102">
        <v>121</v>
      </c>
      <c r="JP24" s="103">
        <v>1152</v>
      </c>
      <c r="JQ24" s="104">
        <v>1410</v>
      </c>
      <c r="JR24" s="101">
        <v>16</v>
      </c>
      <c r="JS24" s="102">
        <v>19</v>
      </c>
      <c r="JT24" s="103">
        <v>35</v>
      </c>
      <c r="JU24" s="413">
        <v>0</v>
      </c>
      <c r="JV24" s="102">
        <v>11</v>
      </c>
      <c r="JW24" s="102">
        <v>38</v>
      </c>
      <c r="JX24" s="102">
        <v>27</v>
      </c>
      <c r="JY24" s="102">
        <v>22</v>
      </c>
      <c r="JZ24" s="102">
        <v>28</v>
      </c>
      <c r="KA24" s="103">
        <v>126</v>
      </c>
      <c r="KB24" s="104">
        <v>161</v>
      </c>
      <c r="KC24" s="101">
        <v>924</v>
      </c>
      <c r="KD24" s="102">
        <v>874</v>
      </c>
      <c r="KE24" s="103">
        <v>1798</v>
      </c>
      <c r="KF24" s="413">
        <v>0</v>
      </c>
      <c r="KG24" s="102">
        <v>1350</v>
      </c>
      <c r="KH24" s="102">
        <v>1206</v>
      </c>
      <c r="KI24" s="102">
        <v>922</v>
      </c>
      <c r="KJ24" s="102">
        <v>716</v>
      </c>
      <c r="KK24" s="102">
        <v>494</v>
      </c>
      <c r="KL24" s="103">
        <v>4688</v>
      </c>
      <c r="KM24" s="104">
        <v>6486</v>
      </c>
    </row>
    <row r="25" spans="2:299" s="70" customFormat="1" ht="21" customHeight="1" x14ac:dyDescent="0.2">
      <c r="B25" s="106" t="s">
        <v>22</v>
      </c>
      <c r="C25" s="96">
        <v>94</v>
      </c>
      <c r="D25" s="97">
        <v>86</v>
      </c>
      <c r="E25" s="98">
        <v>180</v>
      </c>
      <c r="F25" s="413">
        <v>0</v>
      </c>
      <c r="G25" s="97">
        <v>202</v>
      </c>
      <c r="H25" s="97">
        <v>167</v>
      </c>
      <c r="I25" s="97">
        <v>116</v>
      </c>
      <c r="J25" s="97">
        <v>89</v>
      </c>
      <c r="K25" s="97">
        <v>44</v>
      </c>
      <c r="L25" s="99">
        <v>618</v>
      </c>
      <c r="M25" s="100">
        <v>798</v>
      </c>
      <c r="N25" s="101">
        <v>2</v>
      </c>
      <c r="O25" s="102">
        <v>4</v>
      </c>
      <c r="P25" s="103">
        <v>6</v>
      </c>
      <c r="Q25" s="413">
        <v>0</v>
      </c>
      <c r="R25" s="102">
        <v>5</v>
      </c>
      <c r="S25" s="102">
        <v>7</v>
      </c>
      <c r="T25" s="102">
        <v>6</v>
      </c>
      <c r="U25" s="102">
        <v>1</v>
      </c>
      <c r="V25" s="102">
        <v>3</v>
      </c>
      <c r="W25" s="103">
        <v>22</v>
      </c>
      <c r="X25" s="104">
        <v>28</v>
      </c>
      <c r="Y25" s="101">
        <v>2</v>
      </c>
      <c r="Z25" s="102">
        <v>9</v>
      </c>
      <c r="AA25" s="103">
        <v>11</v>
      </c>
      <c r="AB25" s="413">
        <v>0</v>
      </c>
      <c r="AC25" s="102">
        <v>10</v>
      </c>
      <c r="AD25" s="102">
        <v>12</v>
      </c>
      <c r="AE25" s="102">
        <v>8</v>
      </c>
      <c r="AF25" s="102">
        <v>4</v>
      </c>
      <c r="AG25" s="102">
        <v>10</v>
      </c>
      <c r="AH25" s="103">
        <v>44</v>
      </c>
      <c r="AI25" s="104">
        <v>55</v>
      </c>
      <c r="AJ25" s="101">
        <v>16</v>
      </c>
      <c r="AK25" s="102">
        <v>15</v>
      </c>
      <c r="AL25" s="103">
        <v>31</v>
      </c>
      <c r="AM25" s="413">
        <v>0</v>
      </c>
      <c r="AN25" s="102">
        <v>38</v>
      </c>
      <c r="AO25" s="102">
        <v>22</v>
      </c>
      <c r="AP25" s="102">
        <v>20</v>
      </c>
      <c r="AQ25" s="102">
        <v>15</v>
      </c>
      <c r="AR25" s="102">
        <v>8</v>
      </c>
      <c r="AS25" s="103">
        <v>103</v>
      </c>
      <c r="AT25" s="104">
        <v>134</v>
      </c>
      <c r="AU25" s="101">
        <v>24</v>
      </c>
      <c r="AV25" s="102">
        <v>22</v>
      </c>
      <c r="AW25" s="103">
        <v>46</v>
      </c>
      <c r="AX25" s="413">
        <v>0</v>
      </c>
      <c r="AY25" s="102">
        <v>50</v>
      </c>
      <c r="AZ25" s="102">
        <v>41</v>
      </c>
      <c r="BA25" s="102">
        <v>29</v>
      </c>
      <c r="BB25" s="102">
        <v>21</v>
      </c>
      <c r="BC25" s="102">
        <v>7</v>
      </c>
      <c r="BD25" s="103">
        <v>148</v>
      </c>
      <c r="BE25" s="104">
        <v>194</v>
      </c>
      <c r="BF25" s="101">
        <v>35</v>
      </c>
      <c r="BG25" s="102">
        <v>25</v>
      </c>
      <c r="BH25" s="103">
        <v>60</v>
      </c>
      <c r="BI25" s="413">
        <v>0</v>
      </c>
      <c r="BJ25" s="102">
        <v>49</v>
      </c>
      <c r="BK25" s="102">
        <v>45</v>
      </c>
      <c r="BL25" s="102">
        <v>23</v>
      </c>
      <c r="BM25" s="102">
        <v>28</v>
      </c>
      <c r="BN25" s="102">
        <v>10</v>
      </c>
      <c r="BO25" s="103">
        <v>155</v>
      </c>
      <c r="BP25" s="104">
        <v>215</v>
      </c>
      <c r="BQ25" s="101">
        <v>15</v>
      </c>
      <c r="BR25" s="102">
        <v>11</v>
      </c>
      <c r="BS25" s="103">
        <v>26</v>
      </c>
      <c r="BT25" s="413">
        <v>0</v>
      </c>
      <c r="BU25" s="102">
        <v>50</v>
      </c>
      <c r="BV25" s="102">
        <v>40</v>
      </c>
      <c r="BW25" s="102">
        <v>30</v>
      </c>
      <c r="BX25" s="102">
        <v>20</v>
      </c>
      <c r="BY25" s="102">
        <v>6</v>
      </c>
      <c r="BZ25" s="103">
        <v>146</v>
      </c>
      <c r="CA25" s="104">
        <v>172</v>
      </c>
      <c r="CB25" s="101">
        <v>4</v>
      </c>
      <c r="CC25" s="102">
        <v>5</v>
      </c>
      <c r="CD25" s="103">
        <v>9</v>
      </c>
      <c r="CE25" s="413">
        <v>0</v>
      </c>
      <c r="CF25" s="102">
        <v>7</v>
      </c>
      <c r="CG25" s="102">
        <v>4</v>
      </c>
      <c r="CH25" s="102">
        <v>3</v>
      </c>
      <c r="CI25" s="102">
        <v>2</v>
      </c>
      <c r="CJ25" s="102">
        <v>3</v>
      </c>
      <c r="CK25" s="103">
        <v>19</v>
      </c>
      <c r="CL25" s="104">
        <v>28</v>
      </c>
      <c r="CM25" s="101">
        <v>98</v>
      </c>
      <c r="CN25" s="102">
        <v>91</v>
      </c>
      <c r="CO25" s="103">
        <v>189</v>
      </c>
      <c r="CP25" s="413">
        <v>0</v>
      </c>
      <c r="CQ25" s="102">
        <v>209</v>
      </c>
      <c r="CR25" s="102">
        <v>171</v>
      </c>
      <c r="CS25" s="102">
        <v>119</v>
      </c>
      <c r="CT25" s="102">
        <v>91</v>
      </c>
      <c r="CU25" s="102">
        <v>47</v>
      </c>
      <c r="CV25" s="103">
        <v>637</v>
      </c>
      <c r="CW25" s="104">
        <v>826</v>
      </c>
      <c r="CX25" s="105">
        <v>157</v>
      </c>
      <c r="CY25" s="97">
        <v>269</v>
      </c>
      <c r="CZ25" s="98">
        <v>426</v>
      </c>
      <c r="DA25" s="413">
        <v>0</v>
      </c>
      <c r="DB25" s="97">
        <v>353</v>
      </c>
      <c r="DC25" s="97">
        <v>320</v>
      </c>
      <c r="DD25" s="97">
        <v>218</v>
      </c>
      <c r="DE25" s="97">
        <v>223</v>
      </c>
      <c r="DF25" s="97">
        <v>118</v>
      </c>
      <c r="DG25" s="99">
        <v>1232</v>
      </c>
      <c r="DH25" s="100">
        <v>1658</v>
      </c>
      <c r="DI25" s="101">
        <v>4</v>
      </c>
      <c r="DJ25" s="102">
        <v>6</v>
      </c>
      <c r="DK25" s="103">
        <v>10</v>
      </c>
      <c r="DL25" s="413">
        <v>0</v>
      </c>
      <c r="DM25" s="102">
        <v>5</v>
      </c>
      <c r="DN25" s="102">
        <v>5</v>
      </c>
      <c r="DO25" s="102">
        <v>6</v>
      </c>
      <c r="DP25" s="102">
        <v>1</v>
      </c>
      <c r="DQ25" s="102">
        <v>4</v>
      </c>
      <c r="DR25" s="103">
        <v>21</v>
      </c>
      <c r="DS25" s="104">
        <v>31</v>
      </c>
      <c r="DT25" s="101">
        <v>10</v>
      </c>
      <c r="DU25" s="102">
        <v>12</v>
      </c>
      <c r="DV25" s="103">
        <v>22</v>
      </c>
      <c r="DW25" s="413">
        <v>0</v>
      </c>
      <c r="DX25" s="102">
        <v>14</v>
      </c>
      <c r="DY25" s="102">
        <v>10</v>
      </c>
      <c r="DZ25" s="102">
        <v>11</v>
      </c>
      <c r="EA25" s="102">
        <v>7</v>
      </c>
      <c r="EB25" s="102">
        <v>1</v>
      </c>
      <c r="EC25" s="103">
        <v>43</v>
      </c>
      <c r="ED25" s="104">
        <v>65</v>
      </c>
      <c r="EE25" s="101">
        <v>31</v>
      </c>
      <c r="EF25" s="102">
        <v>45</v>
      </c>
      <c r="EG25" s="103">
        <v>76</v>
      </c>
      <c r="EH25" s="413">
        <v>0</v>
      </c>
      <c r="EI25" s="102">
        <v>42</v>
      </c>
      <c r="EJ25" s="102">
        <v>37</v>
      </c>
      <c r="EK25" s="102">
        <v>19</v>
      </c>
      <c r="EL25" s="102">
        <v>14</v>
      </c>
      <c r="EM25" s="102">
        <v>14</v>
      </c>
      <c r="EN25" s="103">
        <v>126</v>
      </c>
      <c r="EO25" s="104">
        <v>202</v>
      </c>
      <c r="EP25" s="101">
        <v>46</v>
      </c>
      <c r="EQ25" s="102">
        <v>73</v>
      </c>
      <c r="ER25" s="103">
        <v>119</v>
      </c>
      <c r="ES25" s="413">
        <v>0</v>
      </c>
      <c r="ET25" s="102">
        <v>77</v>
      </c>
      <c r="EU25" s="102">
        <v>69</v>
      </c>
      <c r="EV25" s="102">
        <v>39</v>
      </c>
      <c r="EW25" s="102">
        <v>43</v>
      </c>
      <c r="EX25" s="102">
        <v>23</v>
      </c>
      <c r="EY25" s="103">
        <v>251</v>
      </c>
      <c r="EZ25" s="104">
        <v>370</v>
      </c>
      <c r="FA25" s="101">
        <v>49</v>
      </c>
      <c r="FB25" s="102">
        <v>74</v>
      </c>
      <c r="FC25" s="103">
        <v>123</v>
      </c>
      <c r="FD25" s="413">
        <v>0</v>
      </c>
      <c r="FE25" s="102">
        <v>113</v>
      </c>
      <c r="FF25" s="102">
        <v>88</v>
      </c>
      <c r="FG25" s="102">
        <v>62</v>
      </c>
      <c r="FH25" s="102">
        <v>57</v>
      </c>
      <c r="FI25" s="102">
        <v>36</v>
      </c>
      <c r="FJ25" s="103">
        <v>356</v>
      </c>
      <c r="FK25" s="104">
        <v>479</v>
      </c>
      <c r="FL25" s="101">
        <v>17</v>
      </c>
      <c r="FM25" s="102">
        <v>59</v>
      </c>
      <c r="FN25" s="103">
        <v>76</v>
      </c>
      <c r="FO25" s="413">
        <v>0</v>
      </c>
      <c r="FP25" s="102">
        <v>102</v>
      </c>
      <c r="FQ25" s="102">
        <v>111</v>
      </c>
      <c r="FR25" s="102">
        <v>81</v>
      </c>
      <c r="FS25" s="102">
        <v>101</v>
      </c>
      <c r="FT25" s="102">
        <v>40</v>
      </c>
      <c r="FU25" s="103">
        <v>435</v>
      </c>
      <c r="FV25" s="104">
        <v>511</v>
      </c>
      <c r="FW25" s="101">
        <v>0</v>
      </c>
      <c r="FX25" s="102">
        <v>5</v>
      </c>
      <c r="FY25" s="103">
        <v>5</v>
      </c>
      <c r="FZ25" s="413">
        <v>0</v>
      </c>
      <c r="GA25" s="102">
        <v>3</v>
      </c>
      <c r="GB25" s="102">
        <v>6</v>
      </c>
      <c r="GC25" s="102">
        <v>2</v>
      </c>
      <c r="GD25" s="102">
        <v>2</v>
      </c>
      <c r="GE25" s="102">
        <v>3</v>
      </c>
      <c r="GF25" s="103">
        <v>16</v>
      </c>
      <c r="GG25" s="104">
        <v>21</v>
      </c>
      <c r="GH25" s="101">
        <v>157</v>
      </c>
      <c r="GI25" s="102">
        <v>274</v>
      </c>
      <c r="GJ25" s="103">
        <v>431</v>
      </c>
      <c r="GK25" s="413">
        <v>0</v>
      </c>
      <c r="GL25" s="102">
        <v>356</v>
      </c>
      <c r="GM25" s="102">
        <v>326</v>
      </c>
      <c r="GN25" s="102">
        <v>220</v>
      </c>
      <c r="GO25" s="102">
        <v>225</v>
      </c>
      <c r="GP25" s="102">
        <v>121</v>
      </c>
      <c r="GQ25" s="103">
        <v>1248</v>
      </c>
      <c r="GR25" s="104">
        <v>1679</v>
      </c>
      <c r="GS25" s="105">
        <v>251</v>
      </c>
      <c r="GT25" s="97">
        <v>355</v>
      </c>
      <c r="GU25" s="98">
        <v>606</v>
      </c>
      <c r="GV25" s="413">
        <v>0</v>
      </c>
      <c r="GW25" s="97">
        <v>555</v>
      </c>
      <c r="GX25" s="97">
        <v>487</v>
      </c>
      <c r="GY25" s="97">
        <v>334</v>
      </c>
      <c r="GZ25" s="97">
        <v>312</v>
      </c>
      <c r="HA25" s="97">
        <v>162</v>
      </c>
      <c r="HB25" s="99">
        <v>1850</v>
      </c>
      <c r="HC25" s="100">
        <v>2456</v>
      </c>
      <c r="HD25" s="101">
        <v>6</v>
      </c>
      <c r="HE25" s="102">
        <v>10</v>
      </c>
      <c r="HF25" s="103">
        <v>16</v>
      </c>
      <c r="HG25" s="416">
        <v>0</v>
      </c>
      <c r="HH25" s="102">
        <v>10</v>
      </c>
      <c r="HI25" s="102">
        <v>12</v>
      </c>
      <c r="HJ25" s="102">
        <v>12</v>
      </c>
      <c r="HK25" s="102">
        <v>2</v>
      </c>
      <c r="HL25" s="102">
        <v>7</v>
      </c>
      <c r="HM25" s="103">
        <v>43</v>
      </c>
      <c r="HN25" s="104">
        <v>59</v>
      </c>
      <c r="HO25" s="101">
        <v>12</v>
      </c>
      <c r="HP25" s="102">
        <v>21</v>
      </c>
      <c r="HQ25" s="103">
        <v>33</v>
      </c>
      <c r="HR25" s="413">
        <v>0</v>
      </c>
      <c r="HS25" s="102">
        <v>24</v>
      </c>
      <c r="HT25" s="102">
        <v>22</v>
      </c>
      <c r="HU25" s="102">
        <v>19</v>
      </c>
      <c r="HV25" s="102">
        <v>11</v>
      </c>
      <c r="HW25" s="102">
        <v>11</v>
      </c>
      <c r="HX25" s="103">
        <v>87</v>
      </c>
      <c r="HY25" s="104">
        <v>120</v>
      </c>
      <c r="HZ25" s="101">
        <v>47</v>
      </c>
      <c r="IA25" s="102">
        <v>60</v>
      </c>
      <c r="IB25" s="103">
        <v>107</v>
      </c>
      <c r="IC25" s="413">
        <v>0</v>
      </c>
      <c r="ID25" s="102">
        <v>80</v>
      </c>
      <c r="IE25" s="102">
        <v>59</v>
      </c>
      <c r="IF25" s="102">
        <v>39</v>
      </c>
      <c r="IG25" s="102">
        <v>29</v>
      </c>
      <c r="IH25" s="102">
        <v>22</v>
      </c>
      <c r="II25" s="103">
        <v>229</v>
      </c>
      <c r="IJ25" s="104">
        <v>336</v>
      </c>
      <c r="IK25" s="101">
        <v>70</v>
      </c>
      <c r="IL25" s="102">
        <v>95</v>
      </c>
      <c r="IM25" s="103">
        <v>165</v>
      </c>
      <c r="IN25" s="413">
        <v>0</v>
      </c>
      <c r="IO25" s="102">
        <v>127</v>
      </c>
      <c r="IP25" s="102">
        <v>110</v>
      </c>
      <c r="IQ25" s="102">
        <v>68</v>
      </c>
      <c r="IR25" s="102">
        <v>64</v>
      </c>
      <c r="IS25" s="102">
        <v>30</v>
      </c>
      <c r="IT25" s="103">
        <v>399</v>
      </c>
      <c r="IU25" s="104">
        <v>564</v>
      </c>
      <c r="IV25" s="101">
        <v>84</v>
      </c>
      <c r="IW25" s="102">
        <v>99</v>
      </c>
      <c r="IX25" s="103">
        <v>183</v>
      </c>
      <c r="IY25" s="413">
        <v>0</v>
      </c>
      <c r="IZ25" s="102">
        <v>162</v>
      </c>
      <c r="JA25" s="102">
        <v>133</v>
      </c>
      <c r="JB25" s="102">
        <v>85</v>
      </c>
      <c r="JC25" s="102">
        <v>85</v>
      </c>
      <c r="JD25" s="102">
        <v>46</v>
      </c>
      <c r="JE25" s="103">
        <v>511</v>
      </c>
      <c r="JF25" s="104">
        <v>694</v>
      </c>
      <c r="JG25" s="101">
        <v>32</v>
      </c>
      <c r="JH25" s="102">
        <v>70</v>
      </c>
      <c r="JI25" s="103">
        <v>102</v>
      </c>
      <c r="JJ25" s="413">
        <v>0</v>
      </c>
      <c r="JK25" s="102">
        <v>152</v>
      </c>
      <c r="JL25" s="102">
        <v>151</v>
      </c>
      <c r="JM25" s="102">
        <v>111</v>
      </c>
      <c r="JN25" s="102">
        <v>121</v>
      </c>
      <c r="JO25" s="102">
        <v>46</v>
      </c>
      <c r="JP25" s="103">
        <v>581</v>
      </c>
      <c r="JQ25" s="104">
        <v>683</v>
      </c>
      <c r="JR25" s="101">
        <v>4</v>
      </c>
      <c r="JS25" s="102">
        <v>10</v>
      </c>
      <c r="JT25" s="103">
        <v>14</v>
      </c>
      <c r="JU25" s="413">
        <v>0</v>
      </c>
      <c r="JV25" s="102">
        <v>10</v>
      </c>
      <c r="JW25" s="102">
        <v>10</v>
      </c>
      <c r="JX25" s="102">
        <v>5</v>
      </c>
      <c r="JY25" s="102">
        <v>4</v>
      </c>
      <c r="JZ25" s="102">
        <v>6</v>
      </c>
      <c r="KA25" s="103">
        <v>35</v>
      </c>
      <c r="KB25" s="104">
        <v>49</v>
      </c>
      <c r="KC25" s="101">
        <v>255</v>
      </c>
      <c r="KD25" s="102">
        <v>365</v>
      </c>
      <c r="KE25" s="103">
        <v>620</v>
      </c>
      <c r="KF25" s="413">
        <v>0</v>
      </c>
      <c r="KG25" s="102">
        <v>565</v>
      </c>
      <c r="KH25" s="102">
        <v>497</v>
      </c>
      <c r="KI25" s="102">
        <v>339</v>
      </c>
      <c r="KJ25" s="102">
        <v>316</v>
      </c>
      <c r="KK25" s="102">
        <v>168</v>
      </c>
      <c r="KL25" s="103">
        <v>1885</v>
      </c>
      <c r="KM25" s="104">
        <v>2505</v>
      </c>
    </row>
    <row r="26" spans="2:299" s="70" customFormat="1" ht="21" customHeight="1" x14ac:dyDescent="0.2">
      <c r="B26" s="106" t="s">
        <v>23</v>
      </c>
      <c r="C26" s="96">
        <v>216</v>
      </c>
      <c r="D26" s="97">
        <v>213</v>
      </c>
      <c r="E26" s="98">
        <v>429</v>
      </c>
      <c r="F26" s="413">
        <v>0</v>
      </c>
      <c r="G26" s="97">
        <v>336</v>
      </c>
      <c r="H26" s="97">
        <v>304</v>
      </c>
      <c r="I26" s="97">
        <v>198</v>
      </c>
      <c r="J26" s="97">
        <v>154</v>
      </c>
      <c r="K26" s="97">
        <v>95</v>
      </c>
      <c r="L26" s="99">
        <v>1087</v>
      </c>
      <c r="M26" s="100">
        <v>1516</v>
      </c>
      <c r="N26" s="101">
        <v>7</v>
      </c>
      <c r="O26" s="102">
        <v>7</v>
      </c>
      <c r="P26" s="103">
        <v>14</v>
      </c>
      <c r="Q26" s="413">
        <v>0</v>
      </c>
      <c r="R26" s="102">
        <v>6</v>
      </c>
      <c r="S26" s="102">
        <v>16</v>
      </c>
      <c r="T26" s="102">
        <v>6</v>
      </c>
      <c r="U26" s="102">
        <v>7</v>
      </c>
      <c r="V26" s="102">
        <v>2</v>
      </c>
      <c r="W26" s="103">
        <v>37</v>
      </c>
      <c r="X26" s="104">
        <v>51</v>
      </c>
      <c r="Y26" s="101">
        <v>15</v>
      </c>
      <c r="Z26" s="102">
        <v>21</v>
      </c>
      <c r="AA26" s="103">
        <v>36</v>
      </c>
      <c r="AB26" s="413">
        <v>0</v>
      </c>
      <c r="AC26" s="102">
        <v>21</v>
      </c>
      <c r="AD26" s="102">
        <v>29</v>
      </c>
      <c r="AE26" s="102">
        <v>19</v>
      </c>
      <c r="AF26" s="102">
        <v>18</v>
      </c>
      <c r="AG26" s="102">
        <v>10</v>
      </c>
      <c r="AH26" s="103">
        <v>97</v>
      </c>
      <c r="AI26" s="104">
        <v>133</v>
      </c>
      <c r="AJ26" s="101">
        <v>43</v>
      </c>
      <c r="AK26" s="102">
        <v>36</v>
      </c>
      <c r="AL26" s="103">
        <v>79</v>
      </c>
      <c r="AM26" s="413">
        <v>0</v>
      </c>
      <c r="AN26" s="102">
        <v>51</v>
      </c>
      <c r="AO26" s="102">
        <v>47</v>
      </c>
      <c r="AP26" s="102">
        <v>29</v>
      </c>
      <c r="AQ26" s="102">
        <v>22</v>
      </c>
      <c r="AR26" s="102">
        <v>20</v>
      </c>
      <c r="AS26" s="103">
        <v>169</v>
      </c>
      <c r="AT26" s="104">
        <v>248</v>
      </c>
      <c r="AU26" s="101">
        <v>69</v>
      </c>
      <c r="AV26" s="102">
        <v>69</v>
      </c>
      <c r="AW26" s="103">
        <v>138</v>
      </c>
      <c r="AX26" s="413">
        <v>0</v>
      </c>
      <c r="AY26" s="102">
        <v>111</v>
      </c>
      <c r="AZ26" s="102">
        <v>85</v>
      </c>
      <c r="BA26" s="102">
        <v>53</v>
      </c>
      <c r="BB26" s="102">
        <v>35</v>
      </c>
      <c r="BC26" s="102">
        <v>22</v>
      </c>
      <c r="BD26" s="103">
        <v>306</v>
      </c>
      <c r="BE26" s="104">
        <v>444</v>
      </c>
      <c r="BF26" s="101">
        <v>62</v>
      </c>
      <c r="BG26" s="102">
        <v>62</v>
      </c>
      <c r="BH26" s="103">
        <v>124</v>
      </c>
      <c r="BI26" s="413">
        <v>0</v>
      </c>
      <c r="BJ26" s="102">
        <v>113</v>
      </c>
      <c r="BK26" s="102">
        <v>86</v>
      </c>
      <c r="BL26" s="102">
        <v>60</v>
      </c>
      <c r="BM26" s="102">
        <v>42</v>
      </c>
      <c r="BN26" s="102">
        <v>26</v>
      </c>
      <c r="BO26" s="103">
        <v>327</v>
      </c>
      <c r="BP26" s="104">
        <v>451</v>
      </c>
      <c r="BQ26" s="101">
        <v>20</v>
      </c>
      <c r="BR26" s="102">
        <v>18</v>
      </c>
      <c r="BS26" s="103">
        <v>38</v>
      </c>
      <c r="BT26" s="413">
        <v>0</v>
      </c>
      <c r="BU26" s="102">
        <v>34</v>
      </c>
      <c r="BV26" s="102">
        <v>41</v>
      </c>
      <c r="BW26" s="102">
        <v>31</v>
      </c>
      <c r="BX26" s="102">
        <v>30</v>
      </c>
      <c r="BY26" s="102">
        <v>15</v>
      </c>
      <c r="BZ26" s="103">
        <v>151</v>
      </c>
      <c r="CA26" s="104">
        <v>189</v>
      </c>
      <c r="CB26" s="101">
        <v>4</v>
      </c>
      <c r="CC26" s="102">
        <v>10</v>
      </c>
      <c r="CD26" s="103">
        <v>14</v>
      </c>
      <c r="CE26" s="413">
        <v>0</v>
      </c>
      <c r="CF26" s="102">
        <v>7</v>
      </c>
      <c r="CG26" s="102">
        <v>15</v>
      </c>
      <c r="CH26" s="102">
        <v>8</v>
      </c>
      <c r="CI26" s="102">
        <v>10</v>
      </c>
      <c r="CJ26" s="102">
        <v>4</v>
      </c>
      <c r="CK26" s="103">
        <v>44</v>
      </c>
      <c r="CL26" s="104">
        <v>58</v>
      </c>
      <c r="CM26" s="101">
        <v>220</v>
      </c>
      <c r="CN26" s="102">
        <v>223</v>
      </c>
      <c r="CO26" s="103">
        <v>443</v>
      </c>
      <c r="CP26" s="413">
        <v>0</v>
      </c>
      <c r="CQ26" s="102">
        <v>343</v>
      </c>
      <c r="CR26" s="102">
        <v>319</v>
      </c>
      <c r="CS26" s="102">
        <v>206</v>
      </c>
      <c r="CT26" s="102">
        <v>164</v>
      </c>
      <c r="CU26" s="102">
        <v>99</v>
      </c>
      <c r="CV26" s="103">
        <v>1131</v>
      </c>
      <c r="CW26" s="104">
        <v>1574</v>
      </c>
      <c r="CX26" s="105">
        <v>383</v>
      </c>
      <c r="CY26" s="97">
        <v>480</v>
      </c>
      <c r="CZ26" s="98">
        <v>863</v>
      </c>
      <c r="DA26" s="413">
        <v>0</v>
      </c>
      <c r="DB26" s="97">
        <v>547</v>
      </c>
      <c r="DC26" s="97">
        <v>449</v>
      </c>
      <c r="DD26" s="97">
        <v>321</v>
      </c>
      <c r="DE26" s="97">
        <v>392</v>
      </c>
      <c r="DF26" s="97">
        <v>222</v>
      </c>
      <c r="DG26" s="99">
        <v>1931</v>
      </c>
      <c r="DH26" s="100">
        <v>2794</v>
      </c>
      <c r="DI26" s="101">
        <v>13</v>
      </c>
      <c r="DJ26" s="102">
        <v>10</v>
      </c>
      <c r="DK26" s="103">
        <v>23</v>
      </c>
      <c r="DL26" s="413">
        <v>0</v>
      </c>
      <c r="DM26" s="102">
        <v>12</v>
      </c>
      <c r="DN26" s="102">
        <v>9</v>
      </c>
      <c r="DO26" s="102">
        <v>4</v>
      </c>
      <c r="DP26" s="102">
        <v>4</v>
      </c>
      <c r="DQ26" s="102">
        <v>4</v>
      </c>
      <c r="DR26" s="103">
        <v>33</v>
      </c>
      <c r="DS26" s="104">
        <v>56</v>
      </c>
      <c r="DT26" s="101">
        <v>25</v>
      </c>
      <c r="DU26" s="102">
        <v>39</v>
      </c>
      <c r="DV26" s="103">
        <v>64</v>
      </c>
      <c r="DW26" s="413">
        <v>0</v>
      </c>
      <c r="DX26" s="102">
        <v>18</v>
      </c>
      <c r="DY26" s="102">
        <v>33</v>
      </c>
      <c r="DZ26" s="102">
        <v>23</v>
      </c>
      <c r="EA26" s="102">
        <v>22</v>
      </c>
      <c r="EB26" s="102">
        <v>10</v>
      </c>
      <c r="EC26" s="103">
        <v>106</v>
      </c>
      <c r="ED26" s="104">
        <v>170</v>
      </c>
      <c r="EE26" s="101">
        <v>69</v>
      </c>
      <c r="EF26" s="102">
        <v>77</v>
      </c>
      <c r="EG26" s="103">
        <v>146</v>
      </c>
      <c r="EH26" s="413">
        <v>0</v>
      </c>
      <c r="EI26" s="102">
        <v>77</v>
      </c>
      <c r="EJ26" s="102">
        <v>60</v>
      </c>
      <c r="EK26" s="102">
        <v>40</v>
      </c>
      <c r="EL26" s="102">
        <v>38</v>
      </c>
      <c r="EM26" s="102">
        <v>32</v>
      </c>
      <c r="EN26" s="103">
        <v>247</v>
      </c>
      <c r="EO26" s="104">
        <v>393</v>
      </c>
      <c r="EP26" s="101">
        <v>156</v>
      </c>
      <c r="EQ26" s="102">
        <v>173</v>
      </c>
      <c r="ER26" s="103">
        <v>329</v>
      </c>
      <c r="ES26" s="413">
        <v>0</v>
      </c>
      <c r="ET26" s="102">
        <v>148</v>
      </c>
      <c r="EU26" s="102">
        <v>112</v>
      </c>
      <c r="EV26" s="102">
        <v>73</v>
      </c>
      <c r="EW26" s="102">
        <v>92</v>
      </c>
      <c r="EX26" s="102">
        <v>58</v>
      </c>
      <c r="EY26" s="103">
        <v>483</v>
      </c>
      <c r="EZ26" s="104">
        <v>812</v>
      </c>
      <c r="FA26" s="101">
        <v>78</v>
      </c>
      <c r="FB26" s="102">
        <v>126</v>
      </c>
      <c r="FC26" s="103">
        <v>204</v>
      </c>
      <c r="FD26" s="413">
        <v>0</v>
      </c>
      <c r="FE26" s="102">
        <v>178</v>
      </c>
      <c r="FF26" s="102">
        <v>100</v>
      </c>
      <c r="FG26" s="102">
        <v>98</v>
      </c>
      <c r="FH26" s="102">
        <v>104</v>
      </c>
      <c r="FI26" s="102">
        <v>49</v>
      </c>
      <c r="FJ26" s="103">
        <v>529</v>
      </c>
      <c r="FK26" s="104">
        <v>733</v>
      </c>
      <c r="FL26" s="101">
        <v>42</v>
      </c>
      <c r="FM26" s="102">
        <v>55</v>
      </c>
      <c r="FN26" s="103">
        <v>97</v>
      </c>
      <c r="FO26" s="413">
        <v>0</v>
      </c>
      <c r="FP26" s="102">
        <v>114</v>
      </c>
      <c r="FQ26" s="102">
        <v>135</v>
      </c>
      <c r="FR26" s="102">
        <v>83</v>
      </c>
      <c r="FS26" s="102">
        <v>132</v>
      </c>
      <c r="FT26" s="102">
        <v>69</v>
      </c>
      <c r="FU26" s="103">
        <v>533</v>
      </c>
      <c r="FV26" s="104">
        <v>630</v>
      </c>
      <c r="FW26" s="101">
        <v>5</v>
      </c>
      <c r="FX26" s="102">
        <v>10</v>
      </c>
      <c r="FY26" s="103">
        <v>15</v>
      </c>
      <c r="FZ26" s="413">
        <v>0</v>
      </c>
      <c r="GA26" s="102">
        <v>6</v>
      </c>
      <c r="GB26" s="102">
        <v>12</v>
      </c>
      <c r="GC26" s="102">
        <v>3</v>
      </c>
      <c r="GD26" s="102">
        <v>3</v>
      </c>
      <c r="GE26" s="102">
        <v>4</v>
      </c>
      <c r="GF26" s="103">
        <v>28</v>
      </c>
      <c r="GG26" s="104">
        <v>43</v>
      </c>
      <c r="GH26" s="101">
        <v>388</v>
      </c>
      <c r="GI26" s="102">
        <v>490</v>
      </c>
      <c r="GJ26" s="103">
        <v>878</v>
      </c>
      <c r="GK26" s="413">
        <v>0</v>
      </c>
      <c r="GL26" s="102">
        <v>553</v>
      </c>
      <c r="GM26" s="102">
        <v>461</v>
      </c>
      <c r="GN26" s="102">
        <v>324</v>
      </c>
      <c r="GO26" s="102">
        <v>395</v>
      </c>
      <c r="GP26" s="102">
        <v>226</v>
      </c>
      <c r="GQ26" s="103">
        <v>1959</v>
      </c>
      <c r="GR26" s="104">
        <v>2837</v>
      </c>
      <c r="GS26" s="105">
        <v>599</v>
      </c>
      <c r="GT26" s="97">
        <v>693</v>
      </c>
      <c r="GU26" s="98">
        <v>1292</v>
      </c>
      <c r="GV26" s="413">
        <v>0</v>
      </c>
      <c r="GW26" s="97">
        <v>883</v>
      </c>
      <c r="GX26" s="97">
        <v>753</v>
      </c>
      <c r="GY26" s="97">
        <v>519</v>
      </c>
      <c r="GZ26" s="97">
        <v>546</v>
      </c>
      <c r="HA26" s="97">
        <v>317</v>
      </c>
      <c r="HB26" s="99">
        <v>3018</v>
      </c>
      <c r="HC26" s="100">
        <v>4310</v>
      </c>
      <c r="HD26" s="101">
        <v>20</v>
      </c>
      <c r="HE26" s="102">
        <v>17</v>
      </c>
      <c r="HF26" s="103">
        <v>37</v>
      </c>
      <c r="HG26" s="416">
        <v>0</v>
      </c>
      <c r="HH26" s="102">
        <v>18</v>
      </c>
      <c r="HI26" s="102">
        <v>25</v>
      </c>
      <c r="HJ26" s="102">
        <v>10</v>
      </c>
      <c r="HK26" s="102">
        <v>11</v>
      </c>
      <c r="HL26" s="102">
        <v>6</v>
      </c>
      <c r="HM26" s="103">
        <v>70</v>
      </c>
      <c r="HN26" s="104">
        <v>107</v>
      </c>
      <c r="HO26" s="101">
        <v>40</v>
      </c>
      <c r="HP26" s="102">
        <v>60</v>
      </c>
      <c r="HQ26" s="103">
        <v>100</v>
      </c>
      <c r="HR26" s="413">
        <v>0</v>
      </c>
      <c r="HS26" s="102">
        <v>39</v>
      </c>
      <c r="HT26" s="102">
        <v>62</v>
      </c>
      <c r="HU26" s="102">
        <v>42</v>
      </c>
      <c r="HV26" s="102">
        <v>40</v>
      </c>
      <c r="HW26" s="102">
        <v>20</v>
      </c>
      <c r="HX26" s="103">
        <v>203</v>
      </c>
      <c r="HY26" s="104">
        <v>303</v>
      </c>
      <c r="HZ26" s="101">
        <v>112</v>
      </c>
      <c r="IA26" s="102">
        <v>113</v>
      </c>
      <c r="IB26" s="103">
        <v>225</v>
      </c>
      <c r="IC26" s="413">
        <v>0</v>
      </c>
      <c r="ID26" s="102">
        <v>128</v>
      </c>
      <c r="IE26" s="102">
        <v>107</v>
      </c>
      <c r="IF26" s="102">
        <v>69</v>
      </c>
      <c r="IG26" s="102">
        <v>60</v>
      </c>
      <c r="IH26" s="102">
        <v>52</v>
      </c>
      <c r="II26" s="103">
        <v>416</v>
      </c>
      <c r="IJ26" s="104">
        <v>641</v>
      </c>
      <c r="IK26" s="101">
        <v>225</v>
      </c>
      <c r="IL26" s="102">
        <v>242</v>
      </c>
      <c r="IM26" s="103">
        <v>467</v>
      </c>
      <c r="IN26" s="413">
        <v>0</v>
      </c>
      <c r="IO26" s="102">
        <v>259</v>
      </c>
      <c r="IP26" s="102">
        <v>197</v>
      </c>
      <c r="IQ26" s="102">
        <v>126</v>
      </c>
      <c r="IR26" s="102">
        <v>127</v>
      </c>
      <c r="IS26" s="102">
        <v>80</v>
      </c>
      <c r="IT26" s="103">
        <v>789</v>
      </c>
      <c r="IU26" s="104">
        <v>1256</v>
      </c>
      <c r="IV26" s="101">
        <v>140</v>
      </c>
      <c r="IW26" s="102">
        <v>188</v>
      </c>
      <c r="IX26" s="103">
        <v>328</v>
      </c>
      <c r="IY26" s="413">
        <v>0</v>
      </c>
      <c r="IZ26" s="102">
        <v>291</v>
      </c>
      <c r="JA26" s="102">
        <v>186</v>
      </c>
      <c r="JB26" s="102">
        <v>158</v>
      </c>
      <c r="JC26" s="102">
        <v>146</v>
      </c>
      <c r="JD26" s="102">
        <v>75</v>
      </c>
      <c r="JE26" s="103">
        <v>856</v>
      </c>
      <c r="JF26" s="104">
        <v>1184</v>
      </c>
      <c r="JG26" s="101">
        <v>62</v>
      </c>
      <c r="JH26" s="102">
        <v>73</v>
      </c>
      <c r="JI26" s="103">
        <v>135</v>
      </c>
      <c r="JJ26" s="413">
        <v>0</v>
      </c>
      <c r="JK26" s="102">
        <v>148</v>
      </c>
      <c r="JL26" s="102">
        <v>176</v>
      </c>
      <c r="JM26" s="102">
        <v>114</v>
      </c>
      <c r="JN26" s="102">
        <v>162</v>
      </c>
      <c r="JO26" s="102">
        <v>84</v>
      </c>
      <c r="JP26" s="103">
        <v>684</v>
      </c>
      <c r="JQ26" s="104">
        <v>819</v>
      </c>
      <c r="JR26" s="101">
        <v>9</v>
      </c>
      <c r="JS26" s="102">
        <v>20</v>
      </c>
      <c r="JT26" s="103">
        <v>29</v>
      </c>
      <c r="JU26" s="413">
        <v>0</v>
      </c>
      <c r="JV26" s="102">
        <v>13</v>
      </c>
      <c r="JW26" s="102">
        <v>27</v>
      </c>
      <c r="JX26" s="102">
        <v>11</v>
      </c>
      <c r="JY26" s="102">
        <v>13</v>
      </c>
      <c r="JZ26" s="102">
        <v>8</v>
      </c>
      <c r="KA26" s="103">
        <v>72</v>
      </c>
      <c r="KB26" s="104">
        <v>101</v>
      </c>
      <c r="KC26" s="101">
        <v>608</v>
      </c>
      <c r="KD26" s="102">
        <v>713</v>
      </c>
      <c r="KE26" s="103">
        <v>1321</v>
      </c>
      <c r="KF26" s="413">
        <v>0</v>
      </c>
      <c r="KG26" s="102">
        <v>896</v>
      </c>
      <c r="KH26" s="102">
        <v>780</v>
      </c>
      <c r="KI26" s="102">
        <v>530</v>
      </c>
      <c r="KJ26" s="102">
        <v>559</v>
      </c>
      <c r="KK26" s="102">
        <v>325</v>
      </c>
      <c r="KL26" s="103">
        <v>3090</v>
      </c>
      <c r="KM26" s="104">
        <v>4411</v>
      </c>
    </row>
    <row r="27" spans="2:299" s="70" customFormat="1" ht="21" customHeight="1" x14ac:dyDescent="0.2">
      <c r="B27" s="106" t="s">
        <v>24</v>
      </c>
      <c r="C27" s="96">
        <v>117</v>
      </c>
      <c r="D27" s="97">
        <v>78</v>
      </c>
      <c r="E27" s="98">
        <v>195</v>
      </c>
      <c r="F27" s="413">
        <v>0</v>
      </c>
      <c r="G27" s="97">
        <v>156</v>
      </c>
      <c r="H27" s="97">
        <v>108</v>
      </c>
      <c r="I27" s="97">
        <v>79</v>
      </c>
      <c r="J27" s="97">
        <v>55</v>
      </c>
      <c r="K27" s="97">
        <v>52</v>
      </c>
      <c r="L27" s="99">
        <v>450</v>
      </c>
      <c r="M27" s="100">
        <v>645</v>
      </c>
      <c r="N27" s="101">
        <v>3</v>
      </c>
      <c r="O27" s="102">
        <v>1</v>
      </c>
      <c r="P27" s="103">
        <v>4</v>
      </c>
      <c r="Q27" s="413">
        <v>0</v>
      </c>
      <c r="R27" s="102">
        <v>6</v>
      </c>
      <c r="S27" s="102">
        <v>0</v>
      </c>
      <c r="T27" s="102">
        <v>3</v>
      </c>
      <c r="U27" s="102">
        <v>0</v>
      </c>
      <c r="V27" s="102">
        <v>3</v>
      </c>
      <c r="W27" s="103">
        <v>12</v>
      </c>
      <c r="X27" s="104">
        <v>16</v>
      </c>
      <c r="Y27" s="101">
        <v>8</v>
      </c>
      <c r="Z27" s="102">
        <v>4</v>
      </c>
      <c r="AA27" s="103">
        <v>12</v>
      </c>
      <c r="AB27" s="413">
        <v>0</v>
      </c>
      <c r="AC27" s="102">
        <v>13</v>
      </c>
      <c r="AD27" s="102">
        <v>7</v>
      </c>
      <c r="AE27" s="102">
        <v>5</v>
      </c>
      <c r="AF27" s="102">
        <v>4</v>
      </c>
      <c r="AG27" s="102">
        <v>9</v>
      </c>
      <c r="AH27" s="103">
        <v>38</v>
      </c>
      <c r="AI27" s="104">
        <v>50</v>
      </c>
      <c r="AJ27" s="101">
        <v>14</v>
      </c>
      <c r="AK27" s="102">
        <v>16</v>
      </c>
      <c r="AL27" s="103">
        <v>30</v>
      </c>
      <c r="AM27" s="413">
        <v>0</v>
      </c>
      <c r="AN27" s="102">
        <v>22</v>
      </c>
      <c r="AO27" s="102">
        <v>16</v>
      </c>
      <c r="AP27" s="102">
        <v>11</v>
      </c>
      <c r="AQ27" s="102">
        <v>6</v>
      </c>
      <c r="AR27" s="102">
        <v>4</v>
      </c>
      <c r="AS27" s="103">
        <v>59</v>
      </c>
      <c r="AT27" s="104">
        <v>89</v>
      </c>
      <c r="AU27" s="101">
        <v>24</v>
      </c>
      <c r="AV27" s="102">
        <v>14</v>
      </c>
      <c r="AW27" s="103">
        <v>38</v>
      </c>
      <c r="AX27" s="413">
        <v>0</v>
      </c>
      <c r="AY27" s="102">
        <v>44</v>
      </c>
      <c r="AZ27" s="102">
        <v>27</v>
      </c>
      <c r="BA27" s="102">
        <v>20</v>
      </c>
      <c r="BB27" s="102">
        <v>12</v>
      </c>
      <c r="BC27" s="102">
        <v>10</v>
      </c>
      <c r="BD27" s="103">
        <v>113</v>
      </c>
      <c r="BE27" s="104">
        <v>151</v>
      </c>
      <c r="BF27" s="101">
        <v>40</v>
      </c>
      <c r="BG27" s="102">
        <v>21</v>
      </c>
      <c r="BH27" s="103">
        <v>61</v>
      </c>
      <c r="BI27" s="413">
        <v>0</v>
      </c>
      <c r="BJ27" s="102">
        <v>40</v>
      </c>
      <c r="BK27" s="102">
        <v>30</v>
      </c>
      <c r="BL27" s="102">
        <v>18</v>
      </c>
      <c r="BM27" s="102">
        <v>13</v>
      </c>
      <c r="BN27" s="102">
        <v>8</v>
      </c>
      <c r="BO27" s="103">
        <v>109</v>
      </c>
      <c r="BP27" s="104">
        <v>170</v>
      </c>
      <c r="BQ27" s="101">
        <v>28</v>
      </c>
      <c r="BR27" s="102">
        <v>22</v>
      </c>
      <c r="BS27" s="103">
        <v>50</v>
      </c>
      <c r="BT27" s="413">
        <v>0</v>
      </c>
      <c r="BU27" s="102">
        <v>31</v>
      </c>
      <c r="BV27" s="102">
        <v>28</v>
      </c>
      <c r="BW27" s="102">
        <v>22</v>
      </c>
      <c r="BX27" s="102">
        <v>20</v>
      </c>
      <c r="BY27" s="102">
        <v>18</v>
      </c>
      <c r="BZ27" s="103">
        <v>119</v>
      </c>
      <c r="CA27" s="104">
        <v>169</v>
      </c>
      <c r="CB27" s="101">
        <v>2</v>
      </c>
      <c r="CC27" s="102">
        <v>2</v>
      </c>
      <c r="CD27" s="103">
        <v>4</v>
      </c>
      <c r="CE27" s="413">
        <v>0</v>
      </c>
      <c r="CF27" s="102">
        <v>4</v>
      </c>
      <c r="CG27" s="102">
        <v>3</v>
      </c>
      <c r="CH27" s="102">
        <v>3</v>
      </c>
      <c r="CI27" s="102">
        <v>4</v>
      </c>
      <c r="CJ27" s="102">
        <v>0</v>
      </c>
      <c r="CK27" s="103">
        <v>14</v>
      </c>
      <c r="CL27" s="104">
        <v>18</v>
      </c>
      <c r="CM27" s="101">
        <v>119</v>
      </c>
      <c r="CN27" s="102">
        <v>80</v>
      </c>
      <c r="CO27" s="103">
        <v>199</v>
      </c>
      <c r="CP27" s="413">
        <v>0</v>
      </c>
      <c r="CQ27" s="102">
        <v>160</v>
      </c>
      <c r="CR27" s="102">
        <v>111</v>
      </c>
      <c r="CS27" s="102">
        <v>82</v>
      </c>
      <c r="CT27" s="102">
        <v>59</v>
      </c>
      <c r="CU27" s="102">
        <v>52</v>
      </c>
      <c r="CV27" s="103">
        <v>464</v>
      </c>
      <c r="CW27" s="104">
        <v>663</v>
      </c>
      <c r="CX27" s="105">
        <v>248</v>
      </c>
      <c r="CY27" s="97">
        <v>172</v>
      </c>
      <c r="CZ27" s="98">
        <v>420</v>
      </c>
      <c r="DA27" s="413">
        <v>0</v>
      </c>
      <c r="DB27" s="97">
        <v>294</v>
      </c>
      <c r="DC27" s="97">
        <v>182</v>
      </c>
      <c r="DD27" s="97">
        <v>154</v>
      </c>
      <c r="DE27" s="97">
        <v>208</v>
      </c>
      <c r="DF27" s="97">
        <v>116</v>
      </c>
      <c r="DG27" s="99">
        <v>954</v>
      </c>
      <c r="DH27" s="100">
        <v>1374</v>
      </c>
      <c r="DI27" s="101">
        <v>4</v>
      </c>
      <c r="DJ27" s="102">
        <v>5</v>
      </c>
      <c r="DK27" s="103">
        <v>9</v>
      </c>
      <c r="DL27" s="413">
        <v>0</v>
      </c>
      <c r="DM27" s="102">
        <v>3</v>
      </c>
      <c r="DN27" s="102">
        <v>2</v>
      </c>
      <c r="DO27" s="102">
        <v>2</v>
      </c>
      <c r="DP27" s="102">
        <v>4</v>
      </c>
      <c r="DQ27" s="102">
        <v>2</v>
      </c>
      <c r="DR27" s="103">
        <v>13</v>
      </c>
      <c r="DS27" s="104">
        <v>22</v>
      </c>
      <c r="DT27" s="101">
        <v>11</v>
      </c>
      <c r="DU27" s="102">
        <v>6</v>
      </c>
      <c r="DV27" s="103">
        <v>17</v>
      </c>
      <c r="DW27" s="413">
        <v>0</v>
      </c>
      <c r="DX27" s="102">
        <v>8</v>
      </c>
      <c r="DY27" s="102">
        <v>5</v>
      </c>
      <c r="DZ27" s="102">
        <v>3</v>
      </c>
      <c r="EA27" s="102">
        <v>7</v>
      </c>
      <c r="EB27" s="102">
        <v>3</v>
      </c>
      <c r="EC27" s="103">
        <v>26</v>
      </c>
      <c r="ED27" s="104">
        <v>43</v>
      </c>
      <c r="EE27" s="101">
        <v>29</v>
      </c>
      <c r="EF27" s="102">
        <v>20</v>
      </c>
      <c r="EG27" s="103">
        <v>49</v>
      </c>
      <c r="EH27" s="413">
        <v>0</v>
      </c>
      <c r="EI27" s="102">
        <v>33</v>
      </c>
      <c r="EJ27" s="102">
        <v>21</v>
      </c>
      <c r="EK27" s="102">
        <v>15</v>
      </c>
      <c r="EL27" s="102">
        <v>14</v>
      </c>
      <c r="EM27" s="102">
        <v>4</v>
      </c>
      <c r="EN27" s="103">
        <v>87</v>
      </c>
      <c r="EO27" s="104">
        <v>136</v>
      </c>
      <c r="EP27" s="101">
        <v>69</v>
      </c>
      <c r="EQ27" s="102">
        <v>36</v>
      </c>
      <c r="ER27" s="103">
        <v>105</v>
      </c>
      <c r="ES27" s="413">
        <v>0</v>
      </c>
      <c r="ET27" s="102">
        <v>66</v>
      </c>
      <c r="EU27" s="102">
        <v>29</v>
      </c>
      <c r="EV27" s="102">
        <v>32</v>
      </c>
      <c r="EW27" s="102">
        <v>29</v>
      </c>
      <c r="EX27" s="102">
        <v>21</v>
      </c>
      <c r="EY27" s="103">
        <v>177</v>
      </c>
      <c r="EZ27" s="104">
        <v>282</v>
      </c>
      <c r="FA27" s="101">
        <v>80</v>
      </c>
      <c r="FB27" s="102">
        <v>52</v>
      </c>
      <c r="FC27" s="103">
        <v>132</v>
      </c>
      <c r="FD27" s="413">
        <v>0</v>
      </c>
      <c r="FE27" s="102">
        <v>105</v>
      </c>
      <c r="FF27" s="102">
        <v>56</v>
      </c>
      <c r="FG27" s="102">
        <v>32</v>
      </c>
      <c r="FH27" s="102">
        <v>50</v>
      </c>
      <c r="FI27" s="102">
        <v>31</v>
      </c>
      <c r="FJ27" s="103">
        <v>274</v>
      </c>
      <c r="FK27" s="104">
        <v>406</v>
      </c>
      <c r="FL27" s="101">
        <v>55</v>
      </c>
      <c r="FM27" s="102">
        <v>53</v>
      </c>
      <c r="FN27" s="103">
        <v>108</v>
      </c>
      <c r="FO27" s="413">
        <v>0</v>
      </c>
      <c r="FP27" s="102">
        <v>79</v>
      </c>
      <c r="FQ27" s="102">
        <v>69</v>
      </c>
      <c r="FR27" s="102">
        <v>70</v>
      </c>
      <c r="FS27" s="102">
        <v>104</v>
      </c>
      <c r="FT27" s="102">
        <v>55</v>
      </c>
      <c r="FU27" s="103">
        <v>377</v>
      </c>
      <c r="FV27" s="104">
        <v>485</v>
      </c>
      <c r="FW27" s="101">
        <v>3</v>
      </c>
      <c r="FX27" s="102">
        <v>2</v>
      </c>
      <c r="FY27" s="103">
        <v>5</v>
      </c>
      <c r="FZ27" s="413">
        <v>0</v>
      </c>
      <c r="GA27" s="102">
        <v>1</v>
      </c>
      <c r="GB27" s="102">
        <v>4</v>
      </c>
      <c r="GC27" s="102">
        <v>1</v>
      </c>
      <c r="GD27" s="102">
        <v>2</v>
      </c>
      <c r="GE27" s="102">
        <v>5</v>
      </c>
      <c r="GF27" s="103">
        <v>13</v>
      </c>
      <c r="GG27" s="104">
        <v>18</v>
      </c>
      <c r="GH27" s="101">
        <v>251</v>
      </c>
      <c r="GI27" s="102">
        <v>174</v>
      </c>
      <c r="GJ27" s="103">
        <v>425</v>
      </c>
      <c r="GK27" s="413">
        <v>0</v>
      </c>
      <c r="GL27" s="102">
        <v>295</v>
      </c>
      <c r="GM27" s="102">
        <v>186</v>
      </c>
      <c r="GN27" s="102">
        <v>155</v>
      </c>
      <c r="GO27" s="102">
        <v>210</v>
      </c>
      <c r="GP27" s="102">
        <v>121</v>
      </c>
      <c r="GQ27" s="103">
        <v>967</v>
      </c>
      <c r="GR27" s="104">
        <v>1392</v>
      </c>
      <c r="GS27" s="105">
        <v>365</v>
      </c>
      <c r="GT27" s="97">
        <v>250</v>
      </c>
      <c r="GU27" s="98">
        <v>615</v>
      </c>
      <c r="GV27" s="413">
        <v>0</v>
      </c>
      <c r="GW27" s="97">
        <v>450</v>
      </c>
      <c r="GX27" s="97">
        <v>290</v>
      </c>
      <c r="GY27" s="97">
        <v>233</v>
      </c>
      <c r="GZ27" s="97">
        <v>263</v>
      </c>
      <c r="HA27" s="97">
        <v>168</v>
      </c>
      <c r="HB27" s="99">
        <v>1404</v>
      </c>
      <c r="HC27" s="100">
        <v>2019</v>
      </c>
      <c r="HD27" s="101">
        <v>7</v>
      </c>
      <c r="HE27" s="102">
        <v>6</v>
      </c>
      <c r="HF27" s="103">
        <v>13</v>
      </c>
      <c r="HG27" s="416">
        <v>0</v>
      </c>
      <c r="HH27" s="102">
        <v>9</v>
      </c>
      <c r="HI27" s="102">
        <v>2</v>
      </c>
      <c r="HJ27" s="102">
        <v>5</v>
      </c>
      <c r="HK27" s="102">
        <v>4</v>
      </c>
      <c r="HL27" s="102">
        <v>5</v>
      </c>
      <c r="HM27" s="103">
        <v>25</v>
      </c>
      <c r="HN27" s="104">
        <v>38</v>
      </c>
      <c r="HO27" s="101">
        <v>19</v>
      </c>
      <c r="HP27" s="102">
        <v>10</v>
      </c>
      <c r="HQ27" s="103">
        <v>29</v>
      </c>
      <c r="HR27" s="413">
        <v>0</v>
      </c>
      <c r="HS27" s="102">
        <v>21</v>
      </c>
      <c r="HT27" s="102">
        <v>12</v>
      </c>
      <c r="HU27" s="102">
        <v>8</v>
      </c>
      <c r="HV27" s="102">
        <v>11</v>
      </c>
      <c r="HW27" s="102">
        <v>12</v>
      </c>
      <c r="HX27" s="103">
        <v>64</v>
      </c>
      <c r="HY27" s="104">
        <v>93</v>
      </c>
      <c r="HZ27" s="101">
        <v>43</v>
      </c>
      <c r="IA27" s="102">
        <v>36</v>
      </c>
      <c r="IB27" s="103">
        <v>79</v>
      </c>
      <c r="IC27" s="413">
        <v>0</v>
      </c>
      <c r="ID27" s="102">
        <v>55</v>
      </c>
      <c r="IE27" s="102">
        <v>37</v>
      </c>
      <c r="IF27" s="102">
        <v>26</v>
      </c>
      <c r="IG27" s="102">
        <v>20</v>
      </c>
      <c r="IH27" s="102">
        <v>8</v>
      </c>
      <c r="II27" s="103">
        <v>146</v>
      </c>
      <c r="IJ27" s="104">
        <v>225</v>
      </c>
      <c r="IK27" s="101">
        <v>93</v>
      </c>
      <c r="IL27" s="102">
        <v>50</v>
      </c>
      <c r="IM27" s="103">
        <v>143</v>
      </c>
      <c r="IN27" s="413">
        <v>0</v>
      </c>
      <c r="IO27" s="102">
        <v>110</v>
      </c>
      <c r="IP27" s="102">
        <v>56</v>
      </c>
      <c r="IQ27" s="102">
        <v>52</v>
      </c>
      <c r="IR27" s="102">
        <v>41</v>
      </c>
      <c r="IS27" s="102">
        <v>31</v>
      </c>
      <c r="IT27" s="103">
        <v>290</v>
      </c>
      <c r="IU27" s="104">
        <v>433</v>
      </c>
      <c r="IV27" s="101">
        <v>120</v>
      </c>
      <c r="IW27" s="102">
        <v>73</v>
      </c>
      <c r="IX27" s="103">
        <v>193</v>
      </c>
      <c r="IY27" s="413">
        <v>0</v>
      </c>
      <c r="IZ27" s="102">
        <v>145</v>
      </c>
      <c r="JA27" s="102">
        <v>86</v>
      </c>
      <c r="JB27" s="102">
        <v>50</v>
      </c>
      <c r="JC27" s="102">
        <v>63</v>
      </c>
      <c r="JD27" s="102">
        <v>39</v>
      </c>
      <c r="JE27" s="103">
        <v>383</v>
      </c>
      <c r="JF27" s="104">
        <v>576</v>
      </c>
      <c r="JG27" s="101">
        <v>83</v>
      </c>
      <c r="JH27" s="102">
        <v>75</v>
      </c>
      <c r="JI27" s="103">
        <v>158</v>
      </c>
      <c r="JJ27" s="413">
        <v>0</v>
      </c>
      <c r="JK27" s="102">
        <v>110</v>
      </c>
      <c r="JL27" s="102">
        <v>97</v>
      </c>
      <c r="JM27" s="102">
        <v>92</v>
      </c>
      <c r="JN27" s="102">
        <v>124</v>
      </c>
      <c r="JO27" s="102">
        <v>73</v>
      </c>
      <c r="JP27" s="103">
        <v>496</v>
      </c>
      <c r="JQ27" s="104">
        <v>654</v>
      </c>
      <c r="JR27" s="101">
        <v>5</v>
      </c>
      <c r="JS27" s="102">
        <v>4</v>
      </c>
      <c r="JT27" s="103">
        <v>9</v>
      </c>
      <c r="JU27" s="413">
        <v>0</v>
      </c>
      <c r="JV27" s="102">
        <v>5</v>
      </c>
      <c r="JW27" s="102">
        <v>7</v>
      </c>
      <c r="JX27" s="102">
        <v>4</v>
      </c>
      <c r="JY27" s="102">
        <v>6</v>
      </c>
      <c r="JZ27" s="102">
        <v>5</v>
      </c>
      <c r="KA27" s="103">
        <v>27</v>
      </c>
      <c r="KB27" s="104">
        <v>36</v>
      </c>
      <c r="KC27" s="101">
        <v>370</v>
      </c>
      <c r="KD27" s="102">
        <v>254</v>
      </c>
      <c r="KE27" s="103">
        <v>624</v>
      </c>
      <c r="KF27" s="413">
        <v>0</v>
      </c>
      <c r="KG27" s="102">
        <v>455</v>
      </c>
      <c r="KH27" s="102">
        <v>297</v>
      </c>
      <c r="KI27" s="102">
        <v>237</v>
      </c>
      <c r="KJ27" s="102">
        <v>269</v>
      </c>
      <c r="KK27" s="102">
        <v>173</v>
      </c>
      <c r="KL27" s="103">
        <v>1431</v>
      </c>
      <c r="KM27" s="104">
        <v>2055</v>
      </c>
    </row>
    <row r="28" spans="2:299" s="70" customFormat="1" ht="21" customHeight="1" x14ac:dyDescent="0.2">
      <c r="B28" s="106" t="s">
        <v>25</v>
      </c>
      <c r="C28" s="96">
        <v>123</v>
      </c>
      <c r="D28" s="97">
        <v>133</v>
      </c>
      <c r="E28" s="98">
        <v>256</v>
      </c>
      <c r="F28" s="413">
        <v>0</v>
      </c>
      <c r="G28" s="97">
        <v>195</v>
      </c>
      <c r="H28" s="97">
        <v>165</v>
      </c>
      <c r="I28" s="97">
        <v>100</v>
      </c>
      <c r="J28" s="97">
        <v>103</v>
      </c>
      <c r="K28" s="97">
        <v>53</v>
      </c>
      <c r="L28" s="99">
        <v>616</v>
      </c>
      <c r="M28" s="100">
        <v>872</v>
      </c>
      <c r="N28" s="101">
        <v>3</v>
      </c>
      <c r="O28" s="102">
        <v>6</v>
      </c>
      <c r="P28" s="103">
        <v>9</v>
      </c>
      <c r="Q28" s="413">
        <v>0</v>
      </c>
      <c r="R28" s="102">
        <v>8</v>
      </c>
      <c r="S28" s="102">
        <v>8</v>
      </c>
      <c r="T28" s="102">
        <v>2</v>
      </c>
      <c r="U28" s="102">
        <v>5</v>
      </c>
      <c r="V28" s="102">
        <v>3</v>
      </c>
      <c r="W28" s="103">
        <v>26</v>
      </c>
      <c r="X28" s="104">
        <v>35</v>
      </c>
      <c r="Y28" s="101">
        <v>17</v>
      </c>
      <c r="Z28" s="102">
        <v>11</v>
      </c>
      <c r="AA28" s="103">
        <v>28</v>
      </c>
      <c r="AB28" s="413">
        <v>0</v>
      </c>
      <c r="AC28" s="102">
        <v>14</v>
      </c>
      <c r="AD28" s="102">
        <v>21</v>
      </c>
      <c r="AE28" s="102">
        <v>12</v>
      </c>
      <c r="AF28" s="102">
        <v>15</v>
      </c>
      <c r="AG28" s="102">
        <v>9</v>
      </c>
      <c r="AH28" s="103">
        <v>71</v>
      </c>
      <c r="AI28" s="104">
        <v>99</v>
      </c>
      <c r="AJ28" s="101">
        <v>20</v>
      </c>
      <c r="AK28" s="102">
        <v>18</v>
      </c>
      <c r="AL28" s="103">
        <v>38</v>
      </c>
      <c r="AM28" s="413">
        <v>0</v>
      </c>
      <c r="AN28" s="102">
        <v>32</v>
      </c>
      <c r="AO28" s="102">
        <v>32</v>
      </c>
      <c r="AP28" s="102">
        <v>17</v>
      </c>
      <c r="AQ28" s="102">
        <v>26</v>
      </c>
      <c r="AR28" s="102">
        <v>10</v>
      </c>
      <c r="AS28" s="103">
        <v>117</v>
      </c>
      <c r="AT28" s="104">
        <v>155</v>
      </c>
      <c r="AU28" s="101">
        <v>38</v>
      </c>
      <c r="AV28" s="102">
        <v>49</v>
      </c>
      <c r="AW28" s="103">
        <v>87</v>
      </c>
      <c r="AX28" s="413">
        <v>0</v>
      </c>
      <c r="AY28" s="102">
        <v>62</v>
      </c>
      <c r="AZ28" s="102">
        <v>42</v>
      </c>
      <c r="BA28" s="102">
        <v>28</v>
      </c>
      <c r="BB28" s="102">
        <v>23</v>
      </c>
      <c r="BC28" s="102">
        <v>12</v>
      </c>
      <c r="BD28" s="103">
        <v>167</v>
      </c>
      <c r="BE28" s="104">
        <v>254</v>
      </c>
      <c r="BF28" s="101">
        <v>29</v>
      </c>
      <c r="BG28" s="102">
        <v>30</v>
      </c>
      <c r="BH28" s="103">
        <v>59</v>
      </c>
      <c r="BI28" s="413">
        <v>0</v>
      </c>
      <c r="BJ28" s="102">
        <v>59</v>
      </c>
      <c r="BK28" s="102">
        <v>34</v>
      </c>
      <c r="BL28" s="102">
        <v>26</v>
      </c>
      <c r="BM28" s="102">
        <v>20</v>
      </c>
      <c r="BN28" s="102">
        <v>8</v>
      </c>
      <c r="BO28" s="103">
        <v>147</v>
      </c>
      <c r="BP28" s="104">
        <v>206</v>
      </c>
      <c r="BQ28" s="101">
        <v>16</v>
      </c>
      <c r="BR28" s="102">
        <v>19</v>
      </c>
      <c r="BS28" s="103">
        <v>35</v>
      </c>
      <c r="BT28" s="413">
        <v>0</v>
      </c>
      <c r="BU28" s="102">
        <v>20</v>
      </c>
      <c r="BV28" s="102">
        <v>28</v>
      </c>
      <c r="BW28" s="102">
        <v>15</v>
      </c>
      <c r="BX28" s="102">
        <v>14</v>
      </c>
      <c r="BY28" s="102">
        <v>11</v>
      </c>
      <c r="BZ28" s="103">
        <v>88</v>
      </c>
      <c r="CA28" s="104">
        <v>123</v>
      </c>
      <c r="CB28" s="101">
        <v>1</v>
      </c>
      <c r="CC28" s="102">
        <v>3</v>
      </c>
      <c r="CD28" s="103">
        <v>4</v>
      </c>
      <c r="CE28" s="413">
        <v>0</v>
      </c>
      <c r="CF28" s="102">
        <v>2</v>
      </c>
      <c r="CG28" s="102">
        <v>11</v>
      </c>
      <c r="CH28" s="102">
        <v>4</v>
      </c>
      <c r="CI28" s="102">
        <v>6</v>
      </c>
      <c r="CJ28" s="102">
        <v>2</v>
      </c>
      <c r="CK28" s="103">
        <v>25</v>
      </c>
      <c r="CL28" s="104">
        <v>29</v>
      </c>
      <c r="CM28" s="101">
        <v>124</v>
      </c>
      <c r="CN28" s="102">
        <v>136</v>
      </c>
      <c r="CO28" s="103">
        <v>260</v>
      </c>
      <c r="CP28" s="413">
        <v>0</v>
      </c>
      <c r="CQ28" s="102">
        <v>197</v>
      </c>
      <c r="CR28" s="102">
        <v>176</v>
      </c>
      <c r="CS28" s="102">
        <v>104</v>
      </c>
      <c r="CT28" s="102">
        <v>109</v>
      </c>
      <c r="CU28" s="102">
        <v>55</v>
      </c>
      <c r="CV28" s="103">
        <v>641</v>
      </c>
      <c r="CW28" s="104">
        <v>901</v>
      </c>
      <c r="CX28" s="105">
        <v>213</v>
      </c>
      <c r="CY28" s="97">
        <v>266</v>
      </c>
      <c r="CZ28" s="98">
        <v>479</v>
      </c>
      <c r="DA28" s="413">
        <v>0</v>
      </c>
      <c r="DB28" s="97">
        <v>332</v>
      </c>
      <c r="DC28" s="97">
        <v>249</v>
      </c>
      <c r="DD28" s="97">
        <v>176</v>
      </c>
      <c r="DE28" s="97">
        <v>193</v>
      </c>
      <c r="DF28" s="97">
        <v>104</v>
      </c>
      <c r="DG28" s="99">
        <v>1054</v>
      </c>
      <c r="DH28" s="100">
        <v>1533</v>
      </c>
      <c r="DI28" s="101">
        <v>4</v>
      </c>
      <c r="DJ28" s="102">
        <v>5</v>
      </c>
      <c r="DK28" s="103">
        <v>9</v>
      </c>
      <c r="DL28" s="413">
        <v>0</v>
      </c>
      <c r="DM28" s="102">
        <v>8</v>
      </c>
      <c r="DN28" s="102">
        <v>7</v>
      </c>
      <c r="DO28" s="102">
        <v>5</v>
      </c>
      <c r="DP28" s="102">
        <v>1</v>
      </c>
      <c r="DQ28" s="102">
        <v>3</v>
      </c>
      <c r="DR28" s="103">
        <v>24</v>
      </c>
      <c r="DS28" s="104">
        <v>33</v>
      </c>
      <c r="DT28" s="101">
        <v>11</v>
      </c>
      <c r="DU28" s="102">
        <v>25</v>
      </c>
      <c r="DV28" s="103">
        <v>36</v>
      </c>
      <c r="DW28" s="413">
        <v>0</v>
      </c>
      <c r="DX28" s="102">
        <v>23</v>
      </c>
      <c r="DY28" s="102">
        <v>8</v>
      </c>
      <c r="DZ28" s="102">
        <v>10</v>
      </c>
      <c r="EA28" s="102">
        <v>10</v>
      </c>
      <c r="EB28" s="102">
        <v>8</v>
      </c>
      <c r="EC28" s="103">
        <v>59</v>
      </c>
      <c r="ED28" s="104">
        <v>95</v>
      </c>
      <c r="EE28" s="101">
        <v>39</v>
      </c>
      <c r="EF28" s="102">
        <v>34</v>
      </c>
      <c r="EG28" s="103">
        <v>73</v>
      </c>
      <c r="EH28" s="413">
        <v>0</v>
      </c>
      <c r="EI28" s="102">
        <v>48</v>
      </c>
      <c r="EJ28" s="102">
        <v>33</v>
      </c>
      <c r="EK28" s="102">
        <v>20</v>
      </c>
      <c r="EL28" s="102">
        <v>23</v>
      </c>
      <c r="EM28" s="102">
        <v>15</v>
      </c>
      <c r="EN28" s="103">
        <v>139</v>
      </c>
      <c r="EO28" s="104">
        <v>212</v>
      </c>
      <c r="EP28" s="101">
        <v>73</v>
      </c>
      <c r="EQ28" s="102">
        <v>76</v>
      </c>
      <c r="ER28" s="103">
        <v>149</v>
      </c>
      <c r="ES28" s="413">
        <v>0</v>
      </c>
      <c r="ET28" s="102">
        <v>86</v>
      </c>
      <c r="EU28" s="102">
        <v>68</v>
      </c>
      <c r="EV28" s="102">
        <v>38</v>
      </c>
      <c r="EW28" s="102">
        <v>46</v>
      </c>
      <c r="EX28" s="102">
        <v>15</v>
      </c>
      <c r="EY28" s="103">
        <v>253</v>
      </c>
      <c r="EZ28" s="104">
        <v>402</v>
      </c>
      <c r="FA28" s="101">
        <v>57</v>
      </c>
      <c r="FB28" s="102">
        <v>72</v>
      </c>
      <c r="FC28" s="103">
        <v>129</v>
      </c>
      <c r="FD28" s="413">
        <v>0</v>
      </c>
      <c r="FE28" s="102">
        <v>87</v>
      </c>
      <c r="FF28" s="102">
        <v>66</v>
      </c>
      <c r="FG28" s="102">
        <v>45</v>
      </c>
      <c r="FH28" s="102">
        <v>45</v>
      </c>
      <c r="FI28" s="102">
        <v>32</v>
      </c>
      <c r="FJ28" s="103">
        <v>275</v>
      </c>
      <c r="FK28" s="104">
        <v>404</v>
      </c>
      <c r="FL28" s="101">
        <v>29</v>
      </c>
      <c r="FM28" s="102">
        <v>54</v>
      </c>
      <c r="FN28" s="103">
        <v>83</v>
      </c>
      <c r="FO28" s="413">
        <v>0</v>
      </c>
      <c r="FP28" s="102">
        <v>80</v>
      </c>
      <c r="FQ28" s="102">
        <v>67</v>
      </c>
      <c r="FR28" s="102">
        <v>58</v>
      </c>
      <c r="FS28" s="102">
        <v>68</v>
      </c>
      <c r="FT28" s="102">
        <v>31</v>
      </c>
      <c r="FU28" s="103">
        <v>304</v>
      </c>
      <c r="FV28" s="104">
        <v>387</v>
      </c>
      <c r="FW28" s="101">
        <v>1</v>
      </c>
      <c r="FX28" s="102">
        <v>4</v>
      </c>
      <c r="FY28" s="103">
        <v>5</v>
      </c>
      <c r="FZ28" s="413">
        <v>0</v>
      </c>
      <c r="GA28" s="102">
        <v>5</v>
      </c>
      <c r="GB28" s="102">
        <v>2</v>
      </c>
      <c r="GC28" s="102">
        <v>2</v>
      </c>
      <c r="GD28" s="102">
        <v>0</v>
      </c>
      <c r="GE28" s="102">
        <v>6</v>
      </c>
      <c r="GF28" s="103">
        <v>15</v>
      </c>
      <c r="GG28" s="104">
        <v>20</v>
      </c>
      <c r="GH28" s="101">
        <v>214</v>
      </c>
      <c r="GI28" s="102">
        <v>270</v>
      </c>
      <c r="GJ28" s="103">
        <v>484</v>
      </c>
      <c r="GK28" s="413">
        <v>0</v>
      </c>
      <c r="GL28" s="102">
        <v>337</v>
      </c>
      <c r="GM28" s="102">
        <v>251</v>
      </c>
      <c r="GN28" s="102">
        <v>178</v>
      </c>
      <c r="GO28" s="102">
        <v>193</v>
      </c>
      <c r="GP28" s="102">
        <v>110</v>
      </c>
      <c r="GQ28" s="103">
        <v>1069</v>
      </c>
      <c r="GR28" s="104">
        <v>1553</v>
      </c>
      <c r="GS28" s="105">
        <v>336</v>
      </c>
      <c r="GT28" s="97">
        <v>399</v>
      </c>
      <c r="GU28" s="98">
        <v>735</v>
      </c>
      <c r="GV28" s="413">
        <v>0</v>
      </c>
      <c r="GW28" s="97">
        <v>527</v>
      </c>
      <c r="GX28" s="97">
        <v>414</v>
      </c>
      <c r="GY28" s="97">
        <v>276</v>
      </c>
      <c r="GZ28" s="97">
        <v>296</v>
      </c>
      <c r="HA28" s="97">
        <v>157</v>
      </c>
      <c r="HB28" s="99">
        <v>1670</v>
      </c>
      <c r="HC28" s="100">
        <v>2405</v>
      </c>
      <c r="HD28" s="101">
        <v>7</v>
      </c>
      <c r="HE28" s="102">
        <v>11</v>
      </c>
      <c r="HF28" s="103">
        <v>18</v>
      </c>
      <c r="HG28" s="416">
        <v>0</v>
      </c>
      <c r="HH28" s="102">
        <v>16</v>
      </c>
      <c r="HI28" s="102">
        <v>15</v>
      </c>
      <c r="HJ28" s="102">
        <v>7</v>
      </c>
      <c r="HK28" s="102">
        <v>6</v>
      </c>
      <c r="HL28" s="102">
        <v>6</v>
      </c>
      <c r="HM28" s="103">
        <v>50</v>
      </c>
      <c r="HN28" s="104">
        <v>68</v>
      </c>
      <c r="HO28" s="101">
        <v>28</v>
      </c>
      <c r="HP28" s="102">
        <v>36</v>
      </c>
      <c r="HQ28" s="103">
        <v>64</v>
      </c>
      <c r="HR28" s="413">
        <v>0</v>
      </c>
      <c r="HS28" s="102">
        <v>37</v>
      </c>
      <c r="HT28" s="102">
        <v>29</v>
      </c>
      <c r="HU28" s="102">
        <v>22</v>
      </c>
      <c r="HV28" s="102">
        <v>25</v>
      </c>
      <c r="HW28" s="102">
        <v>17</v>
      </c>
      <c r="HX28" s="103">
        <v>130</v>
      </c>
      <c r="HY28" s="104">
        <v>194</v>
      </c>
      <c r="HZ28" s="101">
        <v>59</v>
      </c>
      <c r="IA28" s="102">
        <v>52</v>
      </c>
      <c r="IB28" s="103">
        <v>111</v>
      </c>
      <c r="IC28" s="413">
        <v>0</v>
      </c>
      <c r="ID28" s="102">
        <v>80</v>
      </c>
      <c r="IE28" s="102">
        <v>65</v>
      </c>
      <c r="IF28" s="102">
        <v>37</v>
      </c>
      <c r="IG28" s="102">
        <v>49</v>
      </c>
      <c r="IH28" s="102">
        <v>25</v>
      </c>
      <c r="II28" s="103">
        <v>256</v>
      </c>
      <c r="IJ28" s="104">
        <v>367</v>
      </c>
      <c r="IK28" s="101">
        <v>111</v>
      </c>
      <c r="IL28" s="102">
        <v>125</v>
      </c>
      <c r="IM28" s="103">
        <v>236</v>
      </c>
      <c r="IN28" s="413">
        <v>0</v>
      </c>
      <c r="IO28" s="102">
        <v>148</v>
      </c>
      <c r="IP28" s="102">
        <v>110</v>
      </c>
      <c r="IQ28" s="102">
        <v>66</v>
      </c>
      <c r="IR28" s="102">
        <v>69</v>
      </c>
      <c r="IS28" s="102">
        <v>27</v>
      </c>
      <c r="IT28" s="103">
        <v>420</v>
      </c>
      <c r="IU28" s="104">
        <v>656</v>
      </c>
      <c r="IV28" s="101">
        <v>86</v>
      </c>
      <c r="IW28" s="102">
        <v>102</v>
      </c>
      <c r="IX28" s="103">
        <v>188</v>
      </c>
      <c r="IY28" s="413">
        <v>0</v>
      </c>
      <c r="IZ28" s="102">
        <v>146</v>
      </c>
      <c r="JA28" s="102">
        <v>100</v>
      </c>
      <c r="JB28" s="102">
        <v>71</v>
      </c>
      <c r="JC28" s="102">
        <v>65</v>
      </c>
      <c r="JD28" s="102">
        <v>40</v>
      </c>
      <c r="JE28" s="103">
        <v>422</v>
      </c>
      <c r="JF28" s="104">
        <v>610</v>
      </c>
      <c r="JG28" s="101">
        <v>45</v>
      </c>
      <c r="JH28" s="102">
        <v>73</v>
      </c>
      <c r="JI28" s="103">
        <v>118</v>
      </c>
      <c r="JJ28" s="413">
        <v>0</v>
      </c>
      <c r="JK28" s="102">
        <v>100</v>
      </c>
      <c r="JL28" s="102">
        <v>95</v>
      </c>
      <c r="JM28" s="102">
        <v>73</v>
      </c>
      <c r="JN28" s="102">
        <v>82</v>
      </c>
      <c r="JO28" s="102">
        <v>42</v>
      </c>
      <c r="JP28" s="103">
        <v>392</v>
      </c>
      <c r="JQ28" s="104">
        <v>510</v>
      </c>
      <c r="JR28" s="101">
        <v>2</v>
      </c>
      <c r="JS28" s="102">
        <v>7</v>
      </c>
      <c r="JT28" s="103">
        <v>9</v>
      </c>
      <c r="JU28" s="413">
        <v>0</v>
      </c>
      <c r="JV28" s="102">
        <v>7</v>
      </c>
      <c r="JW28" s="102">
        <v>13</v>
      </c>
      <c r="JX28" s="102">
        <v>6</v>
      </c>
      <c r="JY28" s="102">
        <v>6</v>
      </c>
      <c r="JZ28" s="102">
        <v>8</v>
      </c>
      <c r="KA28" s="103">
        <v>40</v>
      </c>
      <c r="KB28" s="104">
        <v>49</v>
      </c>
      <c r="KC28" s="101">
        <v>338</v>
      </c>
      <c r="KD28" s="102">
        <v>406</v>
      </c>
      <c r="KE28" s="103">
        <v>744</v>
      </c>
      <c r="KF28" s="413">
        <v>0</v>
      </c>
      <c r="KG28" s="102">
        <v>534</v>
      </c>
      <c r="KH28" s="102">
        <v>427</v>
      </c>
      <c r="KI28" s="102">
        <v>282</v>
      </c>
      <c r="KJ28" s="102">
        <v>302</v>
      </c>
      <c r="KK28" s="102">
        <v>165</v>
      </c>
      <c r="KL28" s="103">
        <v>1710</v>
      </c>
      <c r="KM28" s="104">
        <v>2454</v>
      </c>
    </row>
    <row r="29" spans="2:299" s="70" customFormat="1" ht="21" customHeight="1" x14ac:dyDescent="0.2">
      <c r="B29" s="106" t="s">
        <v>26</v>
      </c>
      <c r="C29" s="96">
        <v>96</v>
      </c>
      <c r="D29" s="97">
        <v>77</v>
      </c>
      <c r="E29" s="98">
        <v>173</v>
      </c>
      <c r="F29" s="413">
        <v>0</v>
      </c>
      <c r="G29" s="97">
        <v>128</v>
      </c>
      <c r="H29" s="97">
        <v>140</v>
      </c>
      <c r="I29" s="97">
        <v>96</v>
      </c>
      <c r="J29" s="97">
        <v>64</v>
      </c>
      <c r="K29" s="97">
        <v>49</v>
      </c>
      <c r="L29" s="99">
        <v>477</v>
      </c>
      <c r="M29" s="100">
        <v>650</v>
      </c>
      <c r="N29" s="101">
        <v>2</v>
      </c>
      <c r="O29" s="102">
        <v>3</v>
      </c>
      <c r="P29" s="103">
        <v>5</v>
      </c>
      <c r="Q29" s="413">
        <v>0</v>
      </c>
      <c r="R29" s="102">
        <v>2</v>
      </c>
      <c r="S29" s="102">
        <v>2</v>
      </c>
      <c r="T29" s="102">
        <v>3</v>
      </c>
      <c r="U29" s="102">
        <v>5</v>
      </c>
      <c r="V29" s="102">
        <v>1</v>
      </c>
      <c r="W29" s="103">
        <v>13</v>
      </c>
      <c r="X29" s="104">
        <v>18</v>
      </c>
      <c r="Y29" s="101">
        <v>6</v>
      </c>
      <c r="Z29" s="102">
        <v>8</v>
      </c>
      <c r="AA29" s="103">
        <v>14</v>
      </c>
      <c r="AB29" s="413">
        <v>0</v>
      </c>
      <c r="AC29" s="102">
        <v>14</v>
      </c>
      <c r="AD29" s="102">
        <v>14</v>
      </c>
      <c r="AE29" s="102">
        <v>9</v>
      </c>
      <c r="AF29" s="102">
        <v>4</v>
      </c>
      <c r="AG29" s="102">
        <v>7</v>
      </c>
      <c r="AH29" s="103">
        <v>48</v>
      </c>
      <c r="AI29" s="104">
        <v>62</v>
      </c>
      <c r="AJ29" s="101">
        <v>13</v>
      </c>
      <c r="AK29" s="102">
        <v>13</v>
      </c>
      <c r="AL29" s="103">
        <v>26</v>
      </c>
      <c r="AM29" s="413">
        <v>0</v>
      </c>
      <c r="AN29" s="102">
        <v>19</v>
      </c>
      <c r="AO29" s="102">
        <v>20</v>
      </c>
      <c r="AP29" s="102">
        <v>8</v>
      </c>
      <c r="AQ29" s="102">
        <v>11</v>
      </c>
      <c r="AR29" s="102">
        <v>11</v>
      </c>
      <c r="AS29" s="103">
        <v>69</v>
      </c>
      <c r="AT29" s="104">
        <v>95</v>
      </c>
      <c r="AU29" s="101">
        <v>29</v>
      </c>
      <c r="AV29" s="102">
        <v>21</v>
      </c>
      <c r="AW29" s="103">
        <v>50</v>
      </c>
      <c r="AX29" s="413">
        <v>0</v>
      </c>
      <c r="AY29" s="102">
        <v>28</v>
      </c>
      <c r="AZ29" s="102">
        <v>35</v>
      </c>
      <c r="BA29" s="102">
        <v>27</v>
      </c>
      <c r="BB29" s="102">
        <v>17</v>
      </c>
      <c r="BC29" s="102">
        <v>12</v>
      </c>
      <c r="BD29" s="103">
        <v>119</v>
      </c>
      <c r="BE29" s="104">
        <v>169</v>
      </c>
      <c r="BF29" s="101">
        <v>23</v>
      </c>
      <c r="BG29" s="102">
        <v>19</v>
      </c>
      <c r="BH29" s="103">
        <v>42</v>
      </c>
      <c r="BI29" s="413">
        <v>0</v>
      </c>
      <c r="BJ29" s="102">
        <v>39</v>
      </c>
      <c r="BK29" s="102">
        <v>39</v>
      </c>
      <c r="BL29" s="102">
        <v>31</v>
      </c>
      <c r="BM29" s="102">
        <v>18</v>
      </c>
      <c r="BN29" s="102">
        <v>6</v>
      </c>
      <c r="BO29" s="103">
        <v>133</v>
      </c>
      <c r="BP29" s="104">
        <v>175</v>
      </c>
      <c r="BQ29" s="101">
        <v>23</v>
      </c>
      <c r="BR29" s="102">
        <v>13</v>
      </c>
      <c r="BS29" s="103">
        <v>36</v>
      </c>
      <c r="BT29" s="413">
        <v>0</v>
      </c>
      <c r="BU29" s="102">
        <v>26</v>
      </c>
      <c r="BV29" s="102">
        <v>30</v>
      </c>
      <c r="BW29" s="102">
        <v>18</v>
      </c>
      <c r="BX29" s="102">
        <v>9</v>
      </c>
      <c r="BY29" s="102">
        <v>12</v>
      </c>
      <c r="BZ29" s="103">
        <v>95</v>
      </c>
      <c r="CA29" s="104">
        <v>131</v>
      </c>
      <c r="CB29" s="101">
        <v>3</v>
      </c>
      <c r="CC29" s="102">
        <v>1</v>
      </c>
      <c r="CD29" s="103">
        <v>4</v>
      </c>
      <c r="CE29" s="413">
        <v>0</v>
      </c>
      <c r="CF29" s="102">
        <v>6</v>
      </c>
      <c r="CG29" s="102">
        <v>8</v>
      </c>
      <c r="CH29" s="102">
        <v>1</v>
      </c>
      <c r="CI29" s="102">
        <v>1</v>
      </c>
      <c r="CJ29" s="102">
        <v>1</v>
      </c>
      <c r="CK29" s="103">
        <v>17</v>
      </c>
      <c r="CL29" s="104">
        <v>21</v>
      </c>
      <c r="CM29" s="101">
        <v>99</v>
      </c>
      <c r="CN29" s="102">
        <v>78</v>
      </c>
      <c r="CO29" s="103">
        <v>177</v>
      </c>
      <c r="CP29" s="413">
        <v>0</v>
      </c>
      <c r="CQ29" s="102">
        <v>134</v>
      </c>
      <c r="CR29" s="102">
        <v>148</v>
      </c>
      <c r="CS29" s="102">
        <v>97</v>
      </c>
      <c r="CT29" s="102">
        <v>65</v>
      </c>
      <c r="CU29" s="102">
        <v>50</v>
      </c>
      <c r="CV29" s="103">
        <v>494</v>
      </c>
      <c r="CW29" s="104">
        <v>671</v>
      </c>
      <c r="CX29" s="105">
        <v>177</v>
      </c>
      <c r="CY29" s="97">
        <v>230</v>
      </c>
      <c r="CZ29" s="98">
        <v>407</v>
      </c>
      <c r="DA29" s="413">
        <v>0</v>
      </c>
      <c r="DB29" s="97">
        <v>245</v>
      </c>
      <c r="DC29" s="97">
        <v>265</v>
      </c>
      <c r="DD29" s="97">
        <v>180</v>
      </c>
      <c r="DE29" s="97">
        <v>152</v>
      </c>
      <c r="DF29" s="97">
        <v>119</v>
      </c>
      <c r="DG29" s="99">
        <v>961</v>
      </c>
      <c r="DH29" s="100">
        <v>1368</v>
      </c>
      <c r="DI29" s="101">
        <v>0</v>
      </c>
      <c r="DJ29" s="102">
        <v>4</v>
      </c>
      <c r="DK29" s="103">
        <v>4</v>
      </c>
      <c r="DL29" s="413">
        <v>0</v>
      </c>
      <c r="DM29" s="102">
        <v>3</v>
      </c>
      <c r="DN29" s="102">
        <v>4</v>
      </c>
      <c r="DO29" s="102">
        <v>2</v>
      </c>
      <c r="DP29" s="102">
        <v>3</v>
      </c>
      <c r="DQ29" s="102">
        <v>3</v>
      </c>
      <c r="DR29" s="103">
        <v>15</v>
      </c>
      <c r="DS29" s="104">
        <v>19</v>
      </c>
      <c r="DT29" s="101">
        <v>10</v>
      </c>
      <c r="DU29" s="102">
        <v>15</v>
      </c>
      <c r="DV29" s="103">
        <v>25</v>
      </c>
      <c r="DW29" s="413">
        <v>0</v>
      </c>
      <c r="DX29" s="102">
        <v>11</v>
      </c>
      <c r="DY29" s="102">
        <v>10</v>
      </c>
      <c r="DZ29" s="102">
        <v>5</v>
      </c>
      <c r="EA29" s="102">
        <v>5</v>
      </c>
      <c r="EB29" s="102">
        <v>6</v>
      </c>
      <c r="EC29" s="103">
        <v>37</v>
      </c>
      <c r="ED29" s="104">
        <v>62</v>
      </c>
      <c r="EE29" s="101">
        <v>21</v>
      </c>
      <c r="EF29" s="102">
        <v>34</v>
      </c>
      <c r="EG29" s="103">
        <v>55</v>
      </c>
      <c r="EH29" s="413">
        <v>0</v>
      </c>
      <c r="EI29" s="102">
        <v>27</v>
      </c>
      <c r="EJ29" s="102">
        <v>28</v>
      </c>
      <c r="EK29" s="102">
        <v>16</v>
      </c>
      <c r="EL29" s="102">
        <v>13</v>
      </c>
      <c r="EM29" s="102">
        <v>12</v>
      </c>
      <c r="EN29" s="103">
        <v>96</v>
      </c>
      <c r="EO29" s="104">
        <v>151</v>
      </c>
      <c r="EP29" s="101">
        <v>50</v>
      </c>
      <c r="EQ29" s="102">
        <v>68</v>
      </c>
      <c r="ER29" s="103">
        <v>118</v>
      </c>
      <c r="ES29" s="413">
        <v>0</v>
      </c>
      <c r="ET29" s="102">
        <v>56</v>
      </c>
      <c r="EU29" s="102">
        <v>65</v>
      </c>
      <c r="EV29" s="102">
        <v>35</v>
      </c>
      <c r="EW29" s="102">
        <v>24</v>
      </c>
      <c r="EX29" s="102">
        <v>11</v>
      </c>
      <c r="EY29" s="103">
        <v>191</v>
      </c>
      <c r="EZ29" s="104">
        <v>309</v>
      </c>
      <c r="FA29" s="101">
        <v>61</v>
      </c>
      <c r="FB29" s="102">
        <v>60</v>
      </c>
      <c r="FC29" s="103">
        <v>121</v>
      </c>
      <c r="FD29" s="413">
        <v>0</v>
      </c>
      <c r="FE29" s="102">
        <v>82</v>
      </c>
      <c r="FF29" s="102">
        <v>67</v>
      </c>
      <c r="FG29" s="102">
        <v>54</v>
      </c>
      <c r="FH29" s="102">
        <v>35</v>
      </c>
      <c r="FI29" s="102">
        <v>30</v>
      </c>
      <c r="FJ29" s="103">
        <v>268</v>
      </c>
      <c r="FK29" s="104">
        <v>389</v>
      </c>
      <c r="FL29" s="101">
        <v>35</v>
      </c>
      <c r="FM29" s="102">
        <v>49</v>
      </c>
      <c r="FN29" s="103">
        <v>84</v>
      </c>
      <c r="FO29" s="413">
        <v>0</v>
      </c>
      <c r="FP29" s="102">
        <v>66</v>
      </c>
      <c r="FQ29" s="102">
        <v>91</v>
      </c>
      <c r="FR29" s="102">
        <v>68</v>
      </c>
      <c r="FS29" s="102">
        <v>72</v>
      </c>
      <c r="FT29" s="102">
        <v>57</v>
      </c>
      <c r="FU29" s="103">
        <v>354</v>
      </c>
      <c r="FV29" s="104">
        <v>438</v>
      </c>
      <c r="FW29" s="101">
        <v>0</v>
      </c>
      <c r="FX29" s="102">
        <v>2</v>
      </c>
      <c r="FY29" s="103">
        <v>2</v>
      </c>
      <c r="FZ29" s="413">
        <v>0</v>
      </c>
      <c r="GA29" s="102">
        <v>2</v>
      </c>
      <c r="GB29" s="102">
        <v>1</v>
      </c>
      <c r="GC29" s="102">
        <v>6</v>
      </c>
      <c r="GD29" s="102">
        <v>3</v>
      </c>
      <c r="GE29" s="102">
        <v>3</v>
      </c>
      <c r="GF29" s="103">
        <v>15</v>
      </c>
      <c r="GG29" s="104">
        <v>17</v>
      </c>
      <c r="GH29" s="101">
        <v>177</v>
      </c>
      <c r="GI29" s="102">
        <v>232</v>
      </c>
      <c r="GJ29" s="103">
        <v>409</v>
      </c>
      <c r="GK29" s="413">
        <v>0</v>
      </c>
      <c r="GL29" s="102">
        <v>247</v>
      </c>
      <c r="GM29" s="102">
        <v>266</v>
      </c>
      <c r="GN29" s="102">
        <v>186</v>
      </c>
      <c r="GO29" s="102">
        <v>155</v>
      </c>
      <c r="GP29" s="102">
        <v>122</v>
      </c>
      <c r="GQ29" s="103">
        <v>976</v>
      </c>
      <c r="GR29" s="104">
        <v>1385</v>
      </c>
      <c r="GS29" s="105">
        <v>273</v>
      </c>
      <c r="GT29" s="97">
        <v>307</v>
      </c>
      <c r="GU29" s="98">
        <v>580</v>
      </c>
      <c r="GV29" s="413">
        <v>0</v>
      </c>
      <c r="GW29" s="97">
        <v>373</v>
      </c>
      <c r="GX29" s="97">
        <v>405</v>
      </c>
      <c r="GY29" s="97">
        <v>276</v>
      </c>
      <c r="GZ29" s="97">
        <v>216</v>
      </c>
      <c r="HA29" s="97">
        <v>168</v>
      </c>
      <c r="HB29" s="99">
        <v>1438</v>
      </c>
      <c r="HC29" s="100">
        <v>2018</v>
      </c>
      <c r="HD29" s="101">
        <v>2</v>
      </c>
      <c r="HE29" s="102">
        <v>7</v>
      </c>
      <c r="HF29" s="103">
        <v>9</v>
      </c>
      <c r="HG29" s="416">
        <v>0</v>
      </c>
      <c r="HH29" s="102">
        <v>5</v>
      </c>
      <c r="HI29" s="102">
        <v>6</v>
      </c>
      <c r="HJ29" s="102">
        <v>5</v>
      </c>
      <c r="HK29" s="102">
        <v>8</v>
      </c>
      <c r="HL29" s="102">
        <v>4</v>
      </c>
      <c r="HM29" s="103">
        <v>28</v>
      </c>
      <c r="HN29" s="104">
        <v>37</v>
      </c>
      <c r="HO29" s="101">
        <v>16</v>
      </c>
      <c r="HP29" s="102">
        <v>23</v>
      </c>
      <c r="HQ29" s="103">
        <v>39</v>
      </c>
      <c r="HR29" s="413">
        <v>0</v>
      </c>
      <c r="HS29" s="102">
        <v>25</v>
      </c>
      <c r="HT29" s="102">
        <v>24</v>
      </c>
      <c r="HU29" s="102">
        <v>14</v>
      </c>
      <c r="HV29" s="102">
        <v>9</v>
      </c>
      <c r="HW29" s="102">
        <v>13</v>
      </c>
      <c r="HX29" s="103">
        <v>85</v>
      </c>
      <c r="HY29" s="104">
        <v>124</v>
      </c>
      <c r="HZ29" s="101">
        <v>34</v>
      </c>
      <c r="IA29" s="102">
        <v>47</v>
      </c>
      <c r="IB29" s="103">
        <v>81</v>
      </c>
      <c r="IC29" s="413">
        <v>0</v>
      </c>
      <c r="ID29" s="102">
        <v>46</v>
      </c>
      <c r="IE29" s="102">
        <v>48</v>
      </c>
      <c r="IF29" s="102">
        <v>24</v>
      </c>
      <c r="IG29" s="102">
        <v>24</v>
      </c>
      <c r="IH29" s="102">
        <v>23</v>
      </c>
      <c r="II29" s="103">
        <v>165</v>
      </c>
      <c r="IJ29" s="104">
        <v>246</v>
      </c>
      <c r="IK29" s="101">
        <v>79</v>
      </c>
      <c r="IL29" s="102">
        <v>89</v>
      </c>
      <c r="IM29" s="103">
        <v>168</v>
      </c>
      <c r="IN29" s="413">
        <v>0</v>
      </c>
      <c r="IO29" s="102">
        <v>84</v>
      </c>
      <c r="IP29" s="102">
        <v>100</v>
      </c>
      <c r="IQ29" s="102">
        <v>62</v>
      </c>
      <c r="IR29" s="102">
        <v>41</v>
      </c>
      <c r="IS29" s="102">
        <v>23</v>
      </c>
      <c r="IT29" s="103">
        <v>310</v>
      </c>
      <c r="IU29" s="104">
        <v>478</v>
      </c>
      <c r="IV29" s="101">
        <v>84</v>
      </c>
      <c r="IW29" s="102">
        <v>79</v>
      </c>
      <c r="IX29" s="103">
        <v>163</v>
      </c>
      <c r="IY29" s="413">
        <v>0</v>
      </c>
      <c r="IZ29" s="102">
        <v>121</v>
      </c>
      <c r="JA29" s="102">
        <v>106</v>
      </c>
      <c r="JB29" s="102">
        <v>85</v>
      </c>
      <c r="JC29" s="102">
        <v>53</v>
      </c>
      <c r="JD29" s="102">
        <v>36</v>
      </c>
      <c r="JE29" s="103">
        <v>401</v>
      </c>
      <c r="JF29" s="104">
        <v>564</v>
      </c>
      <c r="JG29" s="101">
        <v>58</v>
      </c>
      <c r="JH29" s="102">
        <v>62</v>
      </c>
      <c r="JI29" s="103">
        <v>120</v>
      </c>
      <c r="JJ29" s="413">
        <v>0</v>
      </c>
      <c r="JK29" s="102">
        <v>92</v>
      </c>
      <c r="JL29" s="102">
        <v>121</v>
      </c>
      <c r="JM29" s="102">
        <v>86</v>
      </c>
      <c r="JN29" s="102">
        <v>81</v>
      </c>
      <c r="JO29" s="102">
        <v>69</v>
      </c>
      <c r="JP29" s="103">
        <v>449</v>
      </c>
      <c r="JQ29" s="104">
        <v>569</v>
      </c>
      <c r="JR29" s="101">
        <v>3</v>
      </c>
      <c r="JS29" s="102">
        <v>3</v>
      </c>
      <c r="JT29" s="103">
        <v>6</v>
      </c>
      <c r="JU29" s="413">
        <v>0</v>
      </c>
      <c r="JV29" s="102">
        <v>8</v>
      </c>
      <c r="JW29" s="102">
        <v>9</v>
      </c>
      <c r="JX29" s="102">
        <v>7</v>
      </c>
      <c r="JY29" s="102">
        <v>4</v>
      </c>
      <c r="JZ29" s="102">
        <v>4</v>
      </c>
      <c r="KA29" s="103">
        <v>32</v>
      </c>
      <c r="KB29" s="104">
        <v>38</v>
      </c>
      <c r="KC29" s="101">
        <v>276</v>
      </c>
      <c r="KD29" s="102">
        <v>310</v>
      </c>
      <c r="KE29" s="103">
        <v>586</v>
      </c>
      <c r="KF29" s="413">
        <v>0</v>
      </c>
      <c r="KG29" s="102">
        <v>381</v>
      </c>
      <c r="KH29" s="102">
        <v>414</v>
      </c>
      <c r="KI29" s="102">
        <v>283</v>
      </c>
      <c r="KJ29" s="102">
        <v>220</v>
      </c>
      <c r="KK29" s="102">
        <v>172</v>
      </c>
      <c r="KL29" s="103">
        <v>1470</v>
      </c>
      <c r="KM29" s="104">
        <v>2056</v>
      </c>
    </row>
    <row r="30" spans="2:299" s="70" customFormat="1" ht="21" customHeight="1" x14ac:dyDescent="0.2">
      <c r="B30" s="106" t="s">
        <v>27</v>
      </c>
      <c r="C30" s="96">
        <v>121</v>
      </c>
      <c r="D30" s="97">
        <v>128</v>
      </c>
      <c r="E30" s="98">
        <v>249</v>
      </c>
      <c r="F30" s="413">
        <v>0</v>
      </c>
      <c r="G30" s="97">
        <v>105</v>
      </c>
      <c r="H30" s="97">
        <v>94</v>
      </c>
      <c r="I30" s="97">
        <v>67</v>
      </c>
      <c r="J30" s="97">
        <v>80</v>
      </c>
      <c r="K30" s="97">
        <v>41</v>
      </c>
      <c r="L30" s="99">
        <v>387</v>
      </c>
      <c r="M30" s="100">
        <v>636</v>
      </c>
      <c r="N30" s="101">
        <v>1</v>
      </c>
      <c r="O30" s="102">
        <v>7</v>
      </c>
      <c r="P30" s="103">
        <v>8</v>
      </c>
      <c r="Q30" s="413">
        <v>0</v>
      </c>
      <c r="R30" s="102">
        <v>2</v>
      </c>
      <c r="S30" s="102">
        <v>1</v>
      </c>
      <c r="T30" s="102">
        <v>2</v>
      </c>
      <c r="U30" s="102">
        <v>3</v>
      </c>
      <c r="V30" s="102">
        <v>2</v>
      </c>
      <c r="W30" s="103">
        <v>10</v>
      </c>
      <c r="X30" s="104">
        <v>18</v>
      </c>
      <c r="Y30" s="101">
        <v>6</v>
      </c>
      <c r="Z30" s="102">
        <v>13</v>
      </c>
      <c r="AA30" s="103">
        <v>19</v>
      </c>
      <c r="AB30" s="413">
        <v>0</v>
      </c>
      <c r="AC30" s="102">
        <v>9</v>
      </c>
      <c r="AD30" s="102">
        <v>13</v>
      </c>
      <c r="AE30" s="102">
        <v>7</v>
      </c>
      <c r="AF30" s="102">
        <v>4</v>
      </c>
      <c r="AG30" s="102">
        <v>2</v>
      </c>
      <c r="AH30" s="103">
        <v>35</v>
      </c>
      <c r="AI30" s="104">
        <v>54</v>
      </c>
      <c r="AJ30" s="101">
        <v>25</v>
      </c>
      <c r="AK30" s="102">
        <v>24</v>
      </c>
      <c r="AL30" s="103">
        <v>49</v>
      </c>
      <c r="AM30" s="413">
        <v>0</v>
      </c>
      <c r="AN30" s="102">
        <v>21</v>
      </c>
      <c r="AO30" s="102">
        <v>16</v>
      </c>
      <c r="AP30" s="102">
        <v>7</v>
      </c>
      <c r="AQ30" s="102">
        <v>13</v>
      </c>
      <c r="AR30" s="102">
        <v>8</v>
      </c>
      <c r="AS30" s="103">
        <v>65</v>
      </c>
      <c r="AT30" s="104">
        <v>114</v>
      </c>
      <c r="AU30" s="101">
        <v>29</v>
      </c>
      <c r="AV30" s="102">
        <v>29</v>
      </c>
      <c r="AW30" s="103">
        <v>58</v>
      </c>
      <c r="AX30" s="413">
        <v>0</v>
      </c>
      <c r="AY30" s="102">
        <v>22</v>
      </c>
      <c r="AZ30" s="102">
        <v>24</v>
      </c>
      <c r="BA30" s="102">
        <v>19</v>
      </c>
      <c r="BB30" s="102">
        <v>17</v>
      </c>
      <c r="BC30" s="102">
        <v>9</v>
      </c>
      <c r="BD30" s="103">
        <v>91</v>
      </c>
      <c r="BE30" s="104">
        <v>149</v>
      </c>
      <c r="BF30" s="101">
        <v>38</v>
      </c>
      <c r="BG30" s="102">
        <v>36</v>
      </c>
      <c r="BH30" s="103">
        <v>74</v>
      </c>
      <c r="BI30" s="413">
        <v>0</v>
      </c>
      <c r="BJ30" s="102">
        <v>25</v>
      </c>
      <c r="BK30" s="102">
        <v>19</v>
      </c>
      <c r="BL30" s="102">
        <v>18</v>
      </c>
      <c r="BM30" s="102">
        <v>19</v>
      </c>
      <c r="BN30" s="102">
        <v>12</v>
      </c>
      <c r="BO30" s="103">
        <v>93</v>
      </c>
      <c r="BP30" s="104">
        <v>167</v>
      </c>
      <c r="BQ30" s="101">
        <v>22</v>
      </c>
      <c r="BR30" s="102">
        <v>19</v>
      </c>
      <c r="BS30" s="103">
        <v>41</v>
      </c>
      <c r="BT30" s="413">
        <v>0</v>
      </c>
      <c r="BU30" s="102">
        <v>26</v>
      </c>
      <c r="BV30" s="102">
        <v>21</v>
      </c>
      <c r="BW30" s="102">
        <v>14</v>
      </c>
      <c r="BX30" s="102">
        <v>24</v>
      </c>
      <c r="BY30" s="102">
        <v>8</v>
      </c>
      <c r="BZ30" s="103">
        <v>93</v>
      </c>
      <c r="CA30" s="104">
        <v>134</v>
      </c>
      <c r="CB30" s="101">
        <v>9</v>
      </c>
      <c r="CC30" s="102">
        <v>4</v>
      </c>
      <c r="CD30" s="103">
        <v>13</v>
      </c>
      <c r="CE30" s="413">
        <v>0</v>
      </c>
      <c r="CF30" s="102">
        <v>1</v>
      </c>
      <c r="CG30" s="102">
        <v>2</v>
      </c>
      <c r="CH30" s="102">
        <v>6</v>
      </c>
      <c r="CI30" s="102">
        <v>4</v>
      </c>
      <c r="CJ30" s="102">
        <v>1</v>
      </c>
      <c r="CK30" s="103">
        <v>14</v>
      </c>
      <c r="CL30" s="104">
        <v>27</v>
      </c>
      <c r="CM30" s="101">
        <v>130</v>
      </c>
      <c r="CN30" s="102">
        <v>132</v>
      </c>
      <c r="CO30" s="103">
        <v>262</v>
      </c>
      <c r="CP30" s="413">
        <v>0</v>
      </c>
      <c r="CQ30" s="102">
        <v>106</v>
      </c>
      <c r="CR30" s="102">
        <v>96</v>
      </c>
      <c r="CS30" s="102">
        <v>73</v>
      </c>
      <c r="CT30" s="102">
        <v>84</v>
      </c>
      <c r="CU30" s="102">
        <v>42</v>
      </c>
      <c r="CV30" s="103">
        <v>401</v>
      </c>
      <c r="CW30" s="104">
        <v>663</v>
      </c>
      <c r="CX30" s="105">
        <v>266</v>
      </c>
      <c r="CY30" s="97">
        <v>209</v>
      </c>
      <c r="CZ30" s="98">
        <v>475</v>
      </c>
      <c r="DA30" s="413">
        <v>0</v>
      </c>
      <c r="DB30" s="97">
        <v>253</v>
      </c>
      <c r="DC30" s="97">
        <v>134</v>
      </c>
      <c r="DD30" s="97">
        <v>136</v>
      </c>
      <c r="DE30" s="97">
        <v>150</v>
      </c>
      <c r="DF30" s="97">
        <v>101</v>
      </c>
      <c r="DG30" s="99">
        <v>774</v>
      </c>
      <c r="DH30" s="100">
        <v>1249</v>
      </c>
      <c r="DI30" s="101">
        <v>4</v>
      </c>
      <c r="DJ30" s="102">
        <v>2</v>
      </c>
      <c r="DK30" s="103">
        <v>6</v>
      </c>
      <c r="DL30" s="413">
        <v>0</v>
      </c>
      <c r="DM30" s="102">
        <v>4</v>
      </c>
      <c r="DN30" s="102">
        <v>1</v>
      </c>
      <c r="DO30" s="102">
        <v>0</v>
      </c>
      <c r="DP30" s="102">
        <v>1</v>
      </c>
      <c r="DQ30" s="102">
        <v>3</v>
      </c>
      <c r="DR30" s="103">
        <v>9</v>
      </c>
      <c r="DS30" s="104">
        <v>15</v>
      </c>
      <c r="DT30" s="101">
        <v>15</v>
      </c>
      <c r="DU30" s="102">
        <v>12</v>
      </c>
      <c r="DV30" s="103">
        <v>27</v>
      </c>
      <c r="DW30" s="413">
        <v>0</v>
      </c>
      <c r="DX30" s="102">
        <v>9</v>
      </c>
      <c r="DY30" s="102">
        <v>6</v>
      </c>
      <c r="DZ30" s="102">
        <v>7</v>
      </c>
      <c r="EA30" s="102">
        <v>8</v>
      </c>
      <c r="EB30" s="102">
        <v>0</v>
      </c>
      <c r="EC30" s="103">
        <v>30</v>
      </c>
      <c r="ED30" s="104">
        <v>57</v>
      </c>
      <c r="EE30" s="101">
        <v>40</v>
      </c>
      <c r="EF30" s="102">
        <v>23</v>
      </c>
      <c r="EG30" s="103">
        <v>63</v>
      </c>
      <c r="EH30" s="413">
        <v>0</v>
      </c>
      <c r="EI30" s="102">
        <v>24</v>
      </c>
      <c r="EJ30" s="102">
        <v>15</v>
      </c>
      <c r="EK30" s="102">
        <v>15</v>
      </c>
      <c r="EL30" s="102">
        <v>13</v>
      </c>
      <c r="EM30" s="102">
        <v>9</v>
      </c>
      <c r="EN30" s="103">
        <v>76</v>
      </c>
      <c r="EO30" s="104">
        <v>139</v>
      </c>
      <c r="EP30" s="101">
        <v>67</v>
      </c>
      <c r="EQ30" s="102">
        <v>45</v>
      </c>
      <c r="ER30" s="103">
        <v>112</v>
      </c>
      <c r="ES30" s="413">
        <v>0</v>
      </c>
      <c r="ET30" s="102">
        <v>61</v>
      </c>
      <c r="EU30" s="102">
        <v>24</v>
      </c>
      <c r="EV30" s="102">
        <v>22</v>
      </c>
      <c r="EW30" s="102">
        <v>29</v>
      </c>
      <c r="EX30" s="102">
        <v>17</v>
      </c>
      <c r="EY30" s="103">
        <v>153</v>
      </c>
      <c r="EZ30" s="104">
        <v>265</v>
      </c>
      <c r="FA30" s="101">
        <v>86</v>
      </c>
      <c r="FB30" s="102">
        <v>73</v>
      </c>
      <c r="FC30" s="103">
        <v>159</v>
      </c>
      <c r="FD30" s="413">
        <v>0</v>
      </c>
      <c r="FE30" s="102">
        <v>79</v>
      </c>
      <c r="FF30" s="102">
        <v>39</v>
      </c>
      <c r="FG30" s="102">
        <v>31</v>
      </c>
      <c r="FH30" s="102">
        <v>29</v>
      </c>
      <c r="FI30" s="102">
        <v>26</v>
      </c>
      <c r="FJ30" s="103">
        <v>204</v>
      </c>
      <c r="FK30" s="104">
        <v>363</v>
      </c>
      <c r="FL30" s="101">
        <v>54</v>
      </c>
      <c r="FM30" s="102">
        <v>54</v>
      </c>
      <c r="FN30" s="103">
        <v>108</v>
      </c>
      <c r="FO30" s="413">
        <v>0</v>
      </c>
      <c r="FP30" s="102">
        <v>76</v>
      </c>
      <c r="FQ30" s="102">
        <v>49</v>
      </c>
      <c r="FR30" s="102">
        <v>61</v>
      </c>
      <c r="FS30" s="102">
        <v>70</v>
      </c>
      <c r="FT30" s="102">
        <v>46</v>
      </c>
      <c r="FU30" s="103">
        <v>302</v>
      </c>
      <c r="FV30" s="104">
        <v>410</v>
      </c>
      <c r="FW30" s="101">
        <v>0</v>
      </c>
      <c r="FX30" s="102">
        <v>3</v>
      </c>
      <c r="FY30" s="103">
        <v>3</v>
      </c>
      <c r="FZ30" s="413">
        <v>0</v>
      </c>
      <c r="GA30" s="102">
        <v>3</v>
      </c>
      <c r="GB30" s="102">
        <v>6</v>
      </c>
      <c r="GC30" s="102">
        <v>1</v>
      </c>
      <c r="GD30" s="102">
        <v>2</v>
      </c>
      <c r="GE30" s="102">
        <v>2</v>
      </c>
      <c r="GF30" s="103">
        <v>14</v>
      </c>
      <c r="GG30" s="104">
        <v>17</v>
      </c>
      <c r="GH30" s="101">
        <v>266</v>
      </c>
      <c r="GI30" s="102">
        <v>212</v>
      </c>
      <c r="GJ30" s="103">
        <v>478</v>
      </c>
      <c r="GK30" s="413">
        <v>0</v>
      </c>
      <c r="GL30" s="102">
        <v>256</v>
      </c>
      <c r="GM30" s="102">
        <v>140</v>
      </c>
      <c r="GN30" s="102">
        <v>137</v>
      </c>
      <c r="GO30" s="102">
        <v>152</v>
      </c>
      <c r="GP30" s="102">
        <v>103</v>
      </c>
      <c r="GQ30" s="103">
        <v>788</v>
      </c>
      <c r="GR30" s="104">
        <v>1266</v>
      </c>
      <c r="GS30" s="105">
        <v>387</v>
      </c>
      <c r="GT30" s="97">
        <v>337</v>
      </c>
      <c r="GU30" s="98">
        <v>724</v>
      </c>
      <c r="GV30" s="413">
        <v>0</v>
      </c>
      <c r="GW30" s="97">
        <v>358</v>
      </c>
      <c r="GX30" s="97">
        <v>228</v>
      </c>
      <c r="GY30" s="97">
        <v>203</v>
      </c>
      <c r="GZ30" s="97">
        <v>230</v>
      </c>
      <c r="HA30" s="97">
        <v>142</v>
      </c>
      <c r="HB30" s="99">
        <v>1161</v>
      </c>
      <c r="HC30" s="100">
        <v>1885</v>
      </c>
      <c r="HD30" s="101">
        <v>5</v>
      </c>
      <c r="HE30" s="102">
        <v>9</v>
      </c>
      <c r="HF30" s="103">
        <v>14</v>
      </c>
      <c r="HG30" s="416">
        <v>0</v>
      </c>
      <c r="HH30" s="102">
        <v>6</v>
      </c>
      <c r="HI30" s="102">
        <v>2</v>
      </c>
      <c r="HJ30" s="102">
        <v>2</v>
      </c>
      <c r="HK30" s="102">
        <v>4</v>
      </c>
      <c r="HL30" s="102">
        <v>5</v>
      </c>
      <c r="HM30" s="103">
        <v>19</v>
      </c>
      <c r="HN30" s="104">
        <v>33</v>
      </c>
      <c r="HO30" s="101">
        <v>21</v>
      </c>
      <c r="HP30" s="102">
        <v>25</v>
      </c>
      <c r="HQ30" s="103">
        <v>46</v>
      </c>
      <c r="HR30" s="413">
        <v>0</v>
      </c>
      <c r="HS30" s="102">
        <v>18</v>
      </c>
      <c r="HT30" s="102">
        <v>19</v>
      </c>
      <c r="HU30" s="102">
        <v>14</v>
      </c>
      <c r="HV30" s="102">
        <v>12</v>
      </c>
      <c r="HW30" s="102">
        <v>2</v>
      </c>
      <c r="HX30" s="103">
        <v>65</v>
      </c>
      <c r="HY30" s="104">
        <v>111</v>
      </c>
      <c r="HZ30" s="101">
        <v>65</v>
      </c>
      <c r="IA30" s="102">
        <v>47</v>
      </c>
      <c r="IB30" s="103">
        <v>112</v>
      </c>
      <c r="IC30" s="413">
        <v>0</v>
      </c>
      <c r="ID30" s="102">
        <v>45</v>
      </c>
      <c r="IE30" s="102">
        <v>31</v>
      </c>
      <c r="IF30" s="102">
        <v>22</v>
      </c>
      <c r="IG30" s="102">
        <v>26</v>
      </c>
      <c r="IH30" s="102">
        <v>17</v>
      </c>
      <c r="II30" s="103">
        <v>141</v>
      </c>
      <c r="IJ30" s="104">
        <v>253</v>
      </c>
      <c r="IK30" s="101">
        <v>96</v>
      </c>
      <c r="IL30" s="102">
        <v>74</v>
      </c>
      <c r="IM30" s="103">
        <v>170</v>
      </c>
      <c r="IN30" s="413">
        <v>0</v>
      </c>
      <c r="IO30" s="102">
        <v>83</v>
      </c>
      <c r="IP30" s="102">
        <v>48</v>
      </c>
      <c r="IQ30" s="102">
        <v>41</v>
      </c>
      <c r="IR30" s="102">
        <v>46</v>
      </c>
      <c r="IS30" s="102">
        <v>26</v>
      </c>
      <c r="IT30" s="103">
        <v>244</v>
      </c>
      <c r="IU30" s="104">
        <v>414</v>
      </c>
      <c r="IV30" s="101">
        <v>124</v>
      </c>
      <c r="IW30" s="102">
        <v>109</v>
      </c>
      <c r="IX30" s="103">
        <v>233</v>
      </c>
      <c r="IY30" s="413">
        <v>0</v>
      </c>
      <c r="IZ30" s="102">
        <v>104</v>
      </c>
      <c r="JA30" s="102">
        <v>58</v>
      </c>
      <c r="JB30" s="102">
        <v>49</v>
      </c>
      <c r="JC30" s="102">
        <v>48</v>
      </c>
      <c r="JD30" s="102">
        <v>38</v>
      </c>
      <c r="JE30" s="103">
        <v>297</v>
      </c>
      <c r="JF30" s="104">
        <v>530</v>
      </c>
      <c r="JG30" s="101">
        <v>76</v>
      </c>
      <c r="JH30" s="102">
        <v>73</v>
      </c>
      <c r="JI30" s="103">
        <v>149</v>
      </c>
      <c r="JJ30" s="413">
        <v>0</v>
      </c>
      <c r="JK30" s="102">
        <v>102</v>
      </c>
      <c r="JL30" s="102">
        <v>70</v>
      </c>
      <c r="JM30" s="102">
        <v>75</v>
      </c>
      <c r="JN30" s="102">
        <v>94</v>
      </c>
      <c r="JO30" s="102">
        <v>54</v>
      </c>
      <c r="JP30" s="103">
        <v>395</v>
      </c>
      <c r="JQ30" s="104">
        <v>544</v>
      </c>
      <c r="JR30" s="101">
        <v>9</v>
      </c>
      <c r="JS30" s="102">
        <v>7</v>
      </c>
      <c r="JT30" s="103">
        <v>16</v>
      </c>
      <c r="JU30" s="413">
        <v>0</v>
      </c>
      <c r="JV30" s="102">
        <v>4</v>
      </c>
      <c r="JW30" s="102">
        <v>8</v>
      </c>
      <c r="JX30" s="102">
        <v>7</v>
      </c>
      <c r="JY30" s="102">
        <v>6</v>
      </c>
      <c r="JZ30" s="102">
        <v>3</v>
      </c>
      <c r="KA30" s="103">
        <v>28</v>
      </c>
      <c r="KB30" s="104">
        <v>44</v>
      </c>
      <c r="KC30" s="101">
        <v>396</v>
      </c>
      <c r="KD30" s="102">
        <v>344</v>
      </c>
      <c r="KE30" s="103">
        <v>740</v>
      </c>
      <c r="KF30" s="413">
        <v>0</v>
      </c>
      <c r="KG30" s="102">
        <v>362</v>
      </c>
      <c r="KH30" s="102">
        <v>236</v>
      </c>
      <c r="KI30" s="102">
        <v>210</v>
      </c>
      <c r="KJ30" s="102">
        <v>236</v>
      </c>
      <c r="KK30" s="102">
        <v>145</v>
      </c>
      <c r="KL30" s="103">
        <v>1189</v>
      </c>
      <c r="KM30" s="104">
        <v>1929</v>
      </c>
    </row>
    <row r="31" spans="2:299" s="70" customFormat="1" ht="21" customHeight="1" x14ac:dyDescent="0.2">
      <c r="B31" s="106" t="s">
        <v>28</v>
      </c>
      <c r="C31" s="96">
        <v>8</v>
      </c>
      <c r="D31" s="97">
        <v>24</v>
      </c>
      <c r="E31" s="98">
        <v>32</v>
      </c>
      <c r="F31" s="413">
        <v>0</v>
      </c>
      <c r="G31" s="97">
        <v>61</v>
      </c>
      <c r="H31" s="97">
        <v>43</v>
      </c>
      <c r="I31" s="97">
        <v>25</v>
      </c>
      <c r="J31" s="97">
        <v>20</v>
      </c>
      <c r="K31" s="97">
        <v>13</v>
      </c>
      <c r="L31" s="99">
        <v>162</v>
      </c>
      <c r="M31" s="100">
        <v>194</v>
      </c>
      <c r="N31" s="101">
        <v>0</v>
      </c>
      <c r="O31" s="102">
        <v>3</v>
      </c>
      <c r="P31" s="103">
        <v>3</v>
      </c>
      <c r="Q31" s="413">
        <v>0</v>
      </c>
      <c r="R31" s="102">
        <v>5</v>
      </c>
      <c r="S31" s="102">
        <v>1</v>
      </c>
      <c r="T31" s="102">
        <v>2</v>
      </c>
      <c r="U31" s="102">
        <v>1</v>
      </c>
      <c r="V31" s="102">
        <v>1</v>
      </c>
      <c r="W31" s="103">
        <v>10</v>
      </c>
      <c r="X31" s="104">
        <v>13</v>
      </c>
      <c r="Y31" s="101">
        <v>1</v>
      </c>
      <c r="Z31" s="102">
        <v>4</v>
      </c>
      <c r="AA31" s="103">
        <v>5</v>
      </c>
      <c r="AB31" s="413">
        <v>0</v>
      </c>
      <c r="AC31" s="102">
        <v>6</v>
      </c>
      <c r="AD31" s="102">
        <v>8</v>
      </c>
      <c r="AE31" s="102">
        <v>1</v>
      </c>
      <c r="AF31" s="102">
        <v>2</v>
      </c>
      <c r="AG31" s="102">
        <v>2</v>
      </c>
      <c r="AH31" s="103">
        <v>19</v>
      </c>
      <c r="AI31" s="104">
        <v>24</v>
      </c>
      <c r="AJ31" s="101">
        <v>2</v>
      </c>
      <c r="AK31" s="102">
        <v>3</v>
      </c>
      <c r="AL31" s="103">
        <v>5</v>
      </c>
      <c r="AM31" s="413">
        <v>0</v>
      </c>
      <c r="AN31" s="102">
        <v>11</v>
      </c>
      <c r="AO31" s="102">
        <v>8</v>
      </c>
      <c r="AP31" s="102">
        <v>4</v>
      </c>
      <c r="AQ31" s="102">
        <v>4</v>
      </c>
      <c r="AR31" s="102">
        <v>3</v>
      </c>
      <c r="AS31" s="103">
        <v>30</v>
      </c>
      <c r="AT31" s="104">
        <v>35</v>
      </c>
      <c r="AU31" s="101">
        <v>2</v>
      </c>
      <c r="AV31" s="102">
        <v>5</v>
      </c>
      <c r="AW31" s="103">
        <v>7</v>
      </c>
      <c r="AX31" s="413">
        <v>0</v>
      </c>
      <c r="AY31" s="102">
        <v>15</v>
      </c>
      <c r="AZ31" s="102">
        <v>8</v>
      </c>
      <c r="BA31" s="102">
        <v>6</v>
      </c>
      <c r="BB31" s="102">
        <v>5</v>
      </c>
      <c r="BC31" s="102">
        <v>2</v>
      </c>
      <c r="BD31" s="103">
        <v>36</v>
      </c>
      <c r="BE31" s="104">
        <v>43</v>
      </c>
      <c r="BF31" s="101">
        <v>2</v>
      </c>
      <c r="BG31" s="102">
        <v>6</v>
      </c>
      <c r="BH31" s="103">
        <v>8</v>
      </c>
      <c r="BI31" s="413">
        <v>0</v>
      </c>
      <c r="BJ31" s="102">
        <v>16</v>
      </c>
      <c r="BK31" s="102">
        <v>10</v>
      </c>
      <c r="BL31" s="102">
        <v>6</v>
      </c>
      <c r="BM31" s="102">
        <v>3</v>
      </c>
      <c r="BN31" s="102">
        <v>1</v>
      </c>
      <c r="BO31" s="103">
        <v>36</v>
      </c>
      <c r="BP31" s="104">
        <v>44</v>
      </c>
      <c r="BQ31" s="101">
        <v>1</v>
      </c>
      <c r="BR31" s="102">
        <v>3</v>
      </c>
      <c r="BS31" s="103">
        <v>4</v>
      </c>
      <c r="BT31" s="413">
        <v>0</v>
      </c>
      <c r="BU31" s="102">
        <v>8</v>
      </c>
      <c r="BV31" s="102">
        <v>8</v>
      </c>
      <c r="BW31" s="102">
        <v>6</v>
      </c>
      <c r="BX31" s="102">
        <v>5</v>
      </c>
      <c r="BY31" s="102">
        <v>4</v>
      </c>
      <c r="BZ31" s="103">
        <v>31</v>
      </c>
      <c r="CA31" s="104">
        <v>35</v>
      </c>
      <c r="CB31" s="101">
        <v>0</v>
      </c>
      <c r="CC31" s="102">
        <v>1</v>
      </c>
      <c r="CD31" s="103">
        <v>1</v>
      </c>
      <c r="CE31" s="413">
        <v>0</v>
      </c>
      <c r="CF31" s="102">
        <v>0</v>
      </c>
      <c r="CG31" s="102">
        <v>1</v>
      </c>
      <c r="CH31" s="102">
        <v>1</v>
      </c>
      <c r="CI31" s="102">
        <v>0</v>
      </c>
      <c r="CJ31" s="102">
        <v>2</v>
      </c>
      <c r="CK31" s="103">
        <v>4</v>
      </c>
      <c r="CL31" s="104">
        <v>5</v>
      </c>
      <c r="CM31" s="101">
        <v>8</v>
      </c>
      <c r="CN31" s="102">
        <v>25</v>
      </c>
      <c r="CO31" s="103">
        <v>33</v>
      </c>
      <c r="CP31" s="413">
        <v>0</v>
      </c>
      <c r="CQ31" s="102">
        <v>61</v>
      </c>
      <c r="CR31" s="102">
        <v>44</v>
      </c>
      <c r="CS31" s="102">
        <v>26</v>
      </c>
      <c r="CT31" s="102">
        <v>20</v>
      </c>
      <c r="CU31" s="102">
        <v>15</v>
      </c>
      <c r="CV31" s="103">
        <v>166</v>
      </c>
      <c r="CW31" s="104">
        <v>199</v>
      </c>
      <c r="CX31" s="105">
        <v>15</v>
      </c>
      <c r="CY31" s="97">
        <v>39</v>
      </c>
      <c r="CZ31" s="98">
        <v>54</v>
      </c>
      <c r="DA31" s="413">
        <v>0</v>
      </c>
      <c r="DB31" s="97">
        <v>58</v>
      </c>
      <c r="DC31" s="97">
        <v>72</v>
      </c>
      <c r="DD31" s="97">
        <v>51</v>
      </c>
      <c r="DE31" s="97">
        <v>51</v>
      </c>
      <c r="DF31" s="97">
        <v>39</v>
      </c>
      <c r="DG31" s="99">
        <v>271</v>
      </c>
      <c r="DH31" s="100">
        <v>325</v>
      </c>
      <c r="DI31" s="101">
        <v>1</v>
      </c>
      <c r="DJ31" s="102">
        <v>0</v>
      </c>
      <c r="DK31" s="103">
        <v>1</v>
      </c>
      <c r="DL31" s="413">
        <v>0</v>
      </c>
      <c r="DM31" s="102">
        <v>2</v>
      </c>
      <c r="DN31" s="102">
        <v>1</v>
      </c>
      <c r="DO31" s="102">
        <v>1</v>
      </c>
      <c r="DP31" s="102">
        <v>0</v>
      </c>
      <c r="DQ31" s="102">
        <v>0</v>
      </c>
      <c r="DR31" s="103">
        <v>4</v>
      </c>
      <c r="DS31" s="104">
        <v>5</v>
      </c>
      <c r="DT31" s="101">
        <v>2</v>
      </c>
      <c r="DU31" s="102">
        <v>5</v>
      </c>
      <c r="DV31" s="103">
        <v>7</v>
      </c>
      <c r="DW31" s="413">
        <v>0</v>
      </c>
      <c r="DX31" s="102">
        <v>3</v>
      </c>
      <c r="DY31" s="102">
        <v>6</v>
      </c>
      <c r="DZ31" s="102">
        <v>3</v>
      </c>
      <c r="EA31" s="102">
        <v>2</v>
      </c>
      <c r="EB31" s="102">
        <v>0</v>
      </c>
      <c r="EC31" s="103">
        <v>14</v>
      </c>
      <c r="ED31" s="104">
        <v>21</v>
      </c>
      <c r="EE31" s="101">
        <v>2</v>
      </c>
      <c r="EF31" s="102">
        <v>8</v>
      </c>
      <c r="EG31" s="103">
        <v>10</v>
      </c>
      <c r="EH31" s="413">
        <v>0</v>
      </c>
      <c r="EI31" s="102">
        <v>8</v>
      </c>
      <c r="EJ31" s="102">
        <v>11</v>
      </c>
      <c r="EK31" s="102">
        <v>7</v>
      </c>
      <c r="EL31" s="102">
        <v>4</v>
      </c>
      <c r="EM31" s="102">
        <v>5</v>
      </c>
      <c r="EN31" s="103">
        <v>35</v>
      </c>
      <c r="EO31" s="104">
        <v>45</v>
      </c>
      <c r="EP31" s="101">
        <v>7</v>
      </c>
      <c r="EQ31" s="102">
        <v>10</v>
      </c>
      <c r="ER31" s="103">
        <v>17</v>
      </c>
      <c r="ES31" s="413">
        <v>0</v>
      </c>
      <c r="ET31" s="102">
        <v>15</v>
      </c>
      <c r="EU31" s="102">
        <v>10</v>
      </c>
      <c r="EV31" s="102">
        <v>16</v>
      </c>
      <c r="EW31" s="102">
        <v>10</v>
      </c>
      <c r="EX31" s="102">
        <v>10</v>
      </c>
      <c r="EY31" s="103">
        <v>61</v>
      </c>
      <c r="EZ31" s="104">
        <v>78</v>
      </c>
      <c r="FA31" s="101">
        <v>3</v>
      </c>
      <c r="FB31" s="102">
        <v>11</v>
      </c>
      <c r="FC31" s="103">
        <v>14</v>
      </c>
      <c r="FD31" s="413">
        <v>0</v>
      </c>
      <c r="FE31" s="102">
        <v>19</v>
      </c>
      <c r="FF31" s="102">
        <v>23</v>
      </c>
      <c r="FG31" s="102">
        <v>8</v>
      </c>
      <c r="FH31" s="102">
        <v>15</v>
      </c>
      <c r="FI31" s="102">
        <v>11</v>
      </c>
      <c r="FJ31" s="103">
        <v>76</v>
      </c>
      <c r="FK31" s="104">
        <v>90</v>
      </c>
      <c r="FL31" s="101">
        <v>0</v>
      </c>
      <c r="FM31" s="102">
        <v>5</v>
      </c>
      <c r="FN31" s="103">
        <v>5</v>
      </c>
      <c r="FO31" s="413">
        <v>0</v>
      </c>
      <c r="FP31" s="102">
        <v>11</v>
      </c>
      <c r="FQ31" s="102">
        <v>21</v>
      </c>
      <c r="FR31" s="102">
        <v>16</v>
      </c>
      <c r="FS31" s="102">
        <v>20</v>
      </c>
      <c r="FT31" s="102">
        <v>13</v>
      </c>
      <c r="FU31" s="103">
        <v>81</v>
      </c>
      <c r="FV31" s="104">
        <v>86</v>
      </c>
      <c r="FW31" s="101">
        <v>1</v>
      </c>
      <c r="FX31" s="102">
        <v>1</v>
      </c>
      <c r="FY31" s="103">
        <v>2</v>
      </c>
      <c r="FZ31" s="413">
        <v>0</v>
      </c>
      <c r="GA31" s="102">
        <v>1</v>
      </c>
      <c r="GB31" s="102">
        <v>2</v>
      </c>
      <c r="GC31" s="102">
        <v>0</v>
      </c>
      <c r="GD31" s="102">
        <v>0</v>
      </c>
      <c r="GE31" s="102">
        <v>2</v>
      </c>
      <c r="GF31" s="103">
        <v>5</v>
      </c>
      <c r="GG31" s="104">
        <v>7</v>
      </c>
      <c r="GH31" s="101">
        <v>16</v>
      </c>
      <c r="GI31" s="102">
        <v>40</v>
      </c>
      <c r="GJ31" s="103">
        <v>56</v>
      </c>
      <c r="GK31" s="413">
        <v>0</v>
      </c>
      <c r="GL31" s="102">
        <v>59</v>
      </c>
      <c r="GM31" s="102">
        <v>74</v>
      </c>
      <c r="GN31" s="102">
        <v>51</v>
      </c>
      <c r="GO31" s="102">
        <v>51</v>
      </c>
      <c r="GP31" s="102">
        <v>41</v>
      </c>
      <c r="GQ31" s="103">
        <v>276</v>
      </c>
      <c r="GR31" s="104">
        <v>332</v>
      </c>
      <c r="GS31" s="105">
        <v>23</v>
      </c>
      <c r="GT31" s="97">
        <v>63</v>
      </c>
      <c r="GU31" s="98">
        <v>86</v>
      </c>
      <c r="GV31" s="413">
        <v>0</v>
      </c>
      <c r="GW31" s="97">
        <v>119</v>
      </c>
      <c r="GX31" s="97">
        <v>115</v>
      </c>
      <c r="GY31" s="97">
        <v>76</v>
      </c>
      <c r="GZ31" s="97">
        <v>71</v>
      </c>
      <c r="HA31" s="97">
        <v>52</v>
      </c>
      <c r="HB31" s="99">
        <v>433</v>
      </c>
      <c r="HC31" s="100">
        <v>519</v>
      </c>
      <c r="HD31" s="101">
        <v>1</v>
      </c>
      <c r="HE31" s="102">
        <v>3</v>
      </c>
      <c r="HF31" s="103">
        <v>4</v>
      </c>
      <c r="HG31" s="416">
        <v>0</v>
      </c>
      <c r="HH31" s="102">
        <v>7</v>
      </c>
      <c r="HI31" s="102">
        <v>2</v>
      </c>
      <c r="HJ31" s="102">
        <v>3</v>
      </c>
      <c r="HK31" s="102">
        <v>1</v>
      </c>
      <c r="HL31" s="102">
        <v>1</v>
      </c>
      <c r="HM31" s="103">
        <v>14</v>
      </c>
      <c r="HN31" s="104">
        <v>18</v>
      </c>
      <c r="HO31" s="101">
        <v>3</v>
      </c>
      <c r="HP31" s="102">
        <v>9</v>
      </c>
      <c r="HQ31" s="103">
        <v>12</v>
      </c>
      <c r="HR31" s="413">
        <v>0</v>
      </c>
      <c r="HS31" s="102">
        <v>9</v>
      </c>
      <c r="HT31" s="102">
        <v>14</v>
      </c>
      <c r="HU31" s="102">
        <v>4</v>
      </c>
      <c r="HV31" s="102">
        <v>4</v>
      </c>
      <c r="HW31" s="102">
        <v>2</v>
      </c>
      <c r="HX31" s="103">
        <v>33</v>
      </c>
      <c r="HY31" s="104">
        <v>45</v>
      </c>
      <c r="HZ31" s="101">
        <v>4</v>
      </c>
      <c r="IA31" s="102">
        <v>11</v>
      </c>
      <c r="IB31" s="103">
        <v>15</v>
      </c>
      <c r="IC31" s="413">
        <v>0</v>
      </c>
      <c r="ID31" s="102">
        <v>19</v>
      </c>
      <c r="IE31" s="102">
        <v>19</v>
      </c>
      <c r="IF31" s="102">
        <v>11</v>
      </c>
      <c r="IG31" s="102">
        <v>8</v>
      </c>
      <c r="IH31" s="102">
        <v>8</v>
      </c>
      <c r="II31" s="103">
        <v>65</v>
      </c>
      <c r="IJ31" s="104">
        <v>80</v>
      </c>
      <c r="IK31" s="101">
        <v>9</v>
      </c>
      <c r="IL31" s="102">
        <v>15</v>
      </c>
      <c r="IM31" s="103">
        <v>24</v>
      </c>
      <c r="IN31" s="413">
        <v>0</v>
      </c>
      <c r="IO31" s="102">
        <v>30</v>
      </c>
      <c r="IP31" s="102">
        <v>18</v>
      </c>
      <c r="IQ31" s="102">
        <v>22</v>
      </c>
      <c r="IR31" s="102">
        <v>15</v>
      </c>
      <c r="IS31" s="102">
        <v>12</v>
      </c>
      <c r="IT31" s="103">
        <v>97</v>
      </c>
      <c r="IU31" s="104">
        <v>121</v>
      </c>
      <c r="IV31" s="101">
        <v>5</v>
      </c>
      <c r="IW31" s="102">
        <v>17</v>
      </c>
      <c r="IX31" s="103">
        <v>22</v>
      </c>
      <c r="IY31" s="413">
        <v>0</v>
      </c>
      <c r="IZ31" s="102">
        <v>35</v>
      </c>
      <c r="JA31" s="102">
        <v>33</v>
      </c>
      <c r="JB31" s="102">
        <v>14</v>
      </c>
      <c r="JC31" s="102">
        <v>18</v>
      </c>
      <c r="JD31" s="102">
        <v>12</v>
      </c>
      <c r="JE31" s="103">
        <v>112</v>
      </c>
      <c r="JF31" s="104">
        <v>134</v>
      </c>
      <c r="JG31" s="101">
        <v>1</v>
      </c>
      <c r="JH31" s="102">
        <v>8</v>
      </c>
      <c r="JI31" s="103">
        <v>9</v>
      </c>
      <c r="JJ31" s="413">
        <v>0</v>
      </c>
      <c r="JK31" s="102">
        <v>19</v>
      </c>
      <c r="JL31" s="102">
        <v>29</v>
      </c>
      <c r="JM31" s="102">
        <v>22</v>
      </c>
      <c r="JN31" s="102">
        <v>25</v>
      </c>
      <c r="JO31" s="102">
        <v>17</v>
      </c>
      <c r="JP31" s="103">
        <v>112</v>
      </c>
      <c r="JQ31" s="104">
        <v>121</v>
      </c>
      <c r="JR31" s="101">
        <v>1</v>
      </c>
      <c r="JS31" s="102">
        <v>2</v>
      </c>
      <c r="JT31" s="103">
        <v>3</v>
      </c>
      <c r="JU31" s="413">
        <v>0</v>
      </c>
      <c r="JV31" s="102">
        <v>1</v>
      </c>
      <c r="JW31" s="102">
        <v>3</v>
      </c>
      <c r="JX31" s="102">
        <v>1</v>
      </c>
      <c r="JY31" s="102">
        <v>0</v>
      </c>
      <c r="JZ31" s="102">
        <v>4</v>
      </c>
      <c r="KA31" s="103">
        <v>9</v>
      </c>
      <c r="KB31" s="104">
        <v>12</v>
      </c>
      <c r="KC31" s="101">
        <v>24</v>
      </c>
      <c r="KD31" s="102">
        <v>65</v>
      </c>
      <c r="KE31" s="103">
        <v>89</v>
      </c>
      <c r="KF31" s="413">
        <v>0</v>
      </c>
      <c r="KG31" s="102">
        <v>120</v>
      </c>
      <c r="KH31" s="102">
        <v>118</v>
      </c>
      <c r="KI31" s="102">
        <v>77</v>
      </c>
      <c r="KJ31" s="102">
        <v>71</v>
      </c>
      <c r="KK31" s="102">
        <v>56</v>
      </c>
      <c r="KL31" s="103">
        <v>442</v>
      </c>
      <c r="KM31" s="104">
        <v>531</v>
      </c>
    </row>
    <row r="32" spans="2:299" s="70" customFormat="1" ht="21" customHeight="1" x14ac:dyDescent="0.2">
      <c r="B32" s="106" t="s">
        <v>29</v>
      </c>
      <c r="C32" s="96">
        <v>24</v>
      </c>
      <c r="D32" s="97">
        <v>22</v>
      </c>
      <c r="E32" s="98">
        <v>46</v>
      </c>
      <c r="F32" s="413">
        <v>0</v>
      </c>
      <c r="G32" s="97">
        <v>42</v>
      </c>
      <c r="H32" s="97">
        <v>52</v>
      </c>
      <c r="I32" s="97">
        <v>47</v>
      </c>
      <c r="J32" s="97">
        <v>28</v>
      </c>
      <c r="K32" s="97">
        <v>20</v>
      </c>
      <c r="L32" s="99">
        <v>189</v>
      </c>
      <c r="M32" s="100">
        <v>235</v>
      </c>
      <c r="N32" s="101">
        <v>4</v>
      </c>
      <c r="O32" s="102">
        <v>1</v>
      </c>
      <c r="P32" s="103">
        <v>5</v>
      </c>
      <c r="Q32" s="413">
        <v>0</v>
      </c>
      <c r="R32" s="102">
        <v>4</v>
      </c>
      <c r="S32" s="102">
        <v>5</v>
      </c>
      <c r="T32" s="102">
        <v>1</v>
      </c>
      <c r="U32" s="102">
        <v>1</v>
      </c>
      <c r="V32" s="102">
        <v>2</v>
      </c>
      <c r="W32" s="103">
        <v>13</v>
      </c>
      <c r="X32" s="104">
        <v>18</v>
      </c>
      <c r="Y32" s="101">
        <v>2</v>
      </c>
      <c r="Z32" s="102">
        <v>6</v>
      </c>
      <c r="AA32" s="103">
        <v>8</v>
      </c>
      <c r="AB32" s="413">
        <v>0</v>
      </c>
      <c r="AC32" s="102">
        <v>5</v>
      </c>
      <c r="AD32" s="102">
        <v>5</v>
      </c>
      <c r="AE32" s="102">
        <v>7</v>
      </c>
      <c r="AF32" s="102">
        <v>3</v>
      </c>
      <c r="AG32" s="102">
        <v>2</v>
      </c>
      <c r="AH32" s="103">
        <v>22</v>
      </c>
      <c r="AI32" s="104">
        <v>30</v>
      </c>
      <c r="AJ32" s="101">
        <v>1</v>
      </c>
      <c r="AK32" s="102">
        <v>1</v>
      </c>
      <c r="AL32" s="103">
        <v>2</v>
      </c>
      <c r="AM32" s="413">
        <v>0</v>
      </c>
      <c r="AN32" s="102">
        <v>11</v>
      </c>
      <c r="AO32" s="102">
        <v>9</v>
      </c>
      <c r="AP32" s="102">
        <v>9</v>
      </c>
      <c r="AQ32" s="102">
        <v>7</v>
      </c>
      <c r="AR32" s="102">
        <v>4</v>
      </c>
      <c r="AS32" s="103">
        <v>40</v>
      </c>
      <c r="AT32" s="104">
        <v>42</v>
      </c>
      <c r="AU32" s="101">
        <v>10</v>
      </c>
      <c r="AV32" s="102">
        <v>6</v>
      </c>
      <c r="AW32" s="103">
        <v>16</v>
      </c>
      <c r="AX32" s="413">
        <v>0</v>
      </c>
      <c r="AY32" s="102">
        <v>9</v>
      </c>
      <c r="AZ32" s="102">
        <v>8</v>
      </c>
      <c r="BA32" s="102">
        <v>10</v>
      </c>
      <c r="BB32" s="102">
        <v>8</v>
      </c>
      <c r="BC32" s="102">
        <v>3</v>
      </c>
      <c r="BD32" s="103">
        <v>38</v>
      </c>
      <c r="BE32" s="104">
        <v>54</v>
      </c>
      <c r="BF32" s="101">
        <v>4</v>
      </c>
      <c r="BG32" s="102">
        <v>4</v>
      </c>
      <c r="BH32" s="103">
        <v>8</v>
      </c>
      <c r="BI32" s="413">
        <v>0</v>
      </c>
      <c r="BJ32" s="102">
        <v>8</v>
      </c>
      <c r="BK32" s="102">
        <v>10</v>
      </c>
      <c r="BL32" s="102">
        <v>14</v>
      </c>
      <c r="BM32" s="102">
        <v>2</v>
      </c>
      <c r="BN32" s="102">
        <v>2</v>
      </c>
      <c r="BO32" s="103">
        <v>36</v>
      </c>
      <c r="BP32" s="104">
        <v>44</v>
      </c>
      <c r="BQ32" s="101">
        <v>3</v>
      </c>
      <c r="BR32" s="102">
        <v>4</v>
      </c>
      <c r="BS32" s="103">
        <v>7</v>
      </c>
      <c r="BT32" s="413">
        <v>0</v>
      </c>
      <c r="BU32" s="102">
        <v>5</v>
      </c>
      <c r="BV32" s="102">
        <v>15</v>
      </c>
      <c r="BW32" s="102">
        <v>6</v>
      </c>
      <c r="BX32" s="102">
        <v>7</v>
      </c>
      <c r="BY32" s="102">
        <v>7</v>
      </c>
      <c r="BZ32" s="103">
        <v>40</v>
      </c>
      <c r="CA32" s="104">
        <v>47</v>
      </c>
      <c r="CB32" s="101">
        <v>2</v>
      </c>
      <c r="CC32" s="102">
        <v>2</v>
      </c>
      <c r="CD32" s="103">
        <v>4</v>
      </c>
      <c r="CE32" s="413">
        <v>0</v>
      </c>
      <c r="CF32" s="102">
        <v>2</v>
      </c>
      <c r="CG32" s="102">
        <v>1</v>
      </c>
      <c r="CH32" s="102">
        <v>1</v>
      </c>
      <c r="CI32" s="102">
        <v>0</v>
      </c>
      <c r="CJ32" s="102">
        <v>3</v>
      </c>
      <c r="CK32" s="103">
        <v>7</v>
      </c>
      <c r="CL32" s="104">
        <v>11</v>
      </c>
      <c r="CM32" s="101">
        <v>26</v>
      </c>
      <c r="CN32" s="102">
        <v>24</v>
      </c>
      <c r="CO32" s="103">
        <v>50</v>
      </c>
      <c r="CP32" s="413">
        <v>0</v>
      </c>
      <c r="CQ32" s="102">
        <v>44</v>
      </c>
      <c r="CR32" s="102">
        <v>53</v>
      </c>
      <c r="CS32" s="102">
        <v>48</v>
      </c>
      <c r="CT32" s="102">
        <v>28</v>
      </c>
      <c r="CU32" s="102">
        <v>23</v>
      </c>
      <c r="CV32" s="103">
        <v>196</v>
      </c>
      <c r="CW32" s="104">
        <v>246</v>
      </c>
      <c r="CX32" s="105">
        <v>40</v>
      </c>
      <c r="CY32" s="97">
        <v>59</v>
      </c>
      <c r="CZ32" s="98">
        <v>99</v>
      </c>
      <c r="DA32" s="413">
        <v>0</v>
      </c>
      <c r="DB32" s="97">
        <v>89</v>
      </c>
      <c r="DC32" s="97">
        <v>93</v>
      </c>
      <c r="DD32" s="97">
        <v>79</v>
      </c>
      <c r="DE32" s="97">
        <v>84</v>
      </c>
      <c r="DF32" s="97">
        <v>48</v>
      </c>
      <c r="DG32" s="99">
        <v>393</v>
      </c>
      <c r="DH32" s="100">
        <v>492</v>
      </c>
      <c r="DI32" s="101">
        <v>3</v>
      </c>
      <c r="DJ32" s="102">
        <v>2</v>
      </c>
      <c r="DK32" s="103">
        <v>5</v>
      </c>
      <c r="DL32" s="413">
        <v>0</v>
      </c>
      <c r="DM32" s="102">
        <v>1</v>
      </c>
      <c r="DN32" s="102">
        <v>4</v>
      </c>
      <c r="DO32" s="102">
        <v>2</v>
      </c>
      <c r="DP32" s="102">
        <v>3</v>
      </c>
      <c r="DQ32" s="102">
        <v>2</v>
      </c>
      <c r="DR32" s="103">
        <v>12</v>
      </c>
      <c r="DS32" s="104">
        <v>17</v>
      </c>
      <c r="DT32" s="101">
        <v>2</v>
      </c>
      <c r="DU32" s="102">
        <v>7</v>
      </c>
      <c r="DV32" s="103">
        <v>9</v>
      </c>
      <c r="DW32" s="413">
        <v>0</v>
      </c>
      <c r="DX32" s="102">
        <v>6</v>
      </c>
      <c r="DY32" s="102">
        <v>8</v>
      </c>
      <c r="DZ32" s="102">
        <v>4</v>
      </c>
      <c r="EA32" s="102">
        <v>3</v>
      </c>
      <c r="EB32" s="102">
        <v>3</v>
      </c>
      <c r="EC32" s="103">
        <v>24</v>
      </c>
      <c r="ED32" s="104">
        <v>33</v>
      </c>
      <c r="EE32" s="101">
        <v>3</v>
      </c>
      <c r="EF32" s="102">
        <v>10</v>
      </c>
      <c r="EG32" s="103">
        <v>13</v>
      </c>
      <c r="EH32" s="413">
        <v>0</v>
      </c>
      <c r="EI32" s="102">
        <v>7</v>
      </c>
      <c r="EJ32" s="102">
        <v>11</v>
      </c>
      <c r="EK32" s="102">
        <v>6</v>
      </c>
      <c r="EL32" s="102">
        <v>9</v>
      </c>
      <c r="EM32" s="102">
        <v>5</v>
      </c>
      <c r="EN32" s="103">
        <v>38</v>
      </c>
      <c r="EO32" s="104">
        <v>51</v>
      </c>
      <c r="EP32" s="101">
        <v>13</v>
      </c>
      <c r="EQ32" s="102">
        <v>15</v>
      </c>
      <c r="ER32" s="103">
        <v>28</v>
      </c>
      <c r="ES32" s="413">
        <v>0</v>
      </c>
      <c r="ET32" s="102">
        <v>25</v>
      </c>
      <c r="EU32" s="102">
        <v>14</v>
      </c>
      <c r="EV32" s="102">
        <v>28</v>
      </c>
      <c r="EW32" s="102">
        <v>11</v>
      </c>
      <c r="EX32" s="102">
        <v>9</v>
      </c>
      <c r="EY32" s="103">
        <v>87</v>
      </c>
      <c r="EZ32" s="104">
        <v>115</v>
      </c>
      <c r="FA32" s="101">
        <v>13</v>
      </c>
      <c r="FB32" s="102">
        <v>14</v>
      </c>
      <c r="FC32" s="103">
        <v>27</v>
      </c>
      <c r="FD32" s="413">
        <v>0</v>
      </c>
      <c r="FE32" s="102">
        <v>21</v>
      </c>
      <c r="FF32" s="102">
        <v>31</v>
      </c>
      <c r="FG32" s="102">
        <v>18</v>
      </c>
      <c r="FH32" s="102">
        <v>23</v>
      </c>
      <c r="FI32" s="102">
        <v>14</v>
      </c>
      <c r="FJ32" s="103">
        <v>107</v>
      </c>
      <c r="FK32" s="104">
        <v>134</v>
      </c>
      <c r="FL32" s="101">
        <v>6</v>
      </c>
      <c r="FM32" s="102">
        <v>11</v>
      </c>
      <c r="FN32" s="103">
        <v>17</v>
      </c>
      <c r="FO32" s="413">
        <v>0</v>
      </c>
      <c r="FP32" s="102">
        <v>29</v>
      </c>
      <c r="FQ32" s="102">
        <v>25</v>
      </c>
      <c r="FR32" s="102">
        <v>21</v>
      </c>
      <c r="FS32" s="102">
        <v>35</v>
      </c>
      <c r="FT32" s="102">
        <v>15</v>
      </c>
      <c r="FU32" s="103">
        <v>125</v>
      </c>
      <c r="FV32" s="104">
        <v>142</v>
      </c>
      <c r="FW32" s="101">
        <v>1</v>
      </c>
      <c r="FX32" s="102">
        <v>2</v>
      </c>
      <c r="FY32" s="103">
        <v>3</v>
      </c>
      <c r="FZ32" s="413">
        <v>0</v>
      </c>
      <c r="GA32" s="102">
        <v>0</v>
      </c>
      <c r="GB32" s="102">
        <v>1</v>
      </c>
      <c r="GC32" s="102">
        <v>2</v>
      </c>
      <c r="GD32" s="102">
        <v>2</v>
      </c>
      <c r="GE32" s="102">
        <v>1</v>
      </c>
      <c r="GF32" s="103">
        <v>6</v>
      </c>
      <c r="GG32" s="104">
        <v>9</v>
      </c>
      <c r="GH32" s="101">
        <v>41</v>
      </c>
      <c r="GI32" s="102">
        <v>61</v>
      </c>
      <c r="GJ32" s="103">
        <v>102</v>
      </c>
      <c r="GK32" s="413">
        <v>0</v>
      </c>
      <c r="GL32" s="102">
        <v>89</v>
      </c>
      <c r="GM32" s="102">
        <v>94</v>
      </c>
      <c r="GN32" s="102">
        <v>81</v>
      </c>
      <c r="GO32" s="102">
        <v>86</v>
      </c>
      <c r="GP32" s="102">
        <v>49</v>
      </c>
      <c r="GQ32" s="103">
        <v>399</v>
      </c>
      <c r="GR32" s="104">
        <v>501</v>
      </c>
      <c r="GS32" s="105">
        <v>64</v>
      </c>
      <c r="GT32" s="97">
        <v>81</v>
      </c>
      <c r="GU32" s="98">
        <v>145</v>
      </c>
      <c r="GV32" s="413">
        <v>0</v>
      </c>
      <c r="GW32" s="97">
        <v>131</v>
      </c>
      <c r="GX32" s="97">
        <v>145</v>
      </c>
      <c r="GY32" s="97">
        <v>126</v>
      </c>
      <c r="GZ32" s="97">
        <v>112</v>
      </c>
      <c r="HA32" s="97">
        <v>68</v>
      </c>
      <c r="HB32" s="99">
        <v>582</v>
      </c>
      <c r="HC32" s="100">
        <v>727</v>
      </c>
      <c r="HD32" s="101">
        <v>7</v>
      </c>
      <c r="HE32" s="102">
        <v>3</v>
      </c>
      <c r="HF32" s="103">
        <v>10</v>
      </c>
      <c r="HG32" s="416">
        <v>0</v>
      </c>
      <c r="HH32" s="102">
        <v>5</v>
      </c>
      <c r="HI32" s="102">
        <v>9</v>
      </c>
      <c r="HJ32" s="102">
        <v>3</v>
      </c>
      <c r="HK32" s="102">
        <v>4</v>
      </c>
      <c r="HL32" s="102">
        <v>4</v>
      </c>
      <c r="HM32" s="103">
        <v>25</v>
      </c>
      <c r="HN32" s="104">
        <v>35</v>
      </c>
      <c r="HO32" s="101">
        <v>4</v>
      </c>
      <c r="HP32" s="102">
        <v>13</v>
      </c>
      <c r="HQ32" s="103">
        <v>17</v>
      </c>
      <c r="HR32" s="413">
        <v>0</v>
      </c>
      <c r="HS32" s="102">
        <v>11</v>
      </c>
      <c r="HT32" s="102">
        <v>13</v>
      </c>
      <c r="HU32" s="102">
        <v>11</v>
      </c>
      <c r="HV32" s="102">
        <v>6</v>
      </c>
      <c r="HW32" s="102">
        <v>5</v>
      </c>
      <c r="HX32" s="103">
        <v>46</v>
      </c>
      <c r="HY32" s="104">
        <v>63</v>
      </c>
      <c r="HZ32" s="101">
        <v>4</v>
      </c>
      <c r="IA32" s="102">
        <v>11</v>
      </c>
      <c r="IB32" s="103">
        <v>15</v>
      </c>
      <c r="IC32" s="413">
        <v>0</v>
      </c>
      <c r="ID32" s="102">
        <v>18</v>
      </c>
      <c r="IE32" s="102">
        <v>20</v>
      </c>
      <c r="IF32" s="102">
        <v>15</v>
      </c>
      <c r="IG32" s="102">
        <v>16</v>
      </c>
      <c r="IH32" s="102">
        <v>9</v>
      </c>
      <c r="II32" s="103">
        <v>78</v>
      </c>
      <c r="IJ32" s="104">
        <v>93</v>
      </c>
      <c r="IK32" s="101">
        <v>23</v>
      </c>
      <c r="IL32" s="102">
        <v>21</v>
      </c>
      <c r="IM32" s="103">
        <v>44</v>
      </c>
      <c r="IN32" s="413">
        <v>0</v>
      </c>
      <c r="IO32" s="102">
        <v>34</v>
      </c>
      <c r="IP32" s="102">
        <v>22</v>
      </c>
      <c r="IQ32" s="102">
        <v>38</v>
      </c>
      <c r="IR32" s="102">
        <v>19</v>
      </c>
      <c r="IS32" s="102">
        <v>12</v>
      </c>
      <c r="IT32" s="103">
        <v>125</v>
      </c>
      <c r="IU32" s="104">
        <v>169</v>
      </c>
      <c r="IV32" s="101">
        <v>17</v>
      </c>
      <c r="IW32" s="102">
        <v>18</v>
      </c>
      <c r="IX32" s="103">
        <v>35</v>
      </c>
      <c r="IY32" s="413">
        <v>0</v>
      </c>
      <c r="IZ32" s="102">
        <v>29</v>
      </c>
      <c r="JA32" s="102">
        <v>41</v>
      </c>
      <c r="JB32" s="102">
        <v>32</v>
      </c>
      <c r="JC32" s="102">
        <v>25</v>
      </c>
      <c r="JD32" s="102">
        <v>16</v>
      </c>
      <c r="JE32" s="103">
        <v>143</v>
      </c>
      <c r="JF32" s="104">
        <v>178</v>
      </c>
      <c r="JG32" s="101">
        <v>9</v>
      </c>
      <c r="JH32" s="102">
        <v>15</v>
      </c>
      <c r="JI32" s="103">
        <v>24</v>
      </c>
      <c r="JJ32" s="413">
        <v>0</v>
      </c>
      <c r="JK32" s="102">
        <v>34</v>
      </c>
      <c r="JL32" s="102">
        <v>40</v>
      </c>
      <c r="JM32" s="102">
        <v>27</v>
      </c>
      <c r="JN32" s="102">
        <v>42</v>
      </c>
      <c r="JO32" s="102">
        <v>22</v>
      </c>
      <c r="JP32" s="103">
        <v>165</v>
      </c>
      <c r="JQ32" s="104">
        <v>189</v>
      </c>
      <c r="JR32" s="101">
        <v>3</v>
      </c>
      <c r="JS32" s="102">
        <v>4</v>
      </c>
      <c r="JT32" s="103">
        <v>7</v>
      </c>
      <c r="JU32" s="413">
        <v>0</v>
      </c>
      <c r="JV32" s="102">
        <v>2</v>
      </c>
      <c r="JW32" s="102">
        <v>2</v>
      </c>
      <c r="JX32" s="102">
        <v>3</v>
      </c>
      <c r="JY32" s="102">
        <v>2</v>
      </c>
      <c r="JZ32" s="102">
        <v>4</v>
      </c>
      <c r="KA32" s="103">
        <v>13</v>
      </c>
      <c r="KB32" s="104">
        <v>20</v>
      </c>
      <c r="KC32" s="101">
        <v>67</v>
      </c>
      <c r="KD32" s="102">
        <v>85</v>
      </c>
      <c r="KE32" s="103">
        <v>152</v>
      </c>
      <c r="KF32" s="413">
        <v>0</v>
      </c>
      <c r="KG32" s="102">
        <v>133</v>
      </c>
      <c r="KH32" s="102">
        <v>147</v>
      </c>
      <c r="KI32" s="102">
        <v>129</v>
      </c>
      <c r="KJ32" s="102">
        <v>114</v>
      </c>
      <c r="KK32" s="102">
        <v>72</v>
      </c>
      <c r="KL32" s="103">
        <v>595</v>
      </c>
      <c r="KM32" s="104">
        <v>747</v>
      </c>
    </row>
    <row r="33" spans="2:299" s="70" customFormat="1" ht="21" customHeight="1" x14ac:dyDescent="0.2">
      <c r="B33" s="106" t="s">
        <v>30</v>
      </c>
      <c r="C33" s="96">
        <v>30</v>
      </c>
      <c r="D33" s="97">
        <v>14</v>
      </c>
      <c r="E33" s="98">
        <v>44</v>
      </c>
      <c r="F33" s="413">
        <v>0</v>
      </c>
      <c r="G33" s="97">
        <v>37</v>
      </c>
      <c r="H33" s="97">
        <v>32</v>
      </c>
      <c r="I33" s="97">
        <v>25</v>
      </c>
      <c r="J33" s="97">
        <v>27</v>
      </c>
      <c r="K33" s="97">
        <v>13</v>
      </c>
      <c r="L33" s="99">
        <v>134</v>
      </c>
      <c r="M33" s="100">
        <v>178</v>
      </c>
      <c r="N33" s="101">
        <v>2</v>
      </c>
      <c r="O33" s="102">
        <v>2</v>
      </c>
      <c r="P33" s="103">
        <v>4</v>
      </c>
      <c r="Q33" s="413">
        <v>0</v>
      </c>
      <c r="R33" s="102">
        <v>1</v>
      </c>
      <c r="S33" s="102">
        <v>1</v>
      </c>
      <c r="T33" s="102">
        <v>1</v>
      </c>
      <c r="U33" s="102">
        <v>3</v>
      </c>
      <c r="V33" s="102">
        <v>2</v>
      </c>
      <c r="W33" s="103">
        <v>8</v>
      </c>
      <c r="X33" s="104">
        <v>12</v>
      </c>
      <c r="Y33" s="101">
        <v>7</v>
      </c>
      <c r="Z33" s="102">
        <v>2</v>
      </c>
      <c r="AA33" s="103">
        <v>9</v>
      </c>
      <c r="AB33" s="413">
        <v>0</v>
      </c>
      <c r="AC33" s="102">
        <v>5</v>
      </c>
      <c r="AD33" s="102">
        <v>7</v>
      </c>
      <c r="AE33" s="102">
        <v>1</v>
      </c>
      <c r="AF33" s="102">
        <v>4</v>
      </c>
      <c r="AG33" s="102">
        <v>0</v>
      </c>
      <c r="AH33" s="103">
        <v>17</v>
      </c>
      <c r="AI33" s="104">
        <v>26</v>
      </c>
      <c r="AJ33" s="101">
        <v>4</v>
      </c>
      <c r="AK33" s="102">
        <v>3</v>
      </c>
      <c r="AL33" s="103">
        <v>7</v>
      </c>
      <c r="AM33" s="413">
        <v>0</v>
      </c>
      <c r="AN33" s="102">
        <v>4</v>
      </c>
      <c r="AO33" s="102">
        <v>6</v>
      </c>
      <c r="AP33" s="102">
        <v>5</v>
      </c>
      <c r="AQ33" s="102">
        <v>6</v>
      </c>
      <c r="AR33" s="102">
        <v>1</v>
      </c>
      <c r="AS33" s="103">
        <v>22</v>
      </c>
      <c r="AT33" s="104">
        <v>29</v>
      </c>
      <c r="AU33" s="101">
        <v>9</v>
      </c>
      <c r="AV33" s="102">
        <v>1</v>
      </c>
      <c r="AW33" s="103">
        <v>10</v>
      </c>
      <c r="AX33" s="413">
        <v>0</v>
      </c>
      <c r="AY33" s="102">
        <v>12</v>
      </c>
      <c r="AZ33" s="102">
        <v>6</v>
      </c>
      <c r="BA33" s="102">
        <v>5</v>
      </c>
      <c r="BB33" s="102">
        <v>5</v>
      </c>
      <c r="BC33" s="102">
        <v>3</v>
      </c>
      <c r="BD33" s="103">
        <v>31</v>
      </c>
      <c r="BE33" s="104">
        <v>41</v>
      </c>
      <c r="BF33" s="101">
        <v>3</v>
      </c>
      <c r="BG33" s="102">
        <v>2</v>
      </c>
      <c r="BH33" s="103">
        <v>5</v>
      </c>
      <c r="BI33" s="413">
        <v>0</v>
      </c>
      <c r="BJ33" s="102">
        <v>9</v>
      </c>
      <c r="BK33" s="102">
        <v>6</v>
      </c>
      <c r="BL33" s="102">
        <v>4</v>
      </c>
      <c r="BM33" s="102">
        <v>4</v>
      </c>
      <c r="BN33" s="102">
        <v>3</v>
      </c>
      <c r="BO33" s="103">
        <v>26</v>
      </c>
      <c r="BP33" s="104">
        <v>31</v>
      </c>
      <c r="BQ33" s="101">
        <v>5</v>
      </c>
      <c r="BR33" s="102">
        <v>4</v>
      </c>
      <c r="BS33" s="103">
        <v>9</v>
      </c>
      <c r="BT33" s="413">
        <v>0</v>
      </c>
      <c r="BU33" s="102">
        <v>6</v>
      </c>
      <c r="BV33" s="102">
        <v>6</v>
      </c>
      <c r="BW33" s="102">
        <v>9</v>
      </c>
      <c r="BX33" s="102">
        <v>5</v>
      </c>
      <c r="BY33" s="102">
        <v>4</v>
      </c>
      <c r="BZ33" s="103">
        <v>30</v>
      </c>
      <c r="CA33" s="104">
        <v>39</v>
      </c>
      <c r="CB33" s="101">
        <v>1</v>
      </c>
      <c r="CC33" s="102">
        <v>1</v>
      </c>
      <c r="CD33" s="103">
        <v>2</v>
      </c>
      <c r="CE33" s="413">
        <v>0</v>
      </c>
      <c r="CF33" s="102">
        <v>1</v>
      </c>
      <c r="CG33" s="102">
        <v>4</v>
      </c>
      <c r="CH33" s="102">
        <v>0</v>
      </c>
      <c r="CI33" s="102">
        <v>0</v>
      </c>
      <c r="CJ33" s="102">
        <v>0</v>
      </c>
      <c r="CK33" s="103">
        <v>5</v>
      </c>
      <c r="CL33" s="104">
        <v>7</v>
      </c>
      <c r="CM33" s="101">
        <v>31</v>
      </c>
      <c r="CN33" s="102">
        <v>15</v>
      </c>
      <c r="CO33" s="103">
        <v>46</v>
      </c>
      <c r="CP33" s="413">
        <v>0</v>
      </c>
      <c r="CQ33" s="102">
        <v>38</v>
      </c>
      <c r="CR33" s="102">
        <v>36</v>
      </c>
      <c r="CS33" s="102">
        <v>25</v>
      </c>
      <c r="CT33" s="102">
        <v>27</v>
      </c>
      <c r="CU33" s="102">
        <v>13</v>
      </c>
      <c r="CV33" s="103">
        <v>139</v>
      </c>
      <c r="CW33" s="104">
        <v>185</v>
      </c>
      <c r="CX33" s="105">
        <v>41</v>
      </c>
      <c r="CY33" s="97">
        <v>30</v>
      </c>
      <c r="CZ33" s="98">
        <v>71</v>
      </c>
      <c r="DA33" s="413">
        <v>0</v>
      </c>
      <c r="DB33" s="97">
        <v>102</v>
      </c>
      <c r="DC33" s="97">
        <v>70</v>
      </c>
      <c r="DD33" s="97">
        <v>65</v>
      </c>
      <c r="DE33" s="97">
        <v>66</v>
      </c>
      <c r="DF33" s="97">
        <v>41</v>
      </c>
      <c r="DG33" s="99">
        <v>344</v>
      </c>
      <c r="DH33" s="100">
        <v>415</v>
      </c>
      <c r="DI33" s="101">
        <v>1</v>
      </c>
      <c r="DJ33" s="102">
        <v>1</v>
      </c>
      <c r="DK33" s="103">
        <v>2</v>
      </c>
      <c r="DL33" s="413">
        <v>0</v>
      </c>
      <c r="DM33" s="102">
        <v>1</v>
      </c>
      <c r="DN33" s="102">
        <v>0</v>
      </c>
      <c r="DO33" s="102">
        <v>0</v>
      </c>
      <c r="DP33" s="102">
        <v>0</v>
      </c>
      <c r="DQ33" s="102">
        <v>1</v>
      </c>
      <c r="DR33" s="103">
        <v>2</v>
      </c>
      <c r="DS33" s="104">
        <v>4</v>
      </c>
      <c r="DT33" s="101">
        <v>4</v>
      </c>
      <c r="DU33" s="102">
        <v>1</v>
      </c>
      <c r="DV33" s="103">
        <v>5</v>
      </c>
      <c r="DW33" s="413">
        <v>0</v>
      </c>
      <c r="DX33" s="102">
        <v>2</v>
      </c>
      <c r="DY33" s="102">
        <v>3</v>
      </c>
      <c r="DZ33" s="102">
        <v>1</v>
      </c>
      <c r="EA33" s="102">
        <v>3</v>
      </c>
      <c r="EB33" s="102">
        <v>2</v>
      </c>
      <c r="EC33" s="103">
        <v>11</v>
      </c>
      <c r="ED33" s="104">
        <v>16</v>
      </c>
      <c r="EE33" s="101">
        <v>8</v>
      </c>
      <c r="EF33" s="102">
        <v>3</v>
      </c>
      <c r="EG33" s="103">
        <v>11</v>
      </c>
      <c r="EH33" s="413">
        <v>0</v>
      </c>
      <c r="EI33" s="102">
        <v>7</v>
      </c>
      <c r="EJ33" s="102">
        <v>9</v>
      </c>
      <c r="EK33" s="102">
        <v>10</v>
      </c>
      <c r="EL33" s="102">
        <v>2</v>
      </c>
      <c r="EM33" s="102">
        <v>2</v>
      </c>
      <c r="EN33" s="103">
        <v>30</v>
      </c>
      <c r="EO33" s="104">
        <v>41</v>
      </c>
      <c r="EP33" s="101">
        <v>13</v>
      </c>
      <c r="EQ33" s="102">
        <v>9</v>
      </c>
      <c r="ER33" s="103">
        <v>22</v>
      </c>
      <c r="ES33" s="413">
        <v>0</v>
      </c>
      <c r="ET33" s="102">
        <v>28</v>
      </c>
      <c r="EU33" s="102">
        <v>15</v>
      </c>
      <c r="EV33" s="102">
        <v>11</v>
      </c>
      <c r="EW33" s="102">
        <v>8</v>
      </c>
      <c r="EX33" s="102">
        <v>8</v>
      </c>
      <c r="EY33" s="103">
        <v>70</v>
      </c>
      <c r="EZ33" s="104">
        <v>92</v>
      </c>
      <c r="FA33" s="101">
        <v>10</v>
      </c>
      <c r="FB33" s="102">
        <v>10</v>
      </c>
      <c r="FC33" s="103">
        <v>20</v>
      </c>
      <c r="FD33" s="413">
        <v>0</v>
      </c>
      <c r="FE33" s="102">
        <v>26</v>
      </c>
      <c r="FF33" s="102">
        <v>17</v>
      </c>
      <c r="FG33" s="102">
        <v>9</v>
      </c>
      <c r="FH33" s="102">
        <v>13</v>
      </c>
      <c r="FI33" s="102">
        <v>9</v>
      </c>
      <c r="FJ33" s="103">
        <v>74</v>
      </c>
      <c r="FK33" s="104">
        <v>94</v>
      </c>
      <c r="FL33" s="101">
        <v>5</v>
      </c>
      <c r="FM33" s="102">
        <v>6</v>
      </c>
      <c r="FN33" s="103">
        <v>11</v>
      </c>
      <c r="FO33" s="413">
        <v>0</v>
      </c>
      <c r="FP33" s="102">
        <v>38</v>
      </c>
      <c r="FQ33" s="102">
        <v>26</v>
      </c>
      <c r="FR33" s="102">
        <v>34</v>
      </c>
      <c r="FS33" s="102">
        <v>40</v>
      </c>
      <c r="FT33" s="102">
        <v>19</v>
      </c>
      <c r="FU33" s="103">
        <v>157</v>
      </c>
      <c r="FV33" s="104">
        <v>168</v>
      </c>
      <c r="FW33" s="101">
        <v>0</v>
      </c>
      <c r="FX33" s="102">
        <v>0</v>
      </c>
      <c r="FY33" s="103">
        <v>0</v>
      </c>
      <c r="FZ33" s="413">
        <v>0</v>
      </c>
      <c r="GA33" s="102">
        <v>1</v>
      </c>
      <c r="GB33" s="102">
        <v>0</v>
      </c>
      <c r="GC33" s="102">
        <v>2</v>
      </c>
      <c r="GD33" s="102">
        <v>1</v>
      </c>
      <c r="GE33" s="102">
        <v>2</v>
      </c>
      <c r="GF33" s="103">
        <v>6</v>
      </c>
      <c r="GG33" s="104">
        <v>6</v>
      </c>
      <c r="GH33" s="101">
        <v>41</v>
      </c>
      <c r="GI33" s="102">
        <v>30</v>
      </c>
      <c r="GJ33" s="103">
        <v>71</v>
      </c>
      <c r="GK33" s="413">
        <v>0</v>
      </c>
      <c r="GL33" s="102">
        <v>103</v>
      </c>
      <c r="GM33" s="102">
        <v>70</v>
      </c>
      <c r="GN33" s="102">
        <v>67</v>
      </c>
      <c r="GO33" s="102">
        <v>67</v>
      </c>
      <c r="GP33" s="102">
        <v>43</v>
      </c>
      <c r="GQ33" s="103">
        <v>350</v>
      </c>
      <c r="GR33" s="104">
        <v>421</v>
      </c>
      <c r="GS33" s="105">
        <v>71</v>
      </c>
      <c r="GT33" s="97">
        <v>44</v>
      </c>
      <c r="GU33" s="98">
        <v>115</v>
      </c>
      <c r="GV33" s="413">
        <v>0</v>
      </c>
      <c r="GW33" s="97">
        <v>139</v>
      </c>
      <c r="GX33" s="97">
        <v>102</v>
      </c>
      <c r="GY33" s="97">
        <v>90</v>
      </c>
      <c r="GZ33" s="97">
        <v>93</v>
      </c>
      <c r="HA33" s="97">
        <v>54</v>
      </c>
      <c r="HB33" s="99">
        <v>478</v>
      </c>
      <c r="HC33" s="100">
        <v>593</v>
      </c>
      <c r="HD33" s="101">
        <v>3</v>
      </c>
      <c r="HE33" s="102">
        <v>3</v>
      </c>
      <c r="HF33" s="103">
        <v>6</v>
      </c>
      <c r="HG33" s="416">
        <v>0</v>
      </c>
      <c r="HH33" s="102">
        <v>2</v>
      </c>
      <c r="HI33" s="102">
        <v>1</v>
      </c>
      <c r="HJ33" s="102">
        <v>1</v>
      </c>
      <c r="HK33" s="102">
        <v>3</v>
      </c>
      <c r="HL33" s="102">
        <v>3</v>
      </c>
      <c r="HM33" s="103">
        <v>10</v>
      </c>
      <c r="HN33" s="104">
        <v>16</v>
      </c>
      <c r="HO33" s="101">
        <v>11</v>
      </c>
      <c r="HP33" s="102">
        <v>3</v>
      </c>
      <c r="HQ33" s="103">
        <v>14</v>
      </c>
      <c r="HR33" s="413">
        <v>0</v>
      </c>
      <c r="HS33" s="102">
        <v>7</v>
      </c>
      <c r="HT33" s="102">
        <v>10</v>
      </c>
      <c r="HU33" s="102">
        <v>2</v>
      </c>
      <c r="HV33" s="102">
        <v>7</v>
      </c>
      <c r="HW33" s="102">
        <v>2</v>
      </c>
      <c r="HX33" s="103">
        <v>28</v>
      </c>
      <c r="HY33" s="104">
        <v>42</v>
      </c>
      <c r="HZ33" s="101">
        <v>12</v>
      </c>
      <c r="IA33" s="102">
        <v>6</v>
      </c>
      <c r="IB33" s="103">
        <v>18</v>
      </c>
      <c r="IC33" s="413">
        <v>0</v>
      </c>
      <c r="ID33" s="102">
        <v>11</v>
      </c>
      <c r="IE33" s="102">
        <v>15</v>
      </c>
      <c r="IF33" s="102">
        <v>15</v>
      </c>
      <c r="IG33" s="102">
        <v>8</v>
      </c>
      <c r="IH33" s="102">
        <v>3</v>
      </c>
      <c r="II33" s="103">
        <v>52</v>
      </c>
      <c r="IJ33" s="104">
        <v>70</v>
      </c>
      <c r="IK33" s="101">
        <v>22</v>
      </c>
      <c r="IL33" s="102">
        <v>10</v>
      </c>
      <c r="IM33" s="103">
        <v>32</v>
      </c>
      <c r="IN33" s="413">
        <v>0</v>
      </c>
      <c r="IO33" s="102">
        <v>40</v>
      </c>
      <c r="IP33" s="102">
        <v>21</v>
      </c>
      <c r="IQ33" s="102">
        <v>16</v>
      </c>
      <c r="IR33" s="102">
        <v>13</v>
      </c>
      <c r="IS33" s="102">
        <v>11</v>
      </c>
      <c r="IT33" s="103">
        <v>101</v>
      </c>
      <c r="IU33" s="104">
        <v>133</v>
      </c>
      <c r="IV33" s="101">
        <v>13</v>
      </c>
      <c r="IW33" s="102">
        <v>12</v>
      </c>
      <c r="IX33" s="103">
        <v>25</v>
      </c>
      <c r="IY33" s="413">
        <v>0</v>
      </c>
      <c r="IZ33" s="102">
        <v>35</v>
      </c>
      <c r="JA33" s="102">
        <v>23</v>
      </c>
      <c r="JB33" s="102">
        <v>13</v>
      </c>
      <c r="JC33" s="102">
        <v>17</v>
      </c>
      <c r="JD33" s="102">
        <v>12</v>
      </c>
      <c r="JE33" s="103">
        <v>100</v>
      </c>
      <c r="JF33" s="104">
        <v>125</v>
      </c>
      <c r="JG33" s="101">
        <v>10</v>
      </c>
      <c r="JH33" s="102">
        <v>10</v>
      </c>
      <c r="JI33" s="103">
        <v>20</v>
      </c>
      <c r="JJ33" s="413">
        <v>0</v>
      </c>
      <c r="JK33" s="102">
        <v>44</v>
      </c>
      <c r="JL33" s="102">
        <v>32</v>
      </c>
      <c r="JM33" s="102">
        <v>43</v>
      </c>
      <c r="JN33" s="102">
        <v>45</v>
      </c>
      <c r="JO33" s="102">
        <v>23</v>
      </c>
      <c r="JP33" s="103">
        <v>187</v>
      </c>
      <c r="JQ33" s="104">
        <v>207</v>
      </c>
      <c r="JR33" s="101">
        <v>1</v>
      </c>
      <c r="JS33" s="102">
        <v>1</v>
      </c>
      <c r="JT33" s="103">
        <v>2</v>
      </c>
      <c r="JU33" s="413">
        <v>0</v>
      </c>
      <c r="JV33" s="102">
        <v>2</v>
      </c>
      <c r="JW33" s="102">
        <v>4</v>
      </c>
      <c r="JX33" s="102">
        <v>2</v>
      </c>
      <c r="JY33" s="102">
        <v>1</v>
      </c>
      <c r="JZ33" s="102">
        <v>2</v>
      </c>
      <c r="KA33" s="103">
        <v>11</v>
      </c>
      <c r="KB33" s="104">
        <v>13</v>
      </c>
      <c r="KC33" s="101">
        <v>72</v>
      </c>
      <c r="KD33" s="102">
        <v>45</v>
      </c>
      <c r="KE33" s="103">
        <v>117</v>
      </c>
      <c r="KF33" s="413">
        <v>0</v>
      </c>
      <c r="KG33" s="102">
        <v>141</v>
      </c>
      <c r="KH33" s="102">
        <v>106</v>
      </c>
      <c r="KI33" s="102">
        <v>92</v>
      </c>
      <c r="KJ33" s="102">
        <v>94</v>
      </c>
      <c r="KK33" s="102">
        <v>56</v>
      </c>
      <c r="KL33" s="103">
        <v>489</v>
      </c>
      <c r="KM33" s="104">
        <v>606</v>
      </c>
    </row>
    <row r="34" spans="2:299" s="70" customFormat="1" ht="21" customHeight="1" x14ac:dyDescent="0.2">
      <c r="B34" s="106" t="s">
        <v>31</v>
      </c>
      <c r="C34" s="96">
        <v>28</v>
      </c>
      <c r="D34" s="97">
        <v>31</v>
      </c>
      <c r="E34" s="98">
        <v>59</v>
      </c>
      <c r="F34" s="413">
        <v>0</v>
      </c>
      <c r="G34" s="97">
        <v>54</v>
      </c>
      <c r="H34" s="97">
        <v>49</v>
      </c>
      <c r="I34" s="97">
        <v>46</v>
      </c>
      <c r="J34" s="97">
        <v>38</v>
      </c>
      <c r="K34" s="97">
        <v>14</v>
      </c>
      <c r="L34" s="99">
        <v>201</v>
      </c>
      <c r="M34" s="100">
        <v>260</v>
      </c>
      <c r="N34" s="101">
        <v>3</v>
      </c>
      <c r="O34" s="102">
        <v>2</v>
      </c>
      <c r="P34" s="103">
        <v>5</v>
      </c>
      <c r="Q34" s="413">
        <v>0</v>
      </c>
      <c r="R34" s="102">
        <v>0</v>
      </c>
      <c r="S34" s="102">
        <v>3</v>
      </c>
      <c r="T34" s="102">
        <v>4</v>
      </c>
      <c r="U34" s="102">
        <v>2</v>
      </c>
      <c r="V34" s="102">
        <v>0</v>
      </c>
      <c r="W34" s="103">
        <v>9</v>
      </c>
      <c r="X34" s="104">
        <v>14</v>
      </c>
      <c r="Y34" s="101">
        <v>2</v>
      </c>
      <c r="Z34" s="102">
        <v>4</v>
      </c>
      <c r="AA34" s="103">
        <v>6</v>
      </c>
      <c r="AB34" s="413">
        <v>0</v>
      </c>
      <c r="AC34" s="102">
        <v>6</v>
      </c>
      <c r="AD34" s="102">
        <v>7</v>
      </c>
      <c r="AE34" s="102">
        <v>6</v>
      </c>
      <c r="AF34" s="102">
        <v>4</v>
      </c>
      <c r="AG34" s="102">
        <v>3</v>
      </c>
      <c r="AH34" s="103">
        <v>26</v>
      </c>
      <c r="AI34" s="104">
        <v>32</v>
      </c>
      <c r="AJ34" s="101">
        <v>5</v>
      </c>
      <c r="AK34" s="102">
        <v>6</v>
      </c>
      <c r="AL34" s="103">
        <v>11</v>
      </c>
      <c r="AM34" s="413">
        <v>0</v>
      </c>
      <c r="AN34" s="102">
        <v>10</v>
      </c>
      <c r="AO34" s="102">
        <v>10</v>
      </c>
      <c r="AP34" s="102">
        <v>5</v>
      </c>
      <c r="AQ34" s="102">
        <v>6</v>
      </c>
      <c r="AR34" s="102">
        <v>6</v>
      </c>
      <c r="AS34" s="103">
        <v>37</v>
      </c>
      <c r="AT34" s="104">
        <v>48</v>
      </c>
      <c r="AU34" s="101">
        <v>6</v>
      </c>
      <c r="AV34" s="102">
        <v>7</v>
      </c>
      <c r="AW34" s="103">
        <v>13</v>
      </c>
      <c r="AX34" s="413">
        <v>0</v>
      </c>
      <c r="AY34" s="102">
        <v>17</v>
      </c>
      <c r="AZ34" s="102">
        <v>10</v>
      </c>
      <c r="BA34" s="102">
        <v>6</v>
      </c>
      <c r="BB34" s="102">
        <v>5</v>
      </c>
      <c r="BC34" s="102">
        <v>0</v>
      </c>
      <c r="BD34" s="103">
        <v>38</v>
      </c>
      <c r="BE34" s="104">
        <v>51</v>
      </c>
      <c r="BF34" s="101">
        <v>6</v>
      </c>
      <c r="BG34" s="102">
        <v>9</v>
      </c>
      <c r="BH34" s="103">
        <v>15</v>
      </c>
      <c r="BI34" s="413">
        <v>0</v>
      </c>
      <c r="BJ34" s="102">
        <v>13</v>
      </c>
      <c r="BK34" s="102">
        <v>13</v>
      </c>
      <c r="BL34" s="102">
        <v>11</v>
      </c>
      <c r="BM34" s="102">
        <v>9</v>
      </c>
      <c r="BN34" s="102">
        <v>2</v>
      </c>
      <c r="BO34" s="103">
        <v>48</v>
      </c>
      <c r="BP34" s="104">
        <v>63</v>
      </c>
      <c r="BQ34" s="101">
        <v>6</v>
      </c>
      <c r="BR34" s="102">
        <v>3</v>
      </c>
      <c r="BS34" s="103">
        <v>9</v>
      </c>
      <c r="BT34" s="413">
        <v>0</v>
      </c>
      <c r="BU34" s="102">
        <v>8</v>
      </c>
      <c r="BV34" s="102">
        <v>6</v>
      </c>
      <c r="BW34" s="102">
        <v>14</v>
      </c>
      <c r="BX34" s="102">
        <v>12</v>
      </c>
      <c r="BY34" s="102">
        <v>3</v>
      </c>
      <c r="BZ34" s="103">
        <v>43</v>
      </c>
      <c r="CA34" s="104">
        <v>52</v>
      </c>
      <c r="CB34" s="101">
        <v>0</v>
      </c>
      <c r="CC34" s="102">
        <v>3</v>
      </c>
      <c r="CD34" s="103">
        <v>3</v>
      </c>
      <c r="CE34" s="413">
        <v>0</v>
      </c>
      <c r="CF34" s="102">
        <v>1</v>
      </c>
      <c r="CG34" s="102">
        <v>0</v>
      </c>
      <c r="CH34" s="102">
        <v>1</v>
      </c>
      <c r="CI34" s="102">
        <v>1</v>
      </c>
      <c r="CJ34" s="102">
        <v>1</v>
      </c>
      <c r="CK34" s="103">
        <v>4</v>
      </c>
      <c r="CL34" s="104">
        <v>7</v>
      </c>
      <c r="CM34" s="101">
        <v>28</v>
      </c>
      <c r="CN34" s="102">
        <v>34</v>
      </c>
      <c r="CO34" s="103">
        <v>62</v>
      </c>
      <c r="CP34" s="413">
        <v>0</v>
      </c>
      <c r="CQ34" s="102">
        <v>55</v>
      </c>
      <c r="CR34" s="102">
        <v>49</v>
      </c>
      <c r="CS34" s="102">
        <v>47</v>
      </c>
      <c r="CT34" s="102">
        <v>39</v>
      </c>
      <c r="CU34" s="102">
        <v>15</v>
      </c>
      <c r="CV34" s="103">
        <v>205</v>
      </c>
      <c r="CW34" s="104">
        <v>267</v>
      </c>
      <c r="CX34" s="105">
        <v>51</v>
      </c>
      <c r="CY34" s="97">
        <v>95</v>
      </c>
      <c r="CZ34" s="98">
        <v>146</v>
      </c>
      <c r="DA34" s="413">
        <v>0</v>
      </c>
      <c r="DB34" s="97">
        <v>111</v>
      </c>
      <c r="DC34" s="97">
        <v>82</v>
      </c>
      <c r="DD34" s="97">
        <v>82</v>
      </c>
      <c r="DE34" s="97">
        <v>60</v>
      </c>
      <c r="DF34" s="97">
        <v>36</v>
      </c>
      <c r="DG34" s="99">
        <v>371</v>
      </c>
      <c r="DH34" s="100">
        <v>517</v>
      </c>
      <c r="DI34" s="101">
        <v>1</v>
      </c>
      <c r="DJ34" s="102">
        <v>0</v>
      </c>
      <c r="DK34" s="103">
        <v>1</v>
      </c>
      <c r="DL34" s="413">
        <v>0</v>
      </c>
      <c r="DM34" s="102">
        <v>2</v>
      </c>
      <c r="DN34" s="102">
        <v>3</v>
      </c>
      <c r="DO34" s="102">
        <v>2</v>
      </c>
      <c r="DP34" s="102">
        <v>1</v>
      </c>
      <c r="DQ34" s="102">
        <v>2</v>
      </c>
      <c r="DR34" s="103">
        <v>10</v>
      </c>
      <c r="DS34" s="104">
        <v>11</v>
      </c>
      <c r="DT34" s="101">
        <v>2</v>
      </c>
      <c r="DU34" s="102">
        <v>4</v>
      </c>
      <c r="DV34" s="103">
        <v>6</v>
      </c>
      <c r="DW34" s="413">
        <v>0</v>
      </c>
      <c r="DX34" s="102">
        <v>8</v>
      </c>
      <c r="DY34" s="102">
        <v>4</v>
      </c>
      <c r="DZ34" s="102">
        <v>7</v>
      </c>
      <c r="EA34" s="102">
        <v>1</v>
      </c>
      <c r="EB34" s="102">
        <v>4</v>
      </c>
      <c r="EC34" s="103">
        <v>24</v>
      </c>
      <c r="ED34" s="104">
        <v>30</v>
      </c>
      <c r="EE34" s="101">
        <v>4</v>
      </c>
      <c r="EF34" s="102">
        <v>12</v>
      </c>
      <c r="EG34" s="103">
        <v>16</v>
      </c>
      <c r="EH34" s="413">
        <v>0</v>
      </c>
      <c r="EI34" s="102">
        <v>18</v>
      </c>
      <c r="EJ34" s="102">
        <v>8</v>
      </c>
      <c r="EK34" s="102">
        <v>3</v>
      </c>
      <c r="EL34" s="102">
        <v>5</v>
      </c>
      <c r="EM34" s="102">
        <v>3</v>
      </c>
      <c r="EN34" s="103">
        <v>37</v>
      </c>
      <c r="EO34" s="104">
        <v>53</v>
      </c>
      <c r="EP34" s="101">
        <v>16</v>
      </c>
      <c r="EQ34" s="102">
        <v>31</v>
      </c>
      <c r="ER34" s="103">
        <v>47</v>
      </c>
      <c r="ES34" s="413">
        <v>0</v>
      </c>
      <c r="ET34" s="102">
        <v>17</v>
      </c>
      <c r="EU34" s="102">
        <v>13</v>
      </c>
      <c r="EV34" s="102">
        <v>15</v>
      </c>
      <c r="EW34" s="102">
        <v>5</v>
      </c>
      <c r="EX34" s="102">
        <v>3</v>
      </c>
      <c r="EY34" s="103">
        <v>53</v>
      </c>
      <c r="EZ34" s="104">
        <v>100</v>
      </c>
      <c r="FA34" s="101">
        <v>18</v>
      </c>
      <c r="FB34" s="102">
        <v>25</v>
      </c>
      <c r="FC34" s="103">
        <v>43</v>
      </c>
      <c r="FD34" s="413">
        <v>0</v>
      </c>
      <c r="FE34" s="102">
        <v>28</v>
      </c>
      <c r="FF34" s="102">
        <v>23</v>
      </c>
      <c r="FG34" s="102">
        <v>22</v>
      </c>
      <c r="FH34" s="102">
        <v>11</v>
      </c>
      <c r="FI34" s="102">
        <v>10</v>
      </c>
      <c r="FJ34" s="103">
        <v>94</v>
      </c>
      <c r="FK34" s="104">
        <v>137</v>
      </c>
      <c r="FL34" s="101">
        <v>10</v>
      </c>
      <c r="FM34" s="102">
        <v>23</v>
      </c>
      <c r="FN34" s="103">
        <v>33</v>
      </c>
      <c r="FO34" s="413">
        <v>0</v>
      </c>
      <c r="FP34" s="102">
        <v>38</v>
      </c>
      <c r="FQ34" s="102">
        <v>31</v>
      </c>
      <c r="FR34" s="102">
        <v>33</v>
      </c>
      <c r="FS34" s="102">
        <v>37</v>
      </c>
      <c r="FT34" s="102">
        <v>14</v>
      </c>
      <c r="FU34" s="103">
        <v>153</v>
      </c>
      <c r="FV34" s="104">
        <v>186</v>
      </c>
      <c r="FW34" s="101">
        <v>0</v>
      </c>
      <c r="FX34" s="102">
        <v>0</v>
      </c>
      <c r="FY34" s="103">
        <v>0</v>
      </c>
      <c r="FZ34" s="413">
        <v>0</v>
      </c>
      <c r="GA34" s="102">
        <v>1</v>
      </c>
      <c r="GB34" s="102">
        <v>0</v>
      </c>
      <c r="GC34" s="102">
        <v>0</v>
      </c>
      <c r="GD34" s="102">
        <v>1</v>
      </c>
      <c r="GE34" s="102">
        <v>2</v>
      </c>
      <c r="GF34" s="103">
        <v>4</v>
      </c>
      <c r="GG34" s="104">
        <v>4</v>
      </c>
      <c r="GH34" s="101">
        <v>51</v>
      </c>
      <c r="GI34" s="102">
        <v>95</v>
      </c>
      <c r="GJ34" s="103">
        <v>146</v>
      </c>
      <c r="GK34" s="413">
        <v>0</v>
      </c>
      <c r="GL34" s="102">
        <v>112</v>
      </c>
      <c r="GM34" s="102">
        <v>82</v>
      </c>
      <c r="GN34" s="102">
        <v>82</v>
      </c>
      <c r="GO34" s="102">
        <v>61</v>
      </c>
      <c r="GP34" s="102">
        <v>38</v>
      </c>
      <c r="GQ34" s="103">
        <v>375</v>
      </c>
      <c r="GR34" s="104">
        <v>521</v>
      </c>
      <c r="GS34" s="105">
        <v>79</v>
      </c>
      <c r="GT34" s="97">
        <v>126</v>
      </c>
      <c r="GU34" s="98">
        <v>205</v>
      </c>
      <c r="GV34" s="413">
        <v>0</v>
      </c>
      <c r="GW34" s="97">
        <v>165</v>
      </c>
      <c r="GX34" s="97">
        <v>131</v>
      </c>
      <c r="GY34" s="97">
        <v>128</v>
      </c>
      <c r="GZ34" s="97">
        <v>98</v>
      </c>
      <c r="HA34" s="97">
        <v>50</v>
      </c>
      <c r="HB34" s="99">
        <v>572</v>
      </c>
      <c r="HC34" s="100">
        <v>777</v>
      </c>
      <c r="HD34" s="101">
        <v>4</v>
      </c>
      <c r="HE34" s="102">
        <v>2</v>
      </c>
      <c r="HF34" s="103">
        <v>6</v>
      </c>
      <c r="HG34" s="416">
        <v>0</v>
      </c>
      <c r="HH34" s="102">
        <v>2</v>
      </c>
      <c r="HI34" s="102">
        <v>6</v>
      </c>
      <c r="HJ34" s="102">
        <v>6</v>
      </c>
      <c r="HK34" s="102">
        <v>3</v>
      </c>
      <c r="HL34" s="102">
        <v>2</v>
      </c>
      <c r="HM34" s="103">
        <v>19</v>
      </c>
      <c r="HN34" s="104">
        <v>25</v>
      </c>
      <c r="HO34" s="101">
        <v>4</v>
      </c>
      <c r="HP34" s="102">
        <v>8</v>
      </c>
      <c r="HQ34" s="103">
        <v>12</v>
      </c>
      <c r="HR34" s="413">
        <v>0</v>
      </c>
      <c r="HS34" s="102">
        <v>14</v>
      </c>
      <c r="HT34" s="102">
        <v>11</v>
      </c>
      <c r="HU34" s="102">
        <v>13</v>
      </c>
      <c r="HV34" s="102">
        <v>5</v>
      </c>
      <c r="HW34" s="102">
        <v>7</v>
      </c>
      <c r="HX34" s="103">
        <v>50</v>
      </c>
      <c r="HY34" s="104">
        <v>62</v>
      </c>
      <c r="HZ34" s="101">
        <v>9</v>
      </c>
      <c r="IA34" s="102">
        <v>18</v>
      </c>
      <c r="IB34" s="103">
        <v>27</v>
      </c>
      <c r="IC34" s="413">
        <v>0</v>
      </c>
      <c r="ID34" s="102">
        <v>28</v>
      </c>
      <c r="IE34" s="102">
        <v>18</v>
      </c>
      <c r="IF34" s="102">
        <v>8</v>
      </c>
      <c r="IG34" s="102">
        <v>11</v>
      </c>
      <c r="IH34" s="102">
        <v>9</v>
      </c>
      <c r="II34" s="103">
        <v>74</v>
      </c>
      <c r="IJ34" s="104">
        <v>101</v>
      </c>
      <c r="IK34" s="101">
        <v>22</v>
      </c>
      <c r="IL34" s="102">
        <v>38</v>
      </c>
      <c r="IM34" s="103">
        <v>60</v>
      </c>
      <c r="IN34" s="413">
        <v>0</v>
      </c>
      <c r="IO34" s="102">
        <v>34</v>
      </c>
      <c r="IP34" s="102">
        <v>23</v>
      </c>
      <c r="IQ34" s="102">
        <v>21</v>
      </c>
      <c r="IR34" s="102">
        <v>10</v>
      </c>
      <c r="IS34" s="102">
        <v>3</v>
      </c>
      <c r="IT34" s="103">
        <v>91</v>
      </c>
      <c r="IU34" s="104">
        <v>151</v>
      </c>
      <c r="IV34" s="101">
        <v>24</v>
      </c>
      <c r="IW34" s="102">
        <v>34</v>
      </c>
      <c r="IX34" s="103">
        <v>58</v>
      </c>
      <c r="IY34" s="413">
        <v>0</v>
      </c>
      <c r="IZ34" s="102">
        <v>41</v>
      </c>
      <c r="JA34" s="102">
        <v>36</v>
      </c>
      <c r="JB34" s="102">
        <v>33</v>
      </c>
      <c r="JC34" s="102">
        <v>20</v>
      </c>
      <c r="JD34" s="102">
        <v>12</v>
      </c>
      <c r="JE34" s="103">
        <v>142</v>
      </c>
      <c r="JF34" s="104">
        <v>200</v>
      </c>
      <c r="JG34" s="101">
        <v>16</v>
      </c>
      <c r="JH34" s="102">
        <v>26</v>
      </c>
      <c r="JI34" s="103">
        <v>42</v>
      </c>
      <c r="JJ34" s="413">
        <v>0</v>
      </c>
      <c r="JK34" s="102">
        <v>46</v>
      </c>
      <c r="JL34" s="102">
        <v>37</v>
      </c>
      <c r="JM34" s="102">
        <v>47</v>
      </c>
      <c r="JN34" s="102">
        <v>49</v>
      </c>
      <c r="JO34" s="102">
        <v>17</v>
      </c>
      <c r="JP34" s="103">
        <v>196</v>
      </c>
      <c r="JQ34" s="104">
        <v>238</v>
      </c>
      <c r="JR34" s="101">
        <v>0</v>
      </c>
      <c r="JS34" s="102">
        <v>3</v>
      </c>
      <c r="JT34" s="103">
        <v>3</v>
      </c>
      <c r="JU34" s="413">
        <v>0</v>
      </c>
      <c r="JV34" s="102">
        <v>2</v>
      </c>
      <c r="JW34" s="102">
        <v>0</v>
      </c>
      <c r="JX34" s="102">
        <v>1</v>
      </c>
      <c r="JY34" s="102">
        <v>2</v>
      </c>
      <c r="JZ34" s="102">
        <v>3</v>
      </c>
      <c r="KA34" s="103">
        <v>8</v>
      </c>
      <c r="KB34" s="104">
        <v>11</v>
      </c>
      <c r="KC34" s="101">
        <v>79</v>
      </c>
      <c r="KD34" s="102">
        <v>129</v>
      </c>
      <c r="KE34" s="103">
        <v>208</v>
      </c>
      <c r="KF34" s="413">
        <v>0</v>
      </c>
      <c r="KG34" s="102">
        <v>167</v>
      </c>
      <c r="KH34" s="102">
        <v>131</v>
      </c>
      <c r="KI34" s="102">
        <v>129</v>
      </c>
      <c r="KJ34" s="102">
        <v>100</v>
      </c>
      <c r="KK34" s="102">
        <v>53</v>
      </c>
      <c r="KL34" s="103">
        <v>580</v>
      </c>
      <c r="KM34" s="104">
        <v>788</v>
      </c>
    </row>
    <row r="35" spans="2:299" s="70" customFormat="1" ht="21" customHeight="1" x14ac:dyDescent="0.2">
      <c r="B35" s="106" t="s">
        <v>32</v>
      </c>
      <c r="C35" s="96">
        <v>39</v>
      </c>
      <c r="D35" s="97">
        <v>32</v>
      </c>
      <c r="E35" s="98">
        <v>71</v>
      </c>
      <c r="F35" s="413">
        <v>0</v>
      </c>
      <c r="G35" s="97">
        <v>76</v>
      </c>
      <c r="H35" s="97">
        <v>55</v>
      </c>
      <c r="I35" s="97">
        <v>30</v>
      </c>
      <c r="J35" s="97">
        <v>38</v>
      </c>
      <c r="K35" s="97">
        <v>25</v>
      </c>
      <c r="L35" s="99">
        <v>224</v>
      </c>
      <c r="M35" s="100">
        <v>295</v>
      </c>
      <c r="N35" s="101">
        <v>5</v>
      </c>
      <c r="O35" s="102">
        <v>1</v>
      </c>
      <c r="P35" s="103">
        <v>6</v>
      </c>
      <c r="Q35" s="413">
        <v>0</v>
      </c>
      <c r="R35" s="102">
        <v>3</v>
      </c>
      <c r="S35" s="102">
        <v>4</v>
      </c>
      <c r="T35" s="102">
        <v>3</v>
      </c>
      <c r="U35" s="102">
        <v>1</v>
      </c>
      <c r="V35" s="102">
        <v>0</v>
      </c>
      <c r="W35" s="103">
        <v>11</v>
      </c>
      <c r="X35" s="104">
        <v>17</v>
      </c>
      <c r="Y35" s="101">
        <v>5</v>
      </c>
      <c r="Z35" s="102">
        <v>1</v>
      </c>
      <c r="AA35" s="103">
        <v>6</v>
      </c>
      <c r="AB35" s="413">
        <v>0</v>
      </c>
      <c r="AC35" s="102">
        <v>7</v>
      </c>
      <c r="AD35" s="102">
        <v>2</v>
      </c>
      <c r="AE35" s="102">
        <v>2</v>
      </c>
      <c r="AF35" s="102">
        <v>7</v>
      </c>
      <c r="AG35" s="102">
        <v>2</v>
      </c>
      <c r="AH35" s="103">
        <v>20</v>
      </c>
      <c r="AI35" s="104">
        <v>26</v>
      </c>
      <c r="AJ35" s="101">
        <v>5</v>
      </c>
      <c r="AK35" s="102">
        <v>2</v>
      </c>
      <c r="AL35" s="103">
        <v>7</v>
      </c>
      <c r="AM35" s="413">
        <v>0</v>
      </c>
      <c r="AN35" s="102">
        <v>13</v>
      </c>
      <c r="AO35" s="102">
        <v>8</v>
      </c>
      <c r="AP35" s="102">
        <v>5</v>
      </c>
      <c r="AQ35" s="102">
        <v>2</v>
      </c>
      <c r="AR35" s="102">
        <v>5</v>
      </c>
      <c r="AS35" s="103">
        <v>33</v>
      </c>
      <c r="AT35" s="104">
        <v>40</v>
      </c>
      <c r="AU35" s="101">
        <v>13</v>
      </c>
      <c r="AV35" s="102">
        <v>12</v>
      </c>
      <c r="AW35" s="103">
        <v>25</v>
      </c>
      <c r="AX35" s="413">
        <v>0</v>
      </c>
      <c r="AY35" s="102">
        <v>21</v>
      </c>
      <c r="AZ35" s="102">
        <v>14</v>
      </c>
      <c r="BA35" s="102">
        <v>6</v>
      </c>
      <c r="BB35" s="102">
        <v>7</v>
      </c>
      <c r="BC35" s="102">
        <v>7</v>
      </c>
      <c r="BD35" s="103">
        <v>55</v>
      </c>
      <c r="BE35" s="104">
        <v>80</v>
      </c>
      <c r="BF35" s="101">
        <v>2</v>
      </c>
      <c r="BG35" s="102">
        <v>12</v>
      </c>
      <c r="BH35" s="103">
        <v>14</v>
      </c>
      <c r="BI35" s="413">
        <v>0</v>
      </c>
      <c r="BJ35" s="102">
        <v>18</v>
      </c>
      <c r="BK35" s="102">
        <v>14</v>
      </c>
      <c r="BL35" s="102">
        <v>11</v>
      </c>
      <c r="BM35" s="102">
        <v>13</v>
      </c>
      <c r="BN35" s="102">
        <v>6</v>
      </c>
      <c r="BO35" s="103">
        <v>62</v>
      </c>
      <c r="BP35" s="104">
        <v>76</v>
      </c>
      <c r="BQ35" s="101">
        <v>9</v>
      </c>
      <c r="BR35" s="102">
        <v>4</v>
      </c>
      <c r="BS35" s="103">
        <v>13</v>
      </c>
      <c r="BT35" s="413">
        <v>0</v>
      </c>
      <c r="BU35" s="102">
        <v>14</v>
      </c>
      <c r="BV35" s="102">
        <v>13</v>
      </c>
      <c r="BW35" s="102">
        <v>3</v>
      </c>
      <c r="BX35" s="102">
        <v>8</v>
      </c>
      <c r="BY35" s="102">
        <v>5</v>
      </c>
      <c r="BZ35" s="103">
        <v>43</v>
      </c>
      <c r="CA35" s="104">
        <v>56</v>
      </c>
      <c r="CB35" s="101">
        <v>0</v>
      </c>
      <c r="CC35" s="102">
        <v>3</v>
      </c>
      <c r="CD35" s="103">
        <v>3</v>
      </c>
      <c r="CE35" s="413">
        <v>0</v>
      </c>
      <c r="CF35" s="102">
        <v>4</v>
      </c>
      <c r="CG35" s="102">
        <v>2</v>
      </c>
      <c r="CH35" s="102">
        <v>2</v>
      </c>
      <c r="CI35" s="102">
        <v>1</v>
      </c>
      <c r="CJ35" s="102">
        <v>4</v>
      </c>
      <c r="CK35" s="103">
        <v>13</v>
      </c>
      <c r="CL35" s="104">
        <v>16</v>
      </c>
      <c r="CM35" s="101">
        <v>39</v>
      </c>
      <c r="CN35" s="102">
        <v>35</v>
      </c>
      <c r="CO35" s="103">
        <v>74</v>
      </c>
      <c r="CP35" s="413">
        <v>0</v>
      </c>
      <c r="CQ35" s="102">
        <v>80</v>
      </c>
      <c r="CR35" s="102">
        <v>57</v>
      </c>
      <c r="CS35" s="102">
        <v>32</v>
      </c>
      <c r="CT35" s="102">
        <v>39</v>
      </c>
      <c r="CU35" s="102">
        <v>29</v>
      </c>
      <c r="CV35" s="103">
        <v>237</v>
      </c>
      <c r="CW35" s="104">
        <v>311</v>
      </c>
      <c r="CX35" s="105">
        <v>53</v>
      </c>
      <c r="CY35" s="97">
        <v>82</v>
      </c>
      <c r="CZ35" s="98">
        <v>135</v>
      </c>
      <c r="DA35" s="413">
        <v>0</v>
      </c>
      <c r="DB35" s="97">
        <v>143</v>
      </c>
      <c r="DC35" s="97">
        <v>91</v>
      </c>
      <c r="DD35" s="97">
        <v>74</v>
      </c>
      <c r="DE35" s="97">
        <v>89</v>
      </c>
      <c r="DF35" s="97">
        <v>49</v>
      </c>
      <c r="DG35" s="99">
        <v>446</v>
      </c>
      <c r="DH35" s="100">
        <v>581</v>
      </c>
      <c r="DI35" s="101">
        <v>1</v>
      </c>
      <c r="DJ35" s="102">
        <v>3</v>
      </c>
      <c r="DK35" s="103">
        <v>4</v>
      </c>
      <c r="DL35" s="413">
        <v>0</v>
      </c>
      <c r="DM35" s="102">
        <v>1</v>
      </c>
      <c r="DN35" s="102">
        <v>3</v>
      </c>
      <c r="DO35" s="102">
        <v>0</v>
      </c>
      <c r="DP35" s="102">
        <v>0</v>
      </c>
      <c r="DQ35" s="102">
        <v>1</v>
      </c>
      <c r="DR35" s="103">
        <v>5</v>
      </c>
      <c r="DS35" s="104">
        <v>9</v>
      </c>
      <c r="DT35" s="101">
        <v>6</v>
      </c>
      <c r="DU35" s="102">
        <v>2</v>
      </c>
      <c r="DV35" s="103">
        <v>8</v>
      </c>
      <c r="DW35" s="413">
        <v>0</v>
      </c>
      <c r="DX35" s="102">
        <v>4</v>
      </c>
      <c r="DY35" s="102">
        <v>5</v>
      </c>
      <c r="DZ35" s="102">
        <v>2</v>
      </c>
      <c r="EA35" s="102">
        <v>4</v>
      </c>
      <c r="EB35" s="102">
        <v>1</v>
      </c>
      <c r="EC35" s="103">
        <v>16</v>
      </c>
      <c r="ED35" s="104">
        <v>24</v>
      </c>
      <c r="EE35" s="101">
        <v>6</v>
      </c>
      <c r="EF35" s="102">
        <v>10</v>
      </c>
      <c r="EG35" s="103">
        <v>16</v>
      </c>
      <c r="EH35" s="413">
        <v>0</v>
      </c>
      <c r="EI35" s="102">
        <v>23</v>
      </c>
      <c r="EJ35" s="102">
        <v>5</v>
      </c>
      <c r="EK35" s="102">
        <v>10</v>
      </c>
      <c r="EL35" s="102">
        <v>3</v>
      </c>
      <c r="EM35" s="102">
        <v>5</v>
      </c>
      <c r="EN35" s="103">
        <v>46</v>
      </c>
      <c r="EO35" s="104">
        <v>62</v>
      </c>
      <c r="EP35" s="101">
        <v>22</v>
      </c>
      <c r="EQ35" s="102">
        <v>20</v>
      </c>
      <c r="ER35" s="103">
        <v>42</v>
      </c>
      <c r="ES35" s="413">
        <v>0</v>
      </c>
      <c r="ET35" s="102">
        <v>36</v>
      </c>
      <c r="EU35" s="102">
        <v>21</v>
      </c>
      <c r="EV35" s="102">
        <v>16</v>
      </c>
      <c r="EW35" s="102">
        <v>19</v>
      </c>
      <c r="EX35" s="102">
        <v>10</v>
      </c>
      <c r="EY35" s="103">
        <v>102</v>
      </c>
      <c r="EZ35" s="104">
        <v>144</v>
      </c>
      <c r="FA35" s="101">
        <v>10</v>
      </c>
      <c r="FB35" s="102">
        <v>24</v>
      </c>
      <c r="FC35" s="103">
        <v>34</v>
      </c>
      <c r="FD35" s="413">
        <v>0</v>
      </c>
      <c r="FE35" s="102">
        <v>38</v>
      </c>
      <c r="FF35" s="102">
        <v>26</v>
      </c>
      <c r="FG35" s="102">
        <v>18</v>
      </c>
      <c r="FH35" s="102">
        <v>20</v>
      </c>
      <c r="FI35" s="102">
        <v>14</v>
      </c>
      <c r="FJ35" s="103">
        <v>116</v>
      </c>
      <c r="FK35" s="104">
        <v>150</v>
      </c>
      <c r="FL35" s="101">
        <v>8</v>
      </c>
      <c r="FM35" s="102">
        <v>23</v>
      </c>
      <c r="FN35" s="103">
        <v>31</v>
      </c>
      <c r="FO35" s="413">
        <v>0</v>
      </c>
      <c r="FP35" s="102">
        <v>41</v>
      </c>
      <c r="FQ35" s="102">
        <v>31</v>
      </c>
      <c r="FR35" s="102">
        <v>28</v>
      </c>
      <c r="FS35" s="102">
        <v>43</v>
      </c>
      <c r="FT35" s="102">
        <v>18</v>
      </c>
      <c r="FU35" s="103">
        <v>161</v>
      </c>
      <c r="FV35" s="104">
        <v>192</v>
      </c>
      <c r="FW35" s="101">
        <v>1</v>
      </c>
      <c r="FX35" s="102">
        <v>2</v>
      </c>
      <c r="FY35" s="103">
        <v>3</v>
      </c>
      <c r="FZ35" s="413">
        <v>0</v>
      </c>
      <c r="GA35" s="102">
        <v>2</v>
      </c>
      <c r="GB35" s="102">
        <v>3</v>
      </c>
      <c r="GC35" s="102">
        <v>0</v>
      </c>
      <c r="GD35" s="102">
        <v>0</v>
      </c>
      <c r="GE35" s="102">
        <v>0</v>
      </c>
      <c r="GF35" s="103">
        <v>5</v>
      </c>
      <c r="GG35" s="104">
        <v>8</v>
      </c>
      <c r="GH35" s="101">
        <v>54</v>
      </c>
      <c r="GI35" s="102">
        <v>84</v>
      </c>
      <c r="GJ35" s="103">
        <v>138</v>
      </c>
      <c r="GK35" s="413">
        <v>0</v>
      </c>
      <c r="GL35" s="102">
        <v>145</v>
      </c>
      <c r="GM35" s="102">
        <v>94</v>
      </c>
      <c r="GN35" s="102">
        <v>74</v>
      </c>
      <c r="GO35" s="102">
        <v>89</v>
      </c>
      <c r="GP35" s="102">
        <v>49</v>
      </c>
      <c r="GQ35" s="103">
        <v>451</v>
      </c>
      <c r="GR35" s="104">
        <v>589</v>
      </c>
      <c r="GS35" s="105">
        <v>92</v>
      </c>
      <c r="GT35" s="97">
        <v>114</v>
      </c>
      <c r="GU35" s="98">
        <v>206</v>
      </c>
      <c r="GV35" s="413">
        <v>0</v>
      </c>
      <c r="GW35" s="97">
        <v>219</v>
      </c>
      <c r="GX35" s="97">
        <v>146</v>
      </c>
      <c r="GY35" s="97">
        <v>104</v>
      </c>
      <c r="GZ35" s="97">
        <v>127</v>
      </c>
      <c r="HA35" s="97">
        <v>74</v>
      </c>
      <c r="HB35" s="99">
        <v>670</v>
      </c>
      <c r="HC35" s="100">
        <v>876</v>
      </c>
      <c r="HD35" s="101">
        <v>6</v>
      </c>
      <c r="HE35" s="102">
        <v>4</v>
      </c>
      <c r="HF35" s="103">
        <v>10</v>
      </c>
      <c r="HG35" s="416">
        <v>0</v>
      </c>
      <c r="HH35" s="102">
        <v>4</v>
      </c>
      <c r="HI35" s="102">
        <v>7</v>
      </c>
      <c r="HJ35" s="102">
        <v>3</v>
      </c>
      <c r="HK35" s="102">
        <v>1</v>
      </c>
      <c r="HL35" s="102">
        <v>1</v>
      </c>
      <c r="HM35" s="103">
        <v>16</v>
      </c>
      <c r="HN35" s="104">
        <v>26</v>
      </c>
      <c r="HO35" s="101">
        <v>11</v>
      </c>
      <c r="HP35" s="102">
        <v>3</v>
      </c>
      <c r="HQ35" s="103">
        <v>14</v>
      </c>
      <c r="HR35" s="413">
        <v>0</v>
      </c>
      <c r="HS35" s="102">
        <v>11</v>
      </c>
      <c r="HT35" s="102">
        <v>7</v>
      </c>
      <c r="HU35" s="102">
        <v>4</v>
      </c>
      <c r="HV35" s="102">
        <v>11</v>
      </c>
      <c r="HW35" s="102">
        <v>3</v>
      </c>
      <c r="HX35" s="103">
        <v>36</v>
      </c>
      <c r="HY35" s="104">
        <v>50</v>
      </c>
      <c r="HZ35" s="101">
        <v>11</v>
      </c>
      <c r="IA35" s="102">
        <v>12</v>
      </c>
      <c r="IB35" s="103">
        <v>23</v>
      </c>
      <c r="IC35" s="413">
        <v>0</v>
      </c>
      <c r="ID35" s="102">
        <v>36</v>
      </c>
      <c r="IE35" s="102">
        <v>13</v>
      </c>
      <c r="IF35" s="102">
        <v>15</v>
      </c>
      <c r="IG35" s="102">
        <v>5</v>
      </c>
      <c r="IH35" s="102">
        <v>10</v>
      </c>
      <c r="II35" s="103">
        <v>79</v>
      </c>
      <c r="IJ35" s="104">
        <v>102</v>
      </c>
      <c r="IK35" s="101">
        <v>35</v>
      </c>
      <c r="IL35" s="102">
        <v>32</v>
      </c>
      <c r="IM35" s="103">
        <v>67</v>
      </c>
      <c r="IN35" s="413">
        <v>0</v>
      </c>
      <c r="IO35" s="102">
        <v>57</v>
      </c>
      <c r="IP35" s="102">
        <v>35</v>
      </c>
      <c r="IQ35" s="102">
        <v>22</v>
      </c>
      <c r="IR35" s="102">
        <v>26</v>
      </c>
      <c r="IS35" s="102">
        <v>17</v>
      </c>
      <c r="IT35" s="103">
        <v>157</v>
      </c>
      <c r="IU35" s="104">
        <v>224</v>
      </c>
      <c r="IV35" s="101">
        <v>12</v>
      </c>
      <c r="IW35" s="102">
        <v>36</v>
      </c>
      <c r="IX35" s="103">
        <v>48</v>
      </c>
      <c r="IY35" s="413">
        <v>0</v>
      </c>
      <c r="IZ35" s="102">
        <v>56</v>
      </c>
      <c r="JA35" s="102">
        <v>40</v>
      </c>
      <c r="JB35" s="102">
        <v>29</v>
      </c>
      <c r="JC35" s="102">
        <v>33</v>
      </c>
      <c r="JD35" s="102">
        <v>20</v>
      </c>
      <c r="JE35" s="103">
        <v>178</v>
      </c>
      <c r="JF35" s="104">
        <v>226</v>
      </c>
      <c r="JG35" s="101">
        <v>17</v>
      </c>
      <c r="JH35" s="102">
        <v>27</v>
      </c>
      <c r="JI35" s="103">
        <v>44</v>
      </c>
      <c r="JJ35" s="413">
        <v>0</v>
      </c>
      <c r="JK35" s="102">
        <v>55</v>
      </c>
      <c r="JL35" s="102">
        <v>44</v>
      </c>
      <c r="JM35" s="102">
        <v>31</v>
      </c>
      <c r="JN35" s="102">
        <v>51</v>
      </c>
      <c r="JO35" s="102">
        <v>23</v>
      </c>
      <c r="JP35" s="103">
        <v>204</v>
      </c>
      <c r="JQ35" s="104">
        <v>248</v>
      </c>
      <c r="JR35" s="101">
        <v>1</v>
      </c>
      <c r="JS35" s="102">
        <v>5</v>
      </c>
      <c r="JT35" s="103">
        <v>6</v>
      </c>
      <c r="JU35" s="413">
        <v>0</v>
      </c>
      <c r="JV35" s="102">
        <v>6</v>
      </c>
      <c r="JW35" s="102">
        <v>5</v>
      </c>
      <c r="JX35" s="102">
        <v>2</v>
      </c>
      <c r="JY35" s="102">
        <v>1</v>
      </c>
      <c r="JZ35" s="102">
        <v>4</v>
      </c>
      <c r="KA35" s="103">
        <v>18</v>
      </c>
      <c r="KB35" s="104">
        <v>24</v>
      </c>
      <c r="KC35" s="101">
        <v>93</v>
      </c>
      <c r="KD35" s="102">
        <v>119</v>
      </c>
      <c r="KE35" s="103">
        <v>212</v>
      </c>
      <c r="KF35" s="413">
        <v>0</v>
      </c>
      <c r="KG35" s="102">
        <v>225</v>
      </c>
      <c r="KH35" s="102">
        <v>151</v>
      </c>
      <c r="KI35" s="102">
        <v>106</v>
      </c>
      <c r="KJ35" s="102">
        <v>128</v>
      </c>
      <c r="KK35" s="102">
        <v>78</v>
      </c>
      <c r="KL35" s="103">
        <v>688</v>
      </c>
      <c r="KM35" s="104">
        <v>900</v>
      </c>
    </row>
    <row r="36" spans="2:299" s="70" customFormat="1" ht="21" customHeight="1" x14ac:dyDescent="0.2">
      <c r="B36" s="106" t="s">
        <v>33</v>
      </c>
      <c r="C36" s="96">
        <v>30</v>
      </c>
      <c r="D36" s="97">
        <v>31</v>
      </c>
      <c r="E36" s="98">
        <v>61</v>
      </c>
      <c r="F36" s="413">
        <v>0</v>
      </c>
      <c r="G36" s="97">
        <v>75</v>
      </c>
      <c r="H36" s="97">
        <v>40</v>
      </c>
      <c r="I36" s="97">
        <v>47</v>
      </c>
      <c r="J36" s="97">
        <v>26</v>
      </c>
      <c r="K36" s="97">
        <v>17</v>
      </c>
      <c r="L36" s="99">
        <v>205</v>
      </c>
      <c r="M36" s="100">
        <v>266</v>
      </c>
      <c r="N36" s="101">
        <v>1</v>
      </c>
      <c r="O36" s="102">
        <v>1</v>
      </c>
      <c r="P36" s="103">
        <v>2</v>
      </c>
      <c r="Q36" s="413">
        <v>0</v>
      </c>
      <c r="R36" s="102">
        <v>7</v>
      </c>
      <c r="S36" s="102">
        <v>2</v>
      </c>
      <c r="T36" s="102">
        <v>2</v>
      </c>
      <c r="U36" s="102">
        <v>1</v>
      </c>
      <c r="V36" s="102">
        <v>0</v>
      </c>
      <c r="W36" s="103">
        <v>12</v>
      </c>
      <c r="X36" s="104">
        <v>14</v>
      </c>
      <c r="Y36" s="101">
        <v>1</v>
      </c>
      <c r="Z36" s="102">
        <v>2</v>
      </c>
      <c r="AA36" s="103">
        <v>3</v>
      </c>
      <c r="AB36" s="413">
        <v>0</v>
      </c>
      <c r="AC36" s="102">
        <v>9</v>
      </c>
      <c r="AD36" s="102">
        <v>5</v>
      </c>
      <c r="AE36" s="102">
        <v>9</v>
      </c>
      <c r="AF36" s="102">
        <v>5</v>
      </c>
      <c r="AG36" s="102">
        <v>2</v>
      </c>
      <c r="AH36" s="103">
        <v>30</v>
      </c>
      <c r="AI36" s="104">
        <v>33</v>
      </c>
      <c r="AJ36" s="101">
        <v>7</v>
      </c>
      <c r="AK36" s="102">
        <v>5</v>
      </c>
      <c r="AL36" s="103">
        <v>12</v>
      </c>
      <c r="AM36" s="413">
        <v>0</v>
      </c>
      <c r="AN36" s="102">
        <v>7</v>
      </c>
      <c r="AO36" s="102">
        <v>10</v>
      </c>
      <c r="AP36" s="102">
        <v>12</v>
      </c>
      <c r="AQ36" s="102">
        <v>5</v>
      </c>
      <c r="AR36" s="102">
        <v>4</v>
      </c>
      <c r="AS36" s="103">
        <v>38</v>
      </c>
      <c r="AT36" s="104">
        <v>50</v>
      </c>
      <c r="AU36" s="101">
        <v>14</v>
      </c>
      <c r="AV36" s="102">
        <v>8</v>
      </c>
      <c r="AW36" s="103">
        <v>22</v>
      </c>
      <c r="AX36" s="413">
        <v>0</v>
      </c>
      <c r="AY36" s="102">
        <v>21</v>
      </c>
      <c r="AZ36" s="102">
        <v>9</v>
      </c>
      <c r="BA36" s="102">
        <v>11</v>
      </c>
      <c r="BB36" s="102">
        <v>5</v>
      </c>
      <c r="BC36" s="102">
        <v>3</v>
      </c>
      <c r="BD36" s="103">
        <v>49</v>
      </c>
      <c r="BE36" s="104">
        <v>71</v>
      </c>
      <c r="BF36" s="101">
        <v>4</v>
      </c>
      <c r="BG36" s="102">
        <v>10</v>
      </c>
      <c r="BH36" s="103">
        <v>14</v>
      </c>
      <c r="BI36" s="413">
        <v>0</v>
      </c>
      <c r="BJ36" s="102">
        <v>19</v>
      </c>
      <c r="BK36" s="102">
        <v>8</v>
      </c>
      <c r="BL36" s="102">
        <v>7</v>
      </c>
      <c r="BM36" s="102">
        <v>5</v>
      </c>
      <c r="BN36" s="102">
        <v>3</v>
      </c>
      <c r="BO36" s="103">
        <v>42</v>
      </c>
      <c r="BP36" s="104">
        <v>56</v>
      </c>
      <c r="BQ36" s="101">
        <v>3</v>
      </c>
      <c r="BR36" s="102">
        <v>5</v>
      </c>
      <c r="BS36" s="103">
        <v>8</v>
      </c>
      <c r="BT36" s="413">
        <v>0</v>
      </c>
      <c r="BU36" s="102">
        <v>12</v>
      </c>
      <c r="BV36" s="102">
        <v>6</v>
      </c>
      <c r="BW36" s="102">
        <v>6</v>
      </c>
      <c r="BX36" s="102">
        <v>5</v>
      </c>
      <c r="BY36" s="102">
        <v>5</v>
      </c>
      <c r="BZ36" s="103">
        <v>34</v>
      </c>
      <c r="CA36" s="104">
        <v>42</v>
      </c>
      <c r="CB36" s="101">
        <v>0</v>
      </c>
      <c r="CC36" s="102">
        <v>1</v>
      </c>
      <c r="CD36" s="103">
        <v>1</v>
      </c>
      <c r="CE36" s="413">
        <v>0</v>
      </c>
      <c r="CF36" s="102">
        <v>0</v>
      </c>
      <c r="CG36" s="102">
        <v>1</v>
      </c>
      <c r="CH36" s="102">
        <v>0</v>
      </c>
      <c r="CI36" s="102">
        <v>0</v>
      </c>
      <c r="CJ36" s="102">
        <v>0</v>
      </c>
      <c r="CK36" s="103">
        <v>1</v>
      </c>
      <c r="CL36" s="104">
        <v>2</v>
      </c>
      <c r="CM36" s="101">
        <v>30</v>
      </c>
      <c r="CN36" s="102">
        <v>32</v>
      </c>
      <c r="CO36" s="103">
        <v>62</v>
      </c>
      <c r="CP36" s="413">
        <v>0</v>
      </c>
      <c r="CQ36" s="102">
        <v>75</v>
      </c>
      <c r="CR36" s="102">
        <v>41</v>
      </c>
      <c r="CS36" s="102">
        <v>47</v>
      </c>
      <c r="CT36" s="102">
        <v>26</v>
      </c>
      <c r="CU36" s="102">
        <v>17</v>
      </c>
      <c r="CV36" s="103">
        <v>206</v>
      </c>
      <c r="CW36" s="104">
        <v>268</v>
      </c>
      <c r="CX36" s="105">
        <v>41</v>
      </c>
      <c r="CY36" s="97">
        <v>61</v>
      </c>
      <c r="CZ36" s="98">
        <v>102</v>
      </c>
      <c r="DA36" s="413">
        <v>0</v>
      </c>
      <c r="DB36" s="97">
        <v>145</v>
      </c>
      <c r="DC36" s="97">
        <v>84</v>
      </c>
      <c r="DD36" s="97">
        <v>84</v>
      </c>
      <c r="DE36" s="97">
        <v>68</v>
      </c>
      <c r="DF36" s="97">
        <v>53</v>
      </c>
      <c r="DG36" s="99">
        <v>434</v>
      </c>
      <c r="DH36" s="100">
        <v>536</v>
      </c>
      <c r="DI36" s="101">
        <v>0</v>
      </c>
      <c r="DJ36" s="102">
        <v>1</v>
      </c>
      <c r="DK36" s="103">
        <v>1</v>
      </c>
      <c r="DL36" s="413">
        <v>0</v>
      </c>
      <c r="DM36" s="102">
        <v>3</v>
      </c>
      <c r="DN36" s="102">
        <v>0</v>
      </c>
      <c r="DO36" s="102">
        <v>1</v>
      </c>
      <c r="DP36" s="102">
        <v>2</v>
      </c>
      <c r="DQ36" s="102">
        <v>1</v>
      </c>
      <c r="DR36" s="103">
        <v>7</v>
      </c>
      <c r="DS36" s="104">
        <v>8</v>
      </c>
      <c r="DT36" s="101">
        <v>4</v>
      </c>
      <c r="DU36" s="102">
        <v>4</v>
      </c>
      <c r="DV36" s="103">
        <v>8</v>
      </c>
      <c r="DW36" s="413">
        <v>0</v>
      </c>
      <c r="DX36" s="102">
        <v>2</v>
      </c>
      <c r="DY36" s="102">
        <v>4</v>
      </c>
      <c r="DZ36" s="102">
        <v>1</v>
      </c>
      <c r="EA36" s="102">
        <v>3</v>
      </c>
      <c r="EB36" s="102">
        <v>0</v>
      </c>
      <c r="EC36" s="103">
        <v>10</v>
      </c>
      <c r="ED36" s="104">
        <v>18</v>
      </c>
      <c r="EE36" s="101">
        <v>5</v>
      </c>
      <c r="EF36" s="102">
        <v>12</v>
      </c>
      <c r="EG36" s="103">
        <v>17</v>
      </c>
      <c r="EH36" s="413">
        <v>0</v>
      </c>
      <c r="EI36" s="102">
        <v>10</v>
      </c>
      <c r="EJ36" s="102">
        <v>7</v>
      </c>
      <c r="EK36" s="102">
        <v>6</v>
      </c>
      <c r="EL36" s="102">
        <v>8</v>
      </c>
      <c r="EM36" s="102">
        <v>6</v>
      </c>
      <c r="EN36" s="103">
        <v>37</v>
      </c>
      <c r="EO36" s="104">
        <v>54</v>
      </c>
      <c r="EP36" s="101">
        <v>7</v>
      </c>
      <c r="EQ36" s="102">
        <v>17</v>
      </c>
      <c r="ER36" s="103">
        <v>24</v>
      </c>
      <c r="ES36" s="413">
        <v>0</v>
      </c>
      <c r="ET36" s="102">
        <v>32</v>
      </c>
      <c r="EU36" s="102">
        <v>14</v>
      </c>
      <c r="EV36" s="102">
        <v>15</v>
      </c>
      <c r="EW36" s="102">
        <v>10</v>
      </c>
      <c r="EX36" s="102">
        <v>10</v>
      </c>
      <c r="EY36" s="103">
        <v>81</v>
      </c>
      <c r="EZ36" s="104">
        <v>105</v>
      </c>
      <c r="FA36" s="101">
        <v>18</v>
      </c>
      <c r="FB36" s="102">
        <v>13</v>
      </c>
      <c r="FC36" s="103">
        <v>31</v>
      </c>
      <c r="FD36" s="413">
        <v>0</v>
      </c>
      <c r="FE36" s="102">
        <v>52</v>
      </c>
      <c r="FF36" s="102">
        <v>21</v>
      </c>
      <c r="FG36" s="102">
        <v>22</v>
      </c>
      <c r="FH36" s="102">
        <v>18</v>
      </c>
      <c r="FI36" s="102">
        <v>16</v>
      </c>
      <c r="FJ36" s="103">
        <v>129</v>
      </c>
      <c r="FK36" s="104">
        <v>160</v>
      </c>
      <c r="FL36" s="101">
        <v>7</v>
      </c>
      <c r="FM36" s="102">
        <v>14</v>
      </c>
      <c r="FN36" s="103">
        <v>21</v>
      </c>
      <c r="FO36" s="413">
        <v>0</v>
      </c>
      <c r="FP36" s="102">
        <v>46</v>
      </c>
      <c r="FQ36" s="102">
        <v>38</v>
      </c>
      <c r="FR36" s="102">
        <v>39</v>
      </c>
      <c r="FS36" s="102">
        <v>27</v>
      </c>
      <c r="FT36" s="102">
        <v>20</v>
      </c>
      <c r="FU36" s="103">
        <v>170</v>
      </c>
      <c r="FV36" s="104">
        <v>191</v>
      </c>
      <c r="FW36" s="101">
        <v>0</v>
      </c>
      <c r="FX36" s="102">
        <v>0</v>
      </c>
      <c r="FY36" s="103">
        <v>0</v>
      </c>
      <c r="FZ36" s="413">
        <v>0</v>
      </c>
      <c r="GA36" s="102">
        <v>1</v>
      </c>
      <c r="GB36" s="102">
        <v>0</v>
      </c>
      <c r="GC36" s="102">
        <v>0</v>
      </c>
      <c r="GD36" s="102">
        <v>1</v>
      </c>
      <c r="GE36" s="102">
        <v>1</v>
      </c>
      <c r="GF36" s="103">
        <v>3</v>
      </c>
      <c r="GG36" s="104">
        <v>3</v>
      </c>
      <c r="GH36" s="101">
        <v>41</v>
      </c>
      <c r="GI36" s="102">
        <v>61</v>
      </c>
      <c r="GJ36" s="103">
        <v>102</v>
      </c>
      <c r="GK36" s="413">
        <v>0</v>
      </c>
      <c r="GL36" s="102">
        <v>146</v>
      </c>
      <c r="GM36" s="102">
        <v>84</v>
      </c>
      <c r="GN36" s="102">
        <v>84</v>
      </c>
      <c r="GO36" s="102">
        <v>69</v>
      </c>
      <c r="GP36" s="102">
        <v>54</v>
      </c>
      <c r="GQ36" s="103">
        <v>437</v>
      </c>
      <c r="GR36" s="104">
        <v>539</v>
      </c>
      <c r="GS36" s="105">
        <v>71</v>
      </c>
      <c r="GT36" s="97">
        <v>92</v>
      </c>
      <c r="GU36" s="98">
        <v>163</v>
      </c>
      <c r="GV36" s="413">
        <v>0</v>
      </c>
      <c r="GW36" s="97">
        <v>220</v>
      </c>
      <c r="GX36" s="97">
        <v>124</v>
      </c>
      <c r="GY36" s="97">
        <v>131</v>
      </c>
      <c r="GZ36" s="97">
        <v>94</v>
      </c>
      <c r="HA36" s="97">
        <v>70</v>
      </c>
      <c r="HB36" s="99">
        <v>639</v>
      </c>
      <c r="HC36" s="100">
        <v>802</v>
      </c>
      <c r="HD36" s="101">
        <v>1</v>
      </c>
      <c r="HE36" s="102">
        <v>2</v>
      </c>
      <c r="HF36" s="103">
        <v>3</v>
      </c>
      <c r="HG36" s="416">
        <v>0</v>
      </c>
      <c r="HH36" s="102">
        <v>10</v>
      </c>
      <c r="HI36" s="102">
        <v>2</v>
      </c>
      <c r="HJ36" s="102">
        <v>3</v>
      </c>
      <c r="HK36" s="102">
        <v>3</v>
      </c>
      <c r="HL36" s="102">
        <v>1</v>
      </c>
      <c r="HM36" s="103">
        <v>19</v>
      </c>
      <c r="HN36" s="104">
        <v>22</v>
      </c>
      <c r="HO36" s="101">
        <v>5</v>
      </c>
      <c r="HP36" s="102">
        <v>6</v>
      </c>
      <c r="HQ36" s="103">
        <v>11</v>
      </c>
      <c r="HR36" s="413">
        <v>0</v>
      </c>
      <c r="HS36" s="102">
        <v>11</v>
      </c>
      <c r="HT36" s="102">
        <v>9</v>
      </c>
      <c r="HU36" s="102">
        <v>10</v>
      </c>
      <c r="HV36" s="102">
        <v>8</v>
      </c>
      <c r="HW36" s="102">
        <v>2</v>
      </c>
      <c r="HX36" s="103">
        <v>40</v>
      </c>
      <c r="HY36" s="104">
        <v>51</v>
      </c>
      <c r="HZ36" s="101">
        <v>12</v>
      </c>
      <c r="IA36" s="102">
        <v>17</v>
      </c>
      <c r="IB36" s="103">
        <v>29</v>
      </c>
      <c r="IC36" s="413">
        <v>0</v>
      </c>
      <c r="ID36" s="102">
        <v>17</v>
      </c>
      <c r="IE36" s="102">
        <v>17</v>
      </c>
      <c r="IF36" s="102">
        <v>18</v>
      </c>
      <c r="IG36" s="102">
        <v>13</v>
      </c>
      <c r="IH36" s="102">
        <v>10</v>
      </c>
      <c r="II36" s="103">
        <v>75</v>
      </c>
      <c r="IJ36" s="104">
        <v>104</v>
      </c>
      <c r="IK36" s="101">
        <v>21</v>
      </c>
      <c r="IL36" s="102">
        <v>25</v>
      </c>
      <c r="IM36" s="103">
        <v>46</v>
      </c>
      <c r="IN36" s="413">
        <v>0</v>
      </c>
      <c r="IO36" s="102">
        <v>53</v>
      </c>
      <c r="IP36" s="102">
        <v>23</v>
      </c>
      <c r="IQ36" s="102">
        <v>26</v>
      </c>
      <c r="IR36" s="102">
        <v>15</v>
      </c>
      <c r="IS36" s="102">
        <v>13</v>
      </c>
      <c r="IT36" s="103">
        <v>130</v>
      </c>
      <c r="IU36" s="104">
        <v>176</v>
      </c>
      <c r="IV36" s="101">
        <v>22</v>
      </c>
      <c r="IW36" s="102">
        <v>23</v>
      </c>
      <c r="IX36" s="103">
        <v>45</v>
      </c>
      <c r="IY36" s="413">
        <v>0</v>
      </c>
      <c r="IZ36" s="102">
        <v>71</v>
      </c>
      <c r="JA36" s="102">
        <v>29</v>
      </c>
      <c r="JB36" s="102">
        <v>29</v>
      </c>
      <c r="JC36" s="102">
        <v>23</v>
      </c>
      <c r="JD36" s="102">
        <v>19</v>
      </c>
      <c r="JE36" s="103">
        <v>171</v>
      </c>
      <c r="JF36" s="104">
        <v>216</v>
      </c>
      <c r="JG36" s="101">
        <v>10</v>
      </c>
      <c r="JH36" s="102">
        <v>19</v>
      </c>
      <c r="JI36" s="103">
        <v>29</v>
      </c>
      <c r="JJ36" s="413">
        <v>0</v>
      </c>
      <c r="JK36" s="102">
        <v>58</v>
      </c>
      <c r="JL36" s="102">
        <v>44</v>
      </c>
      <c r="JM36" s="102">
        <v>45</v>
      </c>
      <c r="JN36" s="102">
        <v>32</v>
      </c>
      <c r="JO36" s="102">
        <v>25</v>
      </c>
      <c r="JP36" s="103">
        <v>204</v>
      </c>
      <c r="JQ36" s="104">
        <v>233</v>
      </c>
      <c r="JR36" s="101">
        <v>0</v>
      </c>
      <c r="JS36" s="102">
        <v>1</v>
      </c>
      <c r="JT36" s="103">
        <v>1</v>
      </c>
      <c r="JU36" s="413">
        <v>0</v>
      </c>
      <c r="JV36" s="102">
        <v>1</v>
      </c>
      <c r="JW36" s="102">
        <v>1</v>
      </c>
      <c r="JX36" s="102">
        <v>0</v>
      </c>
      <c r="JY36" s="102">
        <v>1</v>
      </c>
      <c r="JZ36" s="102">
        <v>1</v>
      </c>
      <c r="KA36" s="103">
        <v>4</v>
      </c>
      <c r="KB36" s="104">
        <v>5</v>
      </c>
      <c r="KC36" s="101">
        <v>71</v>
      </c>
      <c r="KD36" s="102">
        <v>93</v>
      </c>
      <c r="KE36" s="103">
        <v>164</v>
      </c>
      <c r="KF36" s="413">
        <v>0</v>
      </c>
      <c r="KG36" s="102">
        <v>221</v>
      </c>
      <c r="KH36" s="102">
        <v>125</v>
      </c>
      <c r="KI36" s="102">
        <v>131</v>
      </c>
      <c r="KJ36" s="102">
        <v>95</v>
      </c>
      <c r="KK36" s="102">
        <v>71</v>
      </c>
      <c r="KL36" s="103">
        <v>643</v>
      </c>
      <c r="KM36" s="104">
        <v>807</v>
      </c>
    </row>
    <row r="37" spans="2:299" s="70" customFormat="1" ht="21" customHeight="1" x14ac:dyDescent="0.2">
      <c r="B37" s="106" t="s">
        <v>34</v>
      </c>
      <c r="C37" s="96">
        <v>19</v>
      </c>
      <c r="D37" s="97">
        <v>22</v>
      </c>
      <c r="E37" s="98">
        <v>41</v>
      </c>
      <c r="F37" s="413">
        <v>0</v>
      </c>
      <c r="G37" s="97">
        <v>48</v>
      </c>
      <c r="H37" s="97">
        <v>35</v>
      </c>
      <c r="I37" s="97">
        <v>14</v>
      </c>
      <c r="J37" s="97">
        <v>32</v>
      </c>
      <c r="K37" s="97">
        <v>11</v>
      </c>
      <c r="L37" s="99">
        <v>140</v>
      </c>
      <c r="M37" s="100">
        <v>181</v>
      </c>
      <c r="N37" s="101">
        <v>0</v>
      </c>
      <c r="O37" s="102">
        <v>1</v>
      </c>
      <c r="P37" s="103">
        <v>1</v>
      </c>
      <c r="Q37" s="413">
        <v>0</v>
      </c>
      <c r="R37" s="102">
        <v>4</v>
      </c>
      <c r="S37" s="102">
        <v>0</v>
      </c>
      <c r="T37" s="102">
        <v>1</v>
      </c>
      <c r="U37" s="102">
        <v>2</v>
      </c>
      <c r="V37" s="102">
        <v>0</v>
      </c>
      <c r="W37" s="103">
        <v>7</v>
      </c>
      <c r="X37" s="104">
        <v>8</v>
      </c>
      <c r="Y37" s="101">
        <v>2</v>
      </c>
      <c r="Z37" s="102">
        <v>2</v>
      </c>
      <c r="AA37" s="103">
        <v>4</v>
      </c>
      <c r="AB37" s="413">
        <v>0</v>
      </c>
      <c r="AC37" s="102">
        <v>6</v>
      </c>
      <c r="AD37" s="102">
        <v>3</v>
      </c>
      <c r="AE37" s="102">
        <v>1</v>
      </c>
      <c r="AF37" s="102">
        <v>2</v>
      </c>
      <c r="AG37" s="102">
        <v>1</v>
      </c>
      <c r="AH37" s="103">
        <v>13</v>
      </c>
      <c r="AI37" s="104">
        <v>17</v>
      </c>
      <c r="AJ37" s="101">
        <v>4</v>
      </c>
      <c r="AK37" s="102">
        <v>2</v>
      </c>
      <c r="AL37" s="103">
        <v>6</v>
      </c>
      <c r="AM37" s="413">
        <v>0</v>
      </c>
      <c r="AN37" s="102">
        <v>4</v>
      </c>
      <c r="AO37" s="102">
        <v>4</v>
      </c>
      <c r="AP37" s="102">
        <v>2</v>
      </c>
      <c r="AQ37" s="102">
        <v>7</v>
      </c>
      <c r="AR37" s="102">
        <v>1</v>
      </c>
      <c r="AS37" s="103">
        <v>18</v>
      </c>
      <c r="AT37" s="104">
        <v>24</v>
      </c>
      <c r="AU37" s="101">
        <v>6</v>
      </c>
      <c r="AV37" s="102">
        <v>7</v>
      </c>
      <c r="AW37" s="103">
        <v>13</v>
      </c>
      <c r="AX37" s="413">
        <v>0</v>
      </c>
      <c r="AY37" s="102">
        <v>14</v>
      </c>
      <c r="AZ37" s="102">
        <v>10</v>
      </c>
      <c r="BA37" s="102">
        <v>3</v>
      </c>
      <c r="BB37" s="102">
        <v>8</v>
      </c>
      <c r="BC37" s="102">
        <v>5</v>
      </c>
      <c r="BD37" s="103">
        <v>40</v>
      </c>
      <c r="BE37" s="104">
        <v>53</v>
      </c>
      <c r="BF37" s="101">
        <v>2</v>
      </c>
      <c r="BG37" s="102">
        <v>8</v>
      </c>
      <c r="BH37" s="103">
        <v>10</v>
      </c>
      <c r="BI37" s="413">
        <v>0</v>
      </c>
      <c r="BJ37" s="102">
        <v>10</v>
      </c>
      <c r="BK37" s="102">
        <v>7</v>
      </c>
      <c r="BL37" s="102">
        <v>4</v>
      </c>
      <c r="BM37" s="102">
        <v>6</v>
      </c>
      <c r="BN37" s="102">
        <v>3</v>
      </c>
      <c r="BO37" s="103">
        <v>30</v>
      </c>
      <c r="BP37" s="104">
        <v>40</v>
      </c>
      <c r="BQ37" s="101">
        <v>5</v>
      </c>
      <c r="BR37" s="102">
        <v>2</v>
      </c>
      <c r="BS37" s="103">
        <v>7</v>
      </c>
      <c r="BT37" s="413">
        <v>0</v>
      </c>
      <c r="BU37" s="102">
        <v>10</v>
      </c>
      <c r="BV37" s="102">
        <v>11</v>
      </c>
      <c r="BW37" s="102">
        <v>3</v>
      </c>
      <c r="BX37" s="102">
        <v>7</v>
      </c>
      <c r="BY37" s="102">
        <v>1</v>
      </c>
      <c r="BZ37" s="103">
        <v>32</v>
      </c>
      <c r="CA37" s="104">
        <v>39</v>
      </c>
      <c r="CB37" s="101">
        <v>0</v>
      </c>
      <c r="CC37" s="102">
        <v>0</v>
      </c>
      <c r="CD37" s="103">
        <v>0</v>
      </c>
      <c r="CE37" s="413">
        <v>0</v>
      </c>
      <c r="CF37" s="102">
        <v>2</v>
      </c>
      <c r="CG37" s="102">
        <v>0</v>
      </c>
      <c r="CH37" s="102">
        <v>1</v>
      </c>
      <c r="CI37" s="102">
        <v>1</v>
      </c>
      <c r="CJ37" s="102">
        <v>1</v>
      </c>
      <c r="CK37" s="103">
        <v>5</v>
      </c>
      <c r="CL37" s="104">
        <v>5</v>
      </c>
      <c r="CM37" s="101">
        <v>19</v>
      </c>
      <c r="CN37" s="102">
        <v>22</v>
      </c>
      <c r="CO37" s="103">
        <v>41</v>
      </c>
      <c r="CP37" s="413">
        <v>0</v>
      </c>
      <c r="CQ37" s="102">
        <v>50</v>
      </c>
      <c r="CR37" s="102">
        <v>35</v>
      </c>
      <c r="CS37" s="102">
        <v>15</v>
      </c>
      <c r="CT37" s="102">
        <v>33</v>
      </c>
      <c r="CU37" s="102">
        <v>12</v>
      </c>
      <c r="CV37" s="103">
        <v>145</v>
      </c>
      <c r="CW37" s="104">
        <v>186</v>
      </c>
      <c r="CX37" s="105">
        <v>43</v>
      </c>
      <c r="CY37" s="97">
        <v>42</v>
      </c>
      <c r="CZ37" s="98">
        <v>85</v>
      </c>
      <c r="DA37" s="413">
        <v>0</v>
      </c>
      <c r="DB37" s="97">
        <v>112</v>
      </c>
      <c r="DC37" s="97">
        <v>46</v>
      </c>
      <c r="DD37" s="97">
        <v>33</v>
      </c>
      <c r="DE37" s="97">
        <v>48</v>
      </c>
      <c r="DF37" s="97">
        <v>34</v>
      </c>
      <c r="DG37" s="99">
        <v>273</v>
      </c>
      <c r="DH37" s="100">
        <v>358</v>
      </c>
      <c r="DI37" s="101">
        <v>1</v>
      </c>
      <c r="DJ37" s="102">
        <v>1</v>
      </c>
      <c r="DK37" s="103">
        <v>2</v>
      </c>
      <c r="DL37" s="413">
        <v>0</v>
      </c>
      <c r="DM37" s="102">
        <v>1</v>
      </c>
      <c r="DN37" s="102">
        <v>0</v>
      </c>
      <c r="DO37" s="102">
        <v>1</v>
      </c>
      <c r="DP37" s="102">
        <v>0</v>
      </c>
      <c r="DQ37" s="102">
        <v>3</v>
      </c>
      <c r="DR37" s="103">
        <v>5</v>
      </c>
      <c r="DS37" s="104">
        <v>7</v>
      </c>
      <c r="DT37" s="101">
        <v>1</v>
      </c>
      <c r="DU37" s="102">
        <v>0</v>
      </c>
      <c r="DV37" s="103">
        <v>1</v>
      </c>
      <c r="DW37" s="413">
        <v>0</v>
      </c>
      <c r="DX37" s="102">
        <v>3</v>
      </c>
      <c r="DY37" s="102">
        <v>1</v>
      </c>
      <c r="DZ37" s="102">
        <v>1</v>
      </c>
      <c r="EA37" s="102">
        <v>1</v>
      </c>
      <c r="EB37" s="102">
        <v>2</v>
      </c>
      <c r="EC37" s="103">
        <v>8</v>
      </c>
      <c r="ED37" s="104">
        <v>9</v>
      </c>
      <c r="EE37" s="101">
        <v>10</v>
      </c>
      <c r="EF37" s="102">
        <v>4</v>
      </c>
      <c r="EG37" s="103">
        <v>14</v>
      </c>
      <c r="EH37" s="413">
        <v>0</v>
      </c>
      <c r="EI37" s="102">
        <v>12</v>
      </c>
      <c r="EJ37" s="102">
        <v>3</v>
      </c>
      <c r="EK37" s="102">
        <v>4</v>
      </c>
      <c r="EL37" s="102">
        <v>2</v>
      </c>
      <c r="EM37" s="102">
        <v>2</v>
      </c>
      <c r="EN37" s="103">
        <v>23</v>
      </c>
      <c r="EO37" s="104">
        <v>37</v>
      </c>
      <c r="EP37" s="101">
        <v>7</v>
      </c>
      <c r="EQ37" s="102">
        <v>6</v>
      </c>
      <c r="ER37" s="103">
        <v>13</v>
      </c>
      <c r="ES37" s="413">
        <v>0</v>
      </c>
      <c r="ET37" s="102">
        <v>22</v>
      </c>
      <c r="EU37" s="102">
        <v>8</v>
      </c>
      <c r="EV37" s="102">
        <v>12</v>
      </c>
      <c r="EW37" s="102">
        <v>5</v>
      </c>
      <c r="EX37" s="102">
        <v>7</v>
      </c>
      <c r="EY37" s="103">
        <v>54</v>
      </c>
      <c r="EZ37" s="104">
        <v>67</v>
      </c>
      <c r="FA37" s="101">
        <v>17</v>
      </c>
      <c r="FB37" s="102">
        <v>16</v>
      </c>
      <c r="FC37" s="103">
        <v>33</v>
      </c>
      <c r="FD37" s="413">
        <v>0</v>
      </c>
      <c r="FE37" s="102">
        <v>39</v>
      </c>
      <c r="FF37" s="102">
        <v>14</v>
      </c>
      <c r="FG37" s="102">
        <v>6</v>
      </c>
      <c r="FH37" s="102">
        <v>11</v>
      </c>
      <c r="FI37" s="102">
        <v>4</v>
      </c>
      <c r="FJ37" s="103">
        <v>74</v>
      </c>
      <c r="FK37" s="104">
        <v>107</v>
      </c>
      <c r="FL37" s="101">
        <v>7</v>
      </c>
      <c r="FM37" s="102">
        <v>15</v>
      </c>
      <c r="FN37" s="103">
        <v>22</v>
      </c>
      <c r="FO37" s="413">
        <v>0</v>
      </c>
      <c r="FP37" s="102">
        <v>35</v>
      </c>
      <c r="FQ37" s="102">
        <v>20</v>
      </c>
      <c r="FR37" s="102">
        <v>9</v>
      </c>
      <c r="FS37" s="102">
        <v>29</v>
      </c>
      <c r="FT37" s="102">
        <v>16</v>
      </c>
      <c r="FU37" s="103">
        <v>109</v>
      </c>
      <c r="FV37" s="104">
        <v>131</v>
      </c>
      <c r="FW37" s="101">
        <v>0</v>
      </c>
      <c r="FX37" s="102">
        <v>0</v>
      </c>
      <c r="FY37" s="103">
        <v>0</v>
      </c>
      <c r="FZ37" s="413">
        <v>0</v>
      </c>
      <c r="GA37" s="102">
        <v>1</v>
      </c>
      <c r="GB37" s="102">
        <v>1</v>
      </c>
      <c r="GC37" s="102">
        <v>1</v>
      </c>
      <c r="GD37" s="102">
        <v>0</v>
      </c>
      <c r="GE37" s="102">
        <v>1</v>
      </c>
      <c r="GF37" s="103">
        <v>4</v>
      </c>
      <c r="GG37" s="104">
        <v>4</v>
      </c>
      <c r="GH37" s="101">
        <v>43</v>
      </c>
      <c r="GI37" s="102">
        <v>42</v>
      </c>
      <c r="GJ37" s="103">
        <v>85</v>
      </c>
      <c r="GK37" s="413">
        <v>0</v>
      </c>
      <c r="GL37" s="102">
        <v>113</v>
      </c>
      <c r="GM37" s="102">
        <v>47</v>
      </c>
      <c r="GN37" s="102">
        <v>34</v>
      </c>
      <c r="GO37" s="102">
        <v>48</v>
      </c>
      <c r="GP37" s="102">
        <v>35</v>
      </c>
      <c r="GQ37" s="103">
        <v>277</v>
      </c>
      <c r="GR37" s="104">
        <v>362</v>
      </c>
      <c r="GS37" s="105">
        <v>62</v>
      </c>
      <c r="GT37" s="97">
        <v>64</v>
      </c>
      <c r="GU37" s="98">
        <v>126</v>
      </c>
      <c r="GV37" s="413">
        <v>0</v>
      </c>
      <c r="GW37" s="97">
        <v>160</v>
      </c>
      <c r="GX37" s="97">
        <v>81</v>
      </c>
      <c r="GY37" s="97">
        <v>47</v>
      </c>
      <c r="GZ37" s="97">
        <v>80</v>
      </c>
      <c r="HA37" s="97">
        <v>45</v>
      </c>
      <c r="HB37" s="99">
        <v>413</v>
      </c>
      <c r="HC37" s="100">
        <v>539</v>
      </c>
      <c r="HD37" s="101">
        <v>1</v>
      </c>
      <c r="HE37" s="102">
        <v>2</v>
      </c>
      <c r="HF37" s="103">
        <v>3</v>
      </c>
      <c r="HG37" s="416">
        <v>0</v>
      </c>
      <c r="HH37" s="102">
        <v>5</v>
      </c>
      <c r="HI37" s="102">
        <v>0</v>
      </c>
      <c r="HJ37" s="102">
        <v>2</v>
      </c>
      <c r="HK37" s="102">
        <v>2</v>
      </c>
      <c r="HL37" s="102">
        <v>3</v>
      </c>
      <c r="HM37" s="103">
        <v>12</v>
      </c>
      <c r="HN37" s="104">
        <v>15</v>
      </c>
      <c r="HO37" s="101">
        <v>3</v>
      </c>
      <c r="HP37" s="102">
        <v>2</v>
      </c>
      <c r="HQ37" s="103">
        <v>5</v>
      </c>
      <c r="HR37" s="413">
        <v>0</v>
      </c>
      <c r="HS37" s="102">
        <v>9</v>
      </c>
      <c r="HT37" s="102">
        <v>4</v>
      </c>
      <c r="HU37" s="102">
        <v>2</v>
      </c>
      <c r="HV37" s="102">
        <v>3</v>
      </c>
      <c r="HW37" s="102">
        <v>3</v>
      </c>
      <c r="HX37" s="103">
        <v>21</v>
      </c>
      <c r="HY37" s="104">
        <v>26</v>
      </c>
      <c r="HZ37" s="101">
        <v>14</v>
      </c>
      <c r="IA37" s="102">
        <v>6</v>
      </c>
      <c r="IB37" s="103">
        <v>20</v>
      </c>
      <c r="IC37" s="413">
        <v>0</v>
      </c>
      <c r="ID37" s="102">
        <v>16</v>
      </c>
      <c r="IE37" s="102">
        <v>7</v>
      </c>
      <c r="IF37" s="102">
        <v>6</v>
      </c>
      <c r="IG37" s="102">
        <v>9</v>
      </c>
      <c r="IH37" s="102">
        <v>3</v>
      </c>
      <c r="II37" s="103">
        <v>41</v>
      </c>
      <c r="IJ37" s="104">
        <v>61</v>
      </c>
      <c r="IK37" s="101">
        <v>13</v>
      </c>
      <c r="IL37" s="102">
        <v>13</v>
      </c>
      <c r="IM37" s="103">
        <v>26</v>
      </c>
      <c r="IN37" s="413">
        <v>0</v>
      </c>
      <c r="IO37" s="102">
        <v>36</v>
      </c>
      <c r="IP37" s="102">
        <v>18</v>
      </c>
      <c r="IQ37" s="102">
        <v>15</v>
      </c>
      <c r="IR37" s="102">
        <v>13</v>
      </c>
      <c r="IS37" s="102">
        <v>12</v>
      </c>
      <c r="IT37" s="103">
        <v>94</v>
      </c>
      <c r="IU37" s="104">
        <v>120</v>
      </c>
      <c r="IV37" s="101">
        <v>19</v>
      </c>
      <c r="IW37" s="102">
        <v>24</v>
      </c>
      <c r="IX37" s="103">
        <v>43</v>
      </c>
      <c r="IY37" s="413">
        <v>0</v>
      </c>
      <c r="IZ37" s="102">
        <v>49</v>
      </c>
      <c r="JA37" s="102">
        <v>21</v>
      </c>
      <c r="JB37" s="102">
        <v>10</v>
      </c>
      <c r="JC37" s="102">
        <v>17</v>
      </c>
      <c r="JD37" s="102">
        <v>7</v>
      </c>
      <c r="JE37" s="103">
        <v>104</v>
      </c>
      <c r="JF37" s="104">
        <v>147</v>
      </c>
      <c r="JG37" s="101">
        <v>12</v>
      </c>
      <c r="JH37" s="102">
        <v>17</v>
      </c>
      <c r="JI37" s="103">
        <v>29</v>
      </c>
      <c r="JJ37" s="413">
        <v>0</v>
      </c>
      <c r="JK37" s="102">
        <v>45</v>
      </c>
      <c r="JL37" s="102">
        <v>31</v>
      </c>
      <c r="JM37" s="102">
        <v>12</v>
      </c>
      <c r="JN37" s="102">
        <v>36</v>
      </c>
      <c r="JO37" s="102">
        <v>17</v>
      </c>
      <c r="JP37" s="103">
        <v>141</v>
      </c>
      <c r="JQ37" s="104">
        <v>170</v>
      </c>
      <c r="JR37" s="101">
        <v>0</v>
      </c>
      <c r="JS37" s="102">
        <v>0</v>
      </c>
      <c r="JT37" s="103">
        <v>0</v>
      </c>
      <c r="JU37" s="413">
        <v>0</v>
      </c>
      <c r="JV37" s="102">
        <v>3</v>
      </c>
      <c r="JW37" s="102">
        <v>1</v>
      </c>
      <c r="JX37" s="102">
        <v>2</v>
      </c>
      <c r="JY37" s="102">
        <v>1</v>
      </c>
      <c r="JZ37" s="102">
        <v>2</v>
      </c>
      <c r="KA37" s="103">
        <v>9</v>
      </c>
      <c r="KB37" s="104">
        <v>9</v>
      </c>
      <c r="KC37" s="101">
        <v>62</v>
      </c>
      <c r="KD37" s="102">
        <v>64</v>
      </c>
      <c r="KE37" s="103">
        <v>126</v>
      </c>
      <c r="KF37" s="413">
        <v>0</v>
      </c>
      <c r="KG37" s="102">
        <v>163</v>
      </c>
      <c r="KH37" s="102">
        <v>82</v>
      </c>
      <c r="KI37" s="102">
        <v>49</v>
      </c>
      <c r="KJ37" s="102">
        <v>81</v>
      </c>
      <c r="KK37" s="102">
        <v>47</v>
      </c>
      <c r="KL37" s="103">
        <v>422</v>
      </c>
      <c r="KM37" s="104">
        <v>548</v>
      </c>
    </row>
    <row r="38" spans="2:299" s="70" customFormat="1" ht="21" customHeight="1" x14ac:dyDescent="0.2">
      <c r="B38" s="106" t="s">
        <v>35</v>
      </c>
      <c r="C38" s="96">
        <v>58</v>
      </c>
      <c r="D38" s="97">
        <v>58</v>
      </c>
      <c r="E38" s="98">
        <v>116</v>
      </c>
      <c r="F38" s="413">
        <v>0</v>
      </c>
      <c r="G38" s="97">
        <v>141</v>
      </c>
      <c r="H38" s="97">
        <v>97</v>
      </c>
      <c r="I38" s="97">
        <v>56</v>
      </c>
      <c r="J38" s="97">
        <v>52</v>
      </c>
      <c r="K38" s="97">
        <v>29</v>
      </c>
      <c r="L38" s="99">
        <v>375</v>
      </c>
      <c r="M38" s="100">
        <v>491</v>
      </c>
      <c r="N38" s="101">
        <v>3</v>
      </c>
      <c r="O38" s="102">
        <v>0</v>
      </c>
      <c r="P38" s="103">
        <v>3</v>
      </c>
      <c r="Q38" s="413">
        <v>0</v>
      </c>
      <c r="R38" s="102">
        <v>9</v>
      </c>
      <c r="S38" s="102">
        <v>10</v>
      </c>
      <c r="T38" s="102">
        <v>5</v>
      </c>
      <c r="U38" s="102">
        <v>3</v>
      </c>
      <c r="V38" s="102">
        <v>2</v>
      </c>
      <c r="W38" s="103">
        <v>29</v>
      </c>
      <c r="X38" s="104">
        <v>32</v>
      </c>
      <c r="Y38" s="101">
        <v>3</v>
      </c>
      <c r="Z38" s="102">
        <v>3</v>
      </c>
      <c r="AA38" s="103">
        <v>6</v>
      </c>
      <c r="AB38" s="413">
        <v>0</v>
      </c>
      <c r="AC38" s="102">
        <v>10</v>
      </c>
      <c r="AD38" s="102">
        <v>9</v>
      </c>
      <c r="AE38" s="102">
        <v>8</v>
      </c>
      <c r="AF38" s="102">
        <v>1</v>
      </c>
      <c r="AG38" s="102">
        <v>5</v>
      </c>
      <c r="AH38" s="103">
        <v>33</v>
      </c>
      <c r="AI38" s="104">
        <v>39</v>
      </c>
      <c r="AJ38" s="101">
        <v>11</v>
      </c>
      <c r="AK38" s="102">
        <v>13</v>
      </c>
      <c r="AL38" s="103">
        <v>24</v>
      </c>
      <c r="AM38" s="413">
        <v>0</v>
      </c>
      <c r="AN38" s="102">
        <v>21</v>
      </c>
      <c r="AO38" s="102">
        <v>11</v>
      </c>
      <c r="AP38" s="102">
        <v>10</v>
      </c>
      <c r="AQ38" s="102">
        <v>14</v>
      </c>
      <c r="AR38" s="102">
        <v>7</v>
      </c>
      <c r="AS38" s="103">
        <v>63</v>
      </c>
      <c r="AT38" s="104">
        <v>87</v>
      </c>
      <c r="AU38" s="101">
        <v>16</v>
      </c>
      <c r="AV38" s="102">
        <v>19</v>
      </c>
      <c r="AW38" s="103">
        <v>35</v>
      </c>
      <c r="AX38" s="413">
        <v>0</v>
      </c>
      <c r="AY38" s="102">
        <v>47</v>
      </c>
      <c r="AZ38" s="102">
        <v>24</v>
      </c>
      <c r="BA38" s="102">
        <v>6</v>
      </c>
      <c r="BB38" s="102">
        <v>14</v>
      </c>
      <c r="BC38" s="102">
        <v>2</v>
      </c>
      <c r="BD38" s="103">
        <v>93</v>
      </c>
      <c r="BE38" s="104">
        <v>128</v>
      </c>
      <c r="BF38" s="101">
        <v>14</v>
      </c>
      <c r="BG38" s="102">
        <v>14</v>
      </c>
      <c r="BH38" s="103">
        <v>28</v>
      </c>
      <c r="BI38" s="413">
        <v>0</v>
      </c>
      <c r="BJ38" s="102">
        <v>31</v>
      </c>
      <c r="BK38" s="102">
        <v>24</v>
      </c>
      <c r="BL38" s="102">
        <v>14</v>
      </c>
      <c r="BM38" s="102">
        <v>7</v>
      </c>
      <c r="BN38" s="102">
        <v>4</v>
      </c>
      <c r="BO38" s="103">
        <v>80</v>
      </c>
      <c r="BP38" s="104">
        <v>108</v>
      </c>
      <c r="BQ38" s="101">
        <v>11</v>
      </c>
      <c r="BR38" s="102">
        <v>9</v>
      </c>
      <c r="BS38" s="103">
        <v>20</v>
      </c>
      <c r="BT38" s="413">
        <v>0</v>
      </c>
      <c r="BU38" s="102">
        <v>23</v>
      </c>
      <c r="BV38" s="102">
        <v>19</v>
      </c>
      <c r="BW38" s="102">
        <v>13</v>
      </c>
      <c r="BX38" s="102">
        <v>13</v>
      </c>
      <c r="BY38" s="102">
        <v>9</v>
      </c>
      <c r="BZ38" s="103">
        <v>77</v>
      </c>
      <c r="CA38" s="104">
        <v>97</v>
      </c>
      <c r="CB38" s="101">
        <v>1</v>
      </c>
      <c r="CC38" s="102">
        <v>2</v>
      </c>
      <c r="CD38" s="103">
        <v>3</v>
      </c>
      <c r="CE38" s="413">
        <v>0</v>
      </c>
      <c r="CF38" s="102">
        <v>4</v>
      </c>
      <c r="CG38" s="102">
        <v>3</v>
      </c>
      <c r="CH38" s="102">
        <v>1</v>
      </c>
      <c r="CI38" s="102">
        <v>3</v>
      </c>
      <c r="CJ38" s="102">
        <v>0</v>
      </c>
      <c r="CK38" s="103">
        <v>11</v>
      </c>
      <c r="CL38" s="104">
        <v>14</v>
      </c>
      <c r="CM38" s="101">
        <v>59</v>
      </c>
      <c r="CN38" s="102">
        <v>60</v>
      </c>
      <c r="CO38" s="103">
        <v>119</v>
      </c>
      <c r="CP38" s="413">
        <v>0</v>
      </c>
      <c r="CQ38" s="102">
        <v>145</v>
      </c>
      <c r="CR38" s="102">
        <v>100</v>
      </c>
      <c r="CS38" s="102">
        <v>57</v>
      </c>
      <c r="CT38" s="102">
        <v>55</v>
      </c>
      <c r="CU38" s="102">
        <v>29</v>
      </c>
      <c r="CV38" s="103">
        <v>386</v>
      </c>
      <c r="CW38" s="104">
        <v>505</v>
      </c>
      <c r="CX38" s="105">
        <v>151</v>
      </c>
      <c r="CY38" s="97">
        <v>173</v>
      </c>
      <c r="CZ38" s="98">
        <v>324</v>
      </c>
      <c r="DA38" s="413">
        <v>0</v>
      </c>
      <c r="DB38" s="97">
        <v>316</v>
      </c>
      <c r="DC38" s="97">
        <v>172</v>
      </c>
      <c r="DD38" s="97">
        <v>148</v>
      </c>
      <c r="DE38" s="97">
        <v>169</v>
      </c>
      <c r="DF38" s="97">
        <v>99</v>
      </c>
      <c r="DG38" s="99">
        <v>904</v>
      </c>
      <c r="DH38" s="100">
        <v>1228</v>
      </c>
      <c r="DI38" s="101">
        <v>2</v>
      </c>
      <c r="DJ38" s="102">
        <v>7</v>
      </c>
      <c r="DK38" s="103">
        <v>9</v>
      </c>
      <c r="DL38" s="413">
        <v>0</v>
      </c>
      <c r="DM38" s="102">
        <v>5</v>
      </c>
      <c r="DN38" s="102">
        <v>4</v>
      </c>
      <c r="DO38" s="102">
        <v>2</v>
      </c>
      <c r="DP38" s="102">
        <v>5</v>
      </c>
      <c r="DQ38" s="102">
        <v>1</v>
      </c>
      <c r="DR38" s="103">
        <v>17</v>
      </c>
      <c r="DS38" s="104">
        <v>26</v>
      </c>
      <c r="DT38" s="101">
        <v>14</v>
      </c>
      <c r="DU38" s="102">
        <v>12</v>
      </c>
      <c r="DV38" s="103">
        <v>26</v>
      </c>
      <c r="DW38" s="413">
        <v>0</v>
      </c>
      <c r="DX38" s="102">
        <v>11</v>
      </c>
      <c r="DY38" s="102">
        <v>8</v>
      </c>
      <c r="DZ38" s="102">
        <v>7</v>
      </c>
      <c r="EA38" s="102">
        <v>7</v>
      </c>
      <c r="EB38" s="102">
        <v>6</v>
      </c>
      <c r="EC38" s="103">
        <v>39</v>
      </c>
      <c r="ED38" s="104">
        <v>65</v>
      </c>
      <c r="EE38" s="101">
        <v>25</v>
      </c>
      <c r="EF38" s="102">
        <v>26</v>
      </c>
      <c r="EG38" s="103">
        <v>51</v>
      </c>
      <c r="EH38" s="413">
        <v>0</v>
      </c>
      <c r="EI38" s="102">
        <v>32</v>
      </c>
      <c r="EJ38" s="102">
        <v>13</v>
      </c>
      <c r="EK38" s="102">
        <v>7</v>
      </c>
      <c r="EL38" s="102">
        <v>8</v>
      </c>
      <c r="EM38" s="102">
        <v>8</v>
      </c>
      <c r="EN38" s="103">
        <v>68</v>
      </c>
      <c r="EO38" s="104">
        <v>119</v>
      </c>
      <c r="EP38" s="101">
        <v>46</v>
      </c>
      <c r="EQ38" s="102">
        <v>46</v>
      </c>
      <c r="ER38" s="103">
        <v>92</v>
      </c>
      <c r="ES38" s="413">
        <v>0</v>
      </c>
      <c r="ET38" s="102">
        <v>67</v>
      </c>
      <c r="EU38" s="102">
        <v>37</v>
      </c>
      <c r="EV38" s="102">
        <v>30</v>
      </c>
      <c r="EW38" s="102">
        <v>26</v>
      </c>
      <c r="EX38" s="102">
        <v>15</v>
      </c>
      <c r="EY38" s="103">
        <v>175</v>
      </c>
      <c r="EZ38" s="104">
        <v>267</v>
      </c>
      <c r="FA38" s="101">
        <v>41</v>
      </c>
      <c r="FB38" s="102">
        <v>51</v>
      </c>
      <c r="FC38" s="103">
        <v>92</v>
      </c>
      <c r="FD38" s="413">
        <v>0</v>
      </c>
      <c r="FE38" s="102">
        <v>100</v>
      </c>
      <c r="FF38" s="102">
        <v>42</v>
      </c>
      <c r="FG38" s="102">
        <v>32</v>
      </c>
      <c r="FH38" s="102">
        <v>50</v>
      </c>
      <c r="FI38" s="102">
        <v>27</v>
      </c>
      <c r="FJ38" s="103">
        <v>251</v>
      </c>
      <c r="FK38" s="104">
        <v>343</v>
      </c>
      <c r="FL38" s="101">
        <v>23</v>
      </c>
      <c r="FM38" s="102">
        <v>31</v>
      </c>
      <c r="FN38" s="103">
        <v>54</v>
      </c>
      <c r="FO38" s="413">
        <v>0</v>
      </c>
      <c r="FP38" s="102">
        <v>101</v>
      </c>
      <c r="FQ38" s="102">
        <v>68</v>
      </c>
      <c r="FR38" s="102">
        <v>70</v>
      </c>
      <c r="FS38" s="102">
        <v>73</v>
      </c>
      <c r="FT38" s="102">
        <v>42</v>
      </c>
      <c r="FU38" s="103">
        <v>354</v>
      </c>
      <c r="FV38" s="104">
        <v>408</v>
      </c>
      <c r="FW38" s="101">
        <v>0</v>
      </c>
      <c r="FX38" s="102">
        <v>0</v>
      </c>
      <c r="FY38" s="103">
        <v>0</v>
      </c>
      <c r="FZ38" s="413">
        <v>0</v>
      </c>
      <c r="GA38" s="102">
        <v>2</v>
      </c>
      <c r="GB38" s="102">
        <v>3</v>
      </c>
      <c r="GC38" s="102">
        <v>0</v>
      </c>
      <c r="GD38" s="102">
        <v>1</v>
      </c>
      <c r="GE38" s="102">
        <v>1</v>
      </c>
      <c r="GF38" s="103">
        <v>7</v>
      </c>
      <c r="GG38" s="104">
        <v>7</v>
      </c>
      <c r="GH38" s="101">
        <v>151</v>
      </c>
      <c r="GI38" s="102">
        <v>173</v>
      </c>
      <c r="GJ38" s="103">
        <v>324</v>
      </c>
      <c r="GK38" s="413">
        <v>0</v>
      </c>
      <c r="GL38" s="102">
        <v>318</v>
      </c>
      <c r="GM38" s="102">
        <v>175</v>
      </c>
      <c r="GN38" s="102">
        <v>148</v>
      </c>
      <c r="GO38" s="102">
        <v>170</v>
      </c>
      <c r="GP38" s="102">
        <v>100</v>
      </c>
      <c r="GQ38" s="103">
        <v>911</v>
      </c>
      <c r="GR38" s="104">
        <v>1235</v>
      </c>
      <c r="GS38" s="105">
        <v>209</v>
      </c>
      <c r="GT38" s="97">
        <v>231</v>
      </c>
      <c r="GU38" s="98">
        <v>440</v>
      </c>
      <c r="GV38" s="413">
        <v>0</v>
      </c>
      <c r="GW38" s="97">
        <v>457</v>
      </c>
      <c r="GX38" s="97">
        <v>269</v>
      </c>
      <c r="GY38" s="97">
        <v>204</v>
      </c>
      <c r="GZ38" s="97">
        <v>221</v>
      </c>
      <c r="HA38" s="97">
        <v>128</v>
      </c>
      <c r="HB38" s="99">
        <v>1279</v>
      </c>
      <c r="HC38" s="100">
        <v>1719</v>
      </c>
      <c r="HD38" s="101">
        <v>5</v>
      </c>
      <c r="HE38" s="102">
        <v>7</v>
      </c>
      <c r="HF38" s="103">
        <v>12</v>
      </c>
      <c r="HG38" s="416">
        <v>0</v>
      </c>
      <c r="HH38" s="102">
        <v>14</v>
      </c>
      <c r="HI38" s="102">
        <v>14</v>
      </c>
      <c r="HJ38" s="102">
        <v>7</v>
      </c>
      <c r="HK38" s="102">
        <v>8</v>
      </c>
      <c r="HL38" s="102">
        <v>3</v>
      </c>
      <c r="HM38" s="103">
        <v>46</v>
      </c>
      <c r="HN38" s="104">
        <v>58</v>
      </c>
      <c r="HO38" s="101">
        <v>17</v>
      </c>
      <c r="HP38" s="102">
        <v>15</v>
      </c>
      <c r="HQ38" s="103">
        <v>32</v>
      </c>
      <c r="HR38" s="413">
        <v>0</v>
      </c>
      <c r="HS38" s="102">
        <v>21</v>
      </c>
      <c r="HT38" s="102">
        <v>17</v>
      </c>
      <c r="HU38" s="102">
        <v>15</v>
      </c>
      <c r="HV38" s="102">
        <v>8</v>
      </c>
      <c r="HW38" s="102">
        <v>11</v>
      </c>
      <c r="HX38" s="103">
        <v>72</v>
      </c>
      <c r="HY38" s="104">
        <v>104</v>
      </c>
      <c r="HZ38" s="101">
        <v>36</v>
      </c>
      <c r="IA38" s="102">
        <v>39</v>
      </c>
      <c r="IB38" s="103">
        <v>75</v>
      </c>
      <c r="IC38" s="413">
        <v>0</v>
      </c>
      <c r="ID38" s="102">
        <v>53</v>
      </c>
      <c r="IE38" s="102">
        <v>24</v>
      </c>
      <c r="IF38" s="102">
        <v>17</v>
      </c>
      <c r="IG38" s="102">
        <v>22</v>
      </c>
      <c r="IH38" s="102">
        <v>15</v>
      </c>
      <c r="II38" s="103">
        <v>131</v>
      </c>
      <c r="IJ38" s="104">
        <v>206</v>
      </c>
      <c r="IK38" s="101">
        <v>62</v>
      </c>
      <c r="IL38" s="102">
        <v>65</v>
      </c>
      <c r="IM38" s="103">
        <v>127</v>
      </c>
      <c r="IN38" s="413">
        <v>0</v>
      </c>
      <c r="IO38" s="102">
        <v>114</v>
      </c>
      <c r="IP38" s="102">
        <v>61</v>
      </c>
      <c r="IQ38" s="102">
        <v>36</v>
      </c>
      <c r="IR38" s="102">
        <v>40</v>
      </c>
      <c r="IS38" s="102">
        <v>17</v>
      </c>
      <c r="IT38" s="103">
        <v>268</v>
      </c>
      <c r="IU38" s="104">
        <v>395</v>
      </c>
      <c r="IV38" s="101">
        <v>55</v>
      </c>
      <c r="IW38" s="102">
        <v>65</v>
      </c>
      <c r="IX38" s="103">
        <v>120</v>
      </c>
      <c r="IY38" s="413">
        <v>0</v>
      </c>
      <c r="IZ38" s="102">
        <v>131</v>
      </c>
      <c r="JA38" s="102">
        <v>66</v>
      </c>
      <c r="JB38" s="102">
        <v>46</v>
      </c>
      <c r="JC38" s="102">
        <v>57</v>
      </c>
      <c r="JD38" s="102">
        <v>31</v>
      </c>
      <c r="JE38" s="103">
        <v>331</v>
      </c>
      <c r="JF38" s="104">
        <v>451</v>
      </c>
      <c r="JG38" s="101">
        <v>34</v>
      </c>
      <c r="JH38" s="102">
        <v>40</v>
      </c>
      <c r="JI38" s="103">
        <v>74</v>
      </c>
      <c r="JJ38" s="413">
        <v>0</v>
      </c>
      <c r="JK38" s="102">
        <v>124</v>
      </c>
      <c r="JL38" s="102">
        <v>87</v>
      </c>
      <c r="JM38" s="102">
        <v>83</v>
      </c>
      <c r="JN38" s="102">
        <v>86</v>
      </c>
      <c r="JO38" s="102">
        <v>51</v>
      </c>
      <c r="JP38" s="103">
        <v>431</v>
      </c>
      <c r="JQ38" s="104">
        <v>505</v>
      </c>
      <c r="JR38" s="101">
        <v>1</v>
      </c>
      <c r="JS38" s="102">
        <v>2</v>
      </c>
      <c r="JT38" s="103">
        <v>3</v>
      </c>
      <c r="JU38" s="413">
        <v>0</v>
      </c>
      <c r="JV38" s="102">
        <v>6</v>
      </c>
      <c r="JW38" s="102">
        <v>6</v>
      </c>
      <c r="JX38" s="102">
        <v>1</v>
      </c>
      <c r="JY38" s="102">
        <v>4</v>
      </c>
      <c r="JZ38" s="102">
        <v>1</v>
      </c>
      <c r="KA38" s="103">
        <v>18</v>
      </c>
      <c r="KB38" s="104">
        <v>21</v>
      </c>
      <c r="KC38" s="101">
        <v>210</v>
      </c>
      <c r="KD38" s="102">
        <v>233</v>
      </c>
      <c r="KE38" s="103">
        <v>443</v>
      </c>
      <c r="KF38" s="413">
        <v>0</v>
      </c>
      <c r="KG38" s="102">
        <v>463</v>
      </c>
      <c r="KH38" s="102">
        <v>275</v>
      </c>
      <c r="KI38" s="102">
        <v>205</v>
      </c>
      <c r="KJ38" s="102">
        <v>225</v>
      </c>
      <c r="KK38" s="102">
        <v>129</v>
      </c>
      <c r="KL38" s="103">
        <v>1297</v>
      </c>
      <c r="KM38" s="104">
        <v>1740</v>
      </c>
    </row>
    <row r="39" spans="2:299" s="70" customFormat="1" ht="21" customHeight="1" x14ac:dyDescent="0.2">
      <c r="B39" s="106" t="s">
        <v>36</v>
      </c>
      <c r="C39" s="96">
        <v>62</v>
      </c>
      <c r="D39" s="97">
        <v>88</v>
      </c>
      <c r="E39" s="98">
        <v>150</v>
      </c>
      <c r="F39" s="413">
        <v>0</v>
      </c>
      <c r="G39" s="97">
        <v>168</v>
      </c>
      <c r="H39" s="97">
        <v>147</v>
      </c>
      <c r="I39" s="97">
        <v>124</v>
      </c>
      <c r="J39" s="97">
        <v>80</v>
      </c>
      <c r="K39" s="97">
        <v>51</v>
      </c>
      <c r="L39" s="99">
        <v>570</v>
      </c>
      <c r="M39" s="100">
        <v>720</v>
      </c>
      <c r="N39" s="101">
        <v>3</v>
      </c>
      <c r="O39" s="102">
        <v>5</v>
      </c>
      <c r="P39" s="103">
        <v>8</v>
      </c>
      <c r="Q39" s="413">
        <v>0</v>
      </c>
      <c r="R39" s="102">
        <v>11</v>
      </c>
      <c r="S39" s="102">
        <v>9</v>
      </c>
      <c r="T39" s="102">
        <v>12</v>
      </c>
      <c r="U39" s="102">
        <v>5</v>
      </c>
      <c r="V39" s="102">
        <v>5</v>
      </c>
      <c r="W39" s="103">
        <v>42</v>
      </c>
      <c r="X39" s="104">
        <v>50</v>
      </c>
      <c r="Y39" s="101">
        <v>6</v>
      </c>
      <c r="Z39" s="102">
        <v>9</v>
      </c>
      <c r="AA39" s="103">
        <v>15</v>
      </c>
      <c r="AB39" s="413">
        <v>0</v>
      </c>
      <c r="AC39" s="102">
        <v>16</v>
      </c>
      <c r="AD39" s="102">
        <v>25</v>
      </c>
      <c r="AE39" s="102">
        <v>10</v>
      </c>
      <c r="AF39" s="102">
        <v>12</v>
      </c>
      <c r="AG39" s="102">
        <v>5</v>
      </c>
      <c r="AH39" s="103">
        <v>68</v>
      </c>
      <c r="AI39" s="104">
        <v>83</v>
      </c>
      <c r="AJ39" s="101">
        <v>17</v>
      </c>
      <c r="AK39" s="102">
        <v>12</v>
      </c>
      <c r="AL39" s="103">
        <v>29</v>
      </c>
      <c r="AM39" s="413">
        <v>0</v>
      </c>
      <c r="AN39" s="102">
        <v>36</v>
      </c>
      <c r="AO39" s="102">
        <v>26</v>
      </c>
      <c r="AP39" s="102">
        <v>25</v>
      </c>
      <c r="AQ39" s="102">
        <v>12</v>
      </c>
      <c r="AR39" s="102">
        <v>12</v>
      </c>
      <c r="AS39" s="103">
        <v>111</v>
      </c>
      <c r="AT39" s="104">
        <v>140</v>
      </c>
      <c r="AU39" s="101">
        <v>17</v>
      </c>
      <c r="AV39" s="102">
        <v>28</v>
      </c>
      <c r="AW39" s="103">
        <v>45</v>
      </c>
      <c r="AX39" s="413">
        <v>0</v>
      </c>
      <c r="AY39" s="102">
        <v>43</v>
      </c>
      <c r="AZ39" s="102">
        <v>33</v>
      </c>
      <c r="BA39" s="102">
        <v>38</v>
      </c>
      <c r="BB39" s="102">
        <v>27</v>
      </c>
      <c r="BC39" s="102">
        <v>12</v>
      </c>
      <c r="BD39" s="103">
        <v>153</v>
      </c>
      <c r="BE39" s="104">
        <v>198</v>
      </c>
      <c r="BF39" s="101">
        <v>11</v>
      </c>
      <c r="BG39" s="102">
        <v>19</v>
      </c>
      <c r="BH39" s="103">
        <v>30</v>
      </c>
      <c r="BI39" s="413">
        <v>0</v>
      </c>
      <c r="BJ39" s="102">
        <v>43</v>
      </c>
      <c r="BK39" s="102">
        <v>35</v>
      </c>
      <c r="BL39" s="102">
        <v>20</v>
      </c>
      <c r="BM39" s="102">
        <v>15</v>
      </c>
      <c r="BN39" s="102">
        <v>10</v>
      </c>
      <c r="BO39" s="103">
        <v>123</v>
      </c>
      <c r="BP39" s="104">
        <v>153</v>
      </c>
      <c r="BQ39" s="101">
        <v>8</v>
      </c>
      <c r="BR39" s="102">
        <v>15</v>
      </c>
      <c r="BS39" s="103">
        <v>23</v>
      </c>
      <c r="BT39" s="413">
        <v>0</v>
      </c>
      <c r="BU39" s="102">
        <v>19</v>
      </c>
      <c r="BV39" s="102">
        <v>19</v>
      </c>
      <c r="BW39" s="102">
        <v>19</v>
      </c>
      <c r="BX39" s="102">
        <v>9</v>
      </c>
      <c r="BY39" s="102">
        <v>7</v>
      </c>
      <c r="BZ39" s="103">
        <v>73</v>
      </c>
      <c r="CA39" s="104">
        <v>96</v>
      </c>
      <c r="CB39" s="101">
        <v>2</v>
      </c>
      <c r="CC39" s="102">
        <v>3</v>
      </c>
      <c r="CD39" s="103">
        <v>5</v>
      </c>
      <c r="CE39" s="413">
        <v>0</v>
      </c>
      <c r="CF39" s="102">
        <v>6</v>
      </c>
      <c r="CG39" s="102">
        <v>3</v>
      </c>
      <c r="CH39" s="102">
        <v>8</v>
      </c>
      <c r="CI39" s="102">
        <v>8</v>
      </c>
      <c r="CJ39" s="102">
        <v>2</v>
      </c>
      <c r="CK39" s="103">
        <v>27</v>
      </c>
      <c r="CL39" s="104">
        <v>32</v>
      </c>
      <c r="CM39" s="101">
        <v>64</v>
      </c>
      <c r="CN39" s="102">
        <v>91</v>
      </c>
      <c r="CO39" s="103">
        <v>155</v>
      </c>
      <c r="CP39" s="413">
        <v>0</v>
      </c>
      <c r="CQ39" s="102">
        <v>174</v>
      </c>
      <c r="CR39" s="102">
        <v>150</v>
      </c>
      <c r="CS39" s="102">
        <v>132</v>
      </c>
      <c r="CT39" s="102">
        <v>88</v>
      </c>
      <c r="CU39" s="102">
        <v>53</v>
      </c>
      <c r="CV39" s="103">
        <v>597</v>
      </c>
      <c r="CW39" s="104">
        <v>752</v>
      </c>
      <c r="CX39" s="105">
        <v>100</v>
      </c>
      <c r="CY39" s="97">
        <v>191</v>
      </c>
      <c r="CZ39" s="98">
        <v>291</v>
      </c>
      <c r="DA39" s="413">
        <v>0</v>
      </c>
      <c r="DB39" s="97">
        <v>249</v>
      </c>
      <c r="DC39" s="97">
        <v>227</v>
      </c>
      <c r="DD39" s="97">
        <v>186</v>
      </c>
      <c r="DE39" s="97">
        <v>166</v>
      </c>
      <c r="DF39" s="97">
        <v>130</v>
      </c>
      <c r="DG39" s="99">
        <v>958</v>
      </c>
      <c r="DH39" s="100">
        <v>1249</v>
      </c>
      <c r="DI39" s="101">
        <v>2</v>
      </c>
      <c r="DJ39" s="102">
        <v>4</v>
      </c>
      <c r="DK39" s="103">
        <v>6</v>
      </c>
      <c r="DL39" s="413">
        <v>0</v>
      </c>
      <c r="DM39" s="102">
        <v>5</v>
      </c>
      <c r="DN39" s="102">
        <v>5</v>
      </c>
      <c r="DO39" s="102">
        <v>5</v>
      </c>
      <c r="DP39" s="102">
        <v>5</v>
      </c>
      <c r="DQ39" s="102">
        <v>1</v>
      </c>
      <c r="DR39" s="103">
        <v>21</v>
      </c>
      <c r="DS39" s="104">
        <v>27</v>
      </c>
      <c r="DT39" s="101">
        <v>3</v>
      </c>
      <c r="DU39" s="102">
        <v>21</v>
      </c>
      <c r="DV39" s="103">
        <v>24</v>
      </c>
      <c r="DW39" s="413">
        <v>0</v>
      </c>
      <c r="DX39" s="102">
        <v>19</v>
      </c>
      <c r="DY39" s="102">
        <v>13</v>
      </c>
      <c r="DZ39" s="102">
        <v>11</v>
      </c>
      <c r="EA39" s="102">
        <v>13</v>
      </c>
      <c r="EB39" s="102">
        <v>10</v>
      </c>
      <c r="EC39" s="103">
        <v>66</v>
      </c>
      <c r="ED39" s="104">
        <v>90</v>
      </c>
      <c r="EE39" s="101">
        <v>24</v>
      </c>
      <c r="EF39" s="102">
        <v>35</v>
      </c>
      <c r="EG39" s="103">
        <v>59</v>
      </c>
      <c r="EH39" s="413">
        <v>0</v>
      </c>
      <c r="EI39" s="102">
        <v>32</v>
      </c>
      <c r="EJ39" s="102">
        <v>31</v>
      </c>
      <c r="EK39" s="102">
        <v>21</v>
      </c>
      <c r="EL39" s="102">
        <v>23</v>
      </c>
      <c r="EM39" s="102">
        <v>18</v>
      </c>
      <c r="EN39" s="103">
        <v>125</v>
      </c>
      <c r="EO39" s="104">
        <v>184</v>
      </c>
      <c r="EP39" s="101">
        <v>43</v>
      </c>
      <c r="EQ39" s="102">
        <v>52</v>
      </c>
      <c r="ER39" s="103">
        <v>95</v>
      </c>
      <c r="ES39" s="413">
        <v>0</v>
      </c>
      <c r="ET39" s="102">
        <v>70</v>
      </c>
      <c r="EU39" s="102">
        <v>58</v>
      </c>
      <c r="EV39" s="102">
        <v>32</v>
      </c>
      <c r="EW39" s="102">
        <v>34</v>
      </c>
      <c r="EX39" s="102">
        <v>28</v>
      </c>
      <c r="EY39" s="103">
        <v>222</v>
      </c>
      <c r="EZ39" s="104">
        <v>317</v>
      </c>
      <c r="FA39" s="101">
        <v>19</v>
      </c>
      <c r="FB39" s="102">
        <v>57</v>
      </c>
      <c r="FC39" s="103">
        <v>76</v>
      </c>
      <c r="FD39" s="413">
        <v>0</v>
      </c>
      <c r="FE39" s="102">
        <v>68</v>
      </c>
      <c r="FF39" s="102">
        <v>56</v>
      </c>
      <c r="FG39" s="102">
        <v>51</v>
      </c>
      <c r="FH39" s="102">
        <v>33</v>
      </c>
      <c r="FI39" s="102">
        <v>30</v>
      </c>
      <c r="FJ39" s="103">
        <v>238</v>
      </c>
      <c r="FK39" s="104">
        <v>314</v>
      </c>
      <c r="FL39" s="101">
        <v>9</v>
      </c>
      <c r="FM39" s="102">
        <v>22</v>
      </c>
      <c r="FN39" s="103">
        <v>31</v>
      </c>
      <c r="FO39" s="413">
        <v>0</v>
      </c>
      <c r="FP39" s="102">
        <v>55</v>
      </c>
      <c r="FQ39" s="102">
        <v>64</v>
      </c>
      <c r="FR39" s="102">
        <v>66</v>
      </c>
      <c r="FS39" s="102">
        <v>58</v>
      </c>
      <c r="FT39" s="102">
        <v>43</v>
      </c>
      <c r="FU39" s="103">
        <v>286</v>
      </c>
      <c r="FV39" s="104">
        <v>317</v>
      </c>
      <c r="FW39" s="101">
        <v>1</v>
      </c>
      <c r="FX39" s="102">
        <v>3</v>
      </c>
      <c r="FY39" s="103">
        <v>4</v>
      </c>
      <c r="FZ39" s="413">
        <v>0</v>
      </c>
      <c r="GA39" s="102">
        <v>3</v>
      </c>
      <c r="GB39" s="102">
        <v>3</v>
      </c>
      <c r="GC39" s="102">
        <v>2</v>
      </c>
      <c r="GD39" s="102">
        <v>7</v>
      </c>
      <c r="GE39" s="102">
        <v>4</v>
      </c>
      <c r="GF39" s="103">
        <v>19</v>
      </c>
      <c r="GG39" s="104">
        <v>23</v>
      </c>
      <c r="GH39" s="101">
        <v>101</v>
      </c>
      <c r="GI39" s="102">
        <v>194</v>
      </c>
      <c r="GJ39" s="103">
        <v>295</v>
      </c>
      <c r="GK39" s="413">
        <v>0</v>
      </c>
      <c r="GL39" s="102">
        <v>252</v>
      </c>
      <c r="GM39" s="102">
        <v>230</v>
      </c>
      <c r="GN39" s="102">
        <v>188</v>
      </c>
      <c r="GO39" s="102">
        <v>173</v>
      </c>
      <c r="GP39" s="102">
        <v>134</v>
      </c>
      <c r="GQ39" s="103">
        <v>977</v>
      </c>
      <c r="GR39" s="104">
        <v>1272</v>
      </c>
      <c r="GS39" s="105">
        <v>162</v>
      </c>
      <c r="GT39" s="97">
        <v>279</v>
      </c>
      <c r="GU39" s="98">
        <v>441</v>
      </c>
      <c r="GV39" s="413">
        <v>0</v>
      </c>
      <c r="GW39" s="97">
        <v>417</v>
      </c>
      <c r="GX39" s="97">
        <v>374</v>
      </c>
      <c r="GY39" s="97">
        <v>310</v>
      </c>
      <c r="GZ39" s="97">
        <v>246</v>
      </c>
      <c r="HA39" s="97">
        <v>181</v>
      </c>
      <c r="HB39" s="99">
        <v>1528</v>
      </c>
      <c r="HC39" s="100">
        <v>1969</v>
      </c>
      <c r="HD39" s="101">
        <v>5</v>
      </c>
      <c r="HE39" s="102">
        <v>9</v>
      </c>
      <c r="HF39" s="103">
        <v>14</v>
      </c>
      <c r="HG39" s="416">
        <v>0</v>
      </c>
      <c r="HH39" s="102">
        <v>16</v>
      </c>
      <c r="HI39" s="102">
        <v>14</v>
      </c>
      <c r="HJ39" s="102">
        <v>17</v>
      </c>
      <c r="HK39" s="102">
        <v>10</v>
      </c>
      <c r="HL39" s="102">
        <v>6</v>
      </c>
      <c r="HM39" s="103">
        <v>63</v>
      </c>
      <c r="HN39" s="104">
        <v>77</v>
      </c>
      <c r="HO39" s="101">
        <v>9</v>
      </c>
      <c r="HP39" s="102">
        <v>30</v>
      </c>
      <c r="HQ39" s="103">
        <v>39</v>
      </c>
      <c r="HR39" s="413">
        <v>0</v>
      </c>
      <c r="HS39" s="102">
        <v>35</v>
      </c>
      <c r="HT39" s="102">
        <v>38</v>
      </c>
      <c r="HU39" s="102">
        <v>21</v>
      </c>
      <c r="HV39" s="102">
        <v>25</v>
      </c>
      <c r="HW39" s="102">
        <v>15</v>
      </c>
      <c r="HX39" s="103">
        <v>134</v>
      </c>
      <c r="HY39" s="104">
        <v>173</v>
      </c>
      <c r="HZ39" s="101">
        <v>41</v>
      </c>
      <c r="IA39" s="102">
        <v>47</v>
      </c>
      <c r="IB39" s="103">
        <v>88</v>
      </c>
      <c r="IC39" s="413">
        <v>0</v>
      </c>
      <c r="ID39" s="102">
        <v>68</v>
      </c>
      <c r="IE39" s="102">
        <v>57</v>
      </c>
      <c r="IF39" s="102">
        <v>46</v>
      </c>
      <c r="IG39" s="102">
        <v>35</v>
      </c>
      <c r="IH39" s="102">
        <v>30</v>
      </c>
      <c r="II39" s="103">
        <v>236</v>
      </c>
      <c r="IJ39" s="104">
        <v>324</v>
      </c>
      <c r="IK39" s="101">
        <v>60</v>
      </c>
      <c r="IL39" s="102">
        <v>80</v>
      </c>
      <c r="IM39" s="103">
        <v>140</v>
      </c>
      <c r="IN39" s="413">
        <v>0</v>
      </c>
      <c r="IO39" s="102">
        <v>113</v>
      </c>
      <c r="IP39" s="102">
        <v>91</v>
      </c>
      <c r="IQ39" s="102">
        <v>70</v>
      </c>
      <c r="IR39" s="102">
        <v>61</v>
      </c>
      <c r="IS39" s="102">
        <v>40</v>
      </c>
      <c r="IT39" s="103">
        <v>375</v>
      </c>
      <c r="IU39" s="104">
        <v>515</v>
      </c>
      <c r="IV39" s="101">
        <v>30</v>
      </c>
      <c r="IW39" s="102">
        <v>76</v>
      </c>
      <c r="IX39" s="103">
        <v>106</v>
      </c>
      <c r="IY39" s="413">
        <v>0</v>
      </c>
      <c r="IZ39" s="102">
        <v>111</v>
      </c>
      <c r="JA39" s="102">
        <v>91</v>
      </c>
      <c r="JB39" s="102">
        <v>71</v>
      </c>
      <c r="JC39" s="102">
        <v>48</v>
      </c>
      <c r="JD39" s="102">
        <v>40</v>
      </c>
      <c r="JE39" s="103">
        <v>361</v>
      </c>
      <c r="JF39" s="104">
        <v>467</v>
      </c>
      <c r="JG39" s="101">
        <v>17</v>
      </c>
      <c r="JH39" s="102">
        <v>37</v>
      </c>
      <c r="JI39" s="103">
        <v>54</v>
      </c>
      <c r="JJ39" s="413">
        <v>0</v>
      </c>
      <c r="JK39" s="102">
        <v>74</v>
      </c>
      <c r="JL39" s="102">
        <v>83</v>
      </c>
      <c r="JM39" s="102">
        <v>85</v>
      </c>
      <c r="JN39" s="102">
        <v>67</v>
      </c>
      <c r="JO39" s="102">
        <v>50</v>
      </c>
      <c r="JP39" s="103">
        <v>359</v>
      </c>
      <c r="JQ39" s="104">
        <v>413</v>
      </c>
      <c r="JR39" s="101">
        <v>3</v>
      </c>
      <c r="JS39" s="102">
        <v>6</v>
      </c>
      <c r="JT39" s="103">
        <v>9</v>
      </c>
      <c r="JU39" s="413">
        <v>0</v>
      </c>
      <c r="JV39" s="102">
        <v>9</v>
      </c>
      <c r="JW39" s="102">
        <v>6</v>
      </c>
      <c r="JX39" s="102">
        <v>10</v>
      </c>
      <c r="JY39" s="102">
        <v>15</v>
      </c>
      <c r="JZ39" s="102">
        <v>6</v>
      </c>
      <c r="KA39" s="103">
        <v>46</v>
      </c>
      <c r="KB39" s="104">
        <v>55</v>
      </c>
      <c r="KC39" s="101">
        <v>165</v>
      </c>
      <c r="KD39" s="102">
        <v>285</v>
      </c>
      <c r="KE39" s="103">
        <v>450</v>
      </c>
      <c r="KF39" s="413">
        <v>0</v>
      </c>
      <c r="KG39" s="102">
        <v>426</v>
      </c>
      <c r="KH39" s="102">
        <v>380</v>
      </c>
      <c r="KI39" s="102">
        <v>320</v>
      </c>
      <c r="KJ39" s="102">
        <v>261</v>
      </c>
      <c r="KK39" s="102">
        <v>187</v>
      </c>
      <c r="KL39" s="103">
        <v>1574</v>
      </c>
      <c r="KM39" s="104">
        <v>2024</v>
      </c>
    </row>
    <row r="40" spans="2:299" s="70" customFormat="1" ht="21" customHeight="1" thickBot="1" x14ac:dyDescent="0.25">
      <c r="B40" s="108" t="s">
        <v>37</v>
      </c>
      <c r="C40" s="109">
        <v>2</v>
      </c>
      <c r="D40" s="110">
        <v>1</v>
      </c>
      <c r="E40" s="111">
        <v>3</v>
      </c>
      <c r="F40" s="414">
        <v>0</v>
      </c>
      <c r="G40" s="110">
        <v>10</v>
      </c>
      <c r="H40" s="110">
        <v>11</v>
      </c>
      <c r="I40" s="110">
        <v>8</v>
      </c>
      <c r="J40" s="110">
        <v>3</v>
      </c>
      <c r="K40" s="110">
        <v>5</v>
      </c>
      <c r="L40" s="112">
        <v>37</v>
      </c>
      <c r="M40" s="113">
        <v>40</v>
      </c>
      <c r="N40" s="114">
        <v>1</v>
      </c>
      <c r="O40" s="115">
        <v>1</v>
      </c>
      <c r="P40" s="116">
        <v>2</v>
      </c>
      <c r="Q40" s="414">
        <v>0</v>
      </c>
      <c r="R40" s="115">
        <v>0</v>
      </c>
      <c r="S40" s="115">
        <v>0</v>
      </c>
      <c r="T40" s="115">
        <v>0</v>
      </c>
      <c r="U40" s="115">
        <v>1</v>
      </c>
      <c r="V40" s="115">
        <v>0</v>
      </c>
      <c r="W40" s="116">
        <v>1</v>
      </c>
      <c r="X40" s="117">
        <v>3</v>
      </c>
      <c r="Y40" s="114">
        <v>1</v>
      </c>
      <c r="Z40" s="115">
        <v>0</v>
      </c>
      <c r="AA40" s="116">
        <v>1</v>
      </c>
      <c r="AB40" s="414">
        <v>0</v>
      </c>
      <c r="AC40" s="115">
        <v>0</v>
      </c>
      <c r="AD40" s="115">
        <v>0</v>
      </c>
      <c r="AE40" s="115">
        <v>3</v>
      </c>
      <c r="AF40" s="115">
        <v>0</v>
      </c>
      <c r="AG40" s="115">
        <v>1</v>
      </c>
      <c r="AH40" s="116">
        <v>4</v>
      </c>
      <c r="AI40" s="117">
        <v>5</v>
      </c>
      <c r="AJ40" s="114">
        <v>0</v>
      </c>
      <c r="AK40" s="115">
        <v>0</v>
      </c>
      <c r="AL40" s="116">
        <v>0</v>
      </c>
      <c r="AM40" s="414">
        <v>0</v>
      </c>
      <c r="AN40" s="115">
        <v>2</v>
      </c>
      <c r="AO40" s="115">
        <v>4</v>
      </c>
      <c r="AP40" s="115">
        <v>2</v>
      </c>
      <c r="AQ40" s="115">
        <v>0</v>
      </c>
      <c r="AR40" s="115">
        <v>0</v>
      </c>
      <c r="AS40" s="116">
        <v>8</v>
      </c>
      <c r="AT40" s="117">
        <v>8</v>
      </c>
      <c r="AU40" s="114">
        <v>0</v>
      </c>
      <c r="AV40" s="115">
        <v>0</v>
      </c>
      <c r="AW40" s="116">
        <v>0</v>
      </c>
      <c r="AX40" s="414">
        <v>0</v>
      </c>
      <c r="AY40" s="115">
        <v>5</v>
      </c>
      <c r="AZ40" s="115">
        <v>3</v>
      </c>
      <c r="BA40" s="115">
        <v>1</v>
      </c>
      <c r="BB40" s="115">
        <v>0</v>
      </c>
      <c r="BC40" s="115">
        <v>0</v>
      </c>
      <c r="BD40" s="116">
        <v>9</v>
      </c>
      <c r="BE40" s="117">
        <v>9</v>
      </c>
      <c r="BF40" s="114">
        <v>0</v>
      </c>
      <c r="BG40" s="115">
        <v>0</v>
      </c>
      <c r="BH40" s="116">
        <v>0</v>
      </c>
      <c r="BI40" s="414">
        <v>0</v>
      </c>
      <c r="BJ40" s="115">
        <v>1</v>
      </c>
      <c r="BK40" s="115">
        <v>2</v>
      </c>
      <c r="BL40" s="115">
        <v>2</v>
      </c>
      <c r="BM40" s="115">
        <v>1</v>
      </c>
      <c r="BN40" s="115">
        <v>2</v>
      </c>
      <c r="BO40" s="116">
        <v>8</v>
      </c>
      <c r="BP40" s="117">
        <v>8</v>
      </c>
      <c r="BQ40" s="114">
        <v>0</v>
      </c>
      <c r="BR40" s="115">
        <v>0</v>
      </c>
      <c r="BS40" s="116">
        <v>0</v>
      </c>
      <c r="BT40" s="414">
        <v>0</v>
      </c>
      <c r="BU40" s="115">
        <v>2</v>
      </c>
      <c r="BV40" s="115">
        <v>2</v>
      </c>
      <c r="BW40" s="115">
        <v>0</v>
      </c>
      <c r="BX40" s="115">
        <v>1</v>
      </c>
      <c r="BY40" s="115">
        <v>2</v>
      </c>
      <c r="BZ40" s="116">
        <v>7</v>
      </c>
      <c r="CA40" s="117">
        <v>7</v>
      </c>
      <c r="CB40" s="114">
        <v>0</v>
      </c>
      <c r="CC40" s="115">
        <v>0</v>
      </c>
      <c r="CD40" s="116">
        <v>0</v>
      </c>
      <c r="CE40" s="414">
        <v>0</v>
      </c>
      <c r="CF40" s="115">
        <v>0</v>
      </c>
      <c r="CG40" s="115">
        <v>1</v>
      </c>
      <c r="CH40" s="115">
        <v>0</v>
      </c>
      <c r="CI40" s="115">
        <v>2</v>
      </c>
      <c r="CJ40" s="115">
        <v>0</v>
      </c>
      <c r="CK40" s="116">
        <v>3</v>
      </c>
      <c r="CL40" s="117">
        <v>3</v>
      </c>
      <c r="CM40" s="114">
        <v>2</v>
      </c>
      <c r="CN40" s="115">
        <v>1</v>
      </c>
      <c r="CO40" s="116">
        <v>3</v>
      </c>
      <c r="CP40" s="414">
        <v>0</v>
      </c>
      <c r="CQ40" s="115">
        <v>10</v>
      </c>
      <c r="CR40" s="115">
        <v>12</v>
      </c>
      <c r="CS40" s="115">
        <v>8</v>
      </c>
      <c r="CT40" s="115">
        <v>5</v>
      </c>
      <c r="CU40" s="115">
        <v>5</v>
      </c>
      <c r="CV40" s="116">
        <v>40</v>
      </c>
      <c r="CW40" s="117">
        <v>43</v>
      </c>
      <c r="CX40" s="118">
        <v>14</v>
      </c>
      <c r="CY40" s="110">
        <v>4</v>
      </c>
      <c r="CZ40" s="111">
        <v>18</v>
      </c>
      <c r="DA40" s="414">
        <v>0</v>
      </c>
      <c r="DB40" s="110">
        <v>21</v>
      </c>
      <c r="DC40" s="110">
        <v>19</v>
      </c>
      <c r="DD40" s="110">
        <v>24</v>
      </c>
      <c r="DE40" s="110">
        <v>20</v>
      </c>
      <c r="DF40" s="110">
        <v>15</v>
      </c>
      <c r="DG40" s="112">
        <v>99</v>
      </c>
      <c r="DH40" s="113">
        <v>117</v>
      </c>
      <c r="DI40" s="114">
        <v>0</v>
      </c>
      <c r="DJ40" s="115">
        <v>0</v>
      </c>
      <c r="DK40" s="116">
        <v>0</v>
      </c>
      <c r="DL40" s="414">
        <v>0</v>
      </c>
      <c r="DM40" s="115">
        <v>0</v>
      </c>
      <c r="DN40" s="115">
        <v>0</v>
      </c>
      <c r="DO40" s="115">
        <v>0</v>
      </c>
      <c r="DP40" s="115">
        <v>0</v>
      </c>
      <c r="DQ40" s="115">
        <v>1</v>
      </c>
      <c r="DR40" s="116">
        <v>1</v>
      </c>
      <c r="DS40" s="117">
        <v>1</v>
      </c>
      <c r="DT40" s="114">
        <v>2</v>
      </c>
      <c r="DU40" s="115">
        <v>0</v>
      </c>
      <c r="DV40" s="116">
        <v>2</v>
      </c>
      <c r="DW40" s="414">
        <v>0</v>
      </c>
      <c r="DX40" s="115">
        <v>0</v>
      </c>
      <c r="DY40" s="115">
        <v>0</v>
      </c>
      <c r="DZ40" s="115">
        <v>1</v>
      </c>
      <c r="EA40" s="115">
        <v>0</v>
      </c>
      <c r="EB40" s="115">
        <v>1</v>
      </c>
      <c r="EC40" s="116">
        <v>2</v>
      </c>
      <c r="ED40" s="117">
        <v>4</v>
      </c>
      <c r="EE40" s="114">
        <v>1</v>
      </c>
      <c r="EF40" s="115">
        <v>1</v>
      </c>
      <c r="EG40" s="116">
        <v>2</v>
      </c>
      <c r="EH40" s="414">
        <v>0</v>
      </c>
      <c r="EI40" s="115">
        <v>1</v>
      </c>
      <c r="EJ40" s="115">
        <v>3</v>
      </c>
      <c r="EK40" s="115">
        <v>3</v>
      </c>
      <c r="EL40" s="115">
        <v>1</v>
      </c>
      <c r="EM40" s="115">
        <v>0</v>
      </c>
      <c r="EN40" s="116">
        <v>8</v>
      </c>
      <c r="EO40" s="117">
        <v>10</v>
      </c>
      <c r="EP40" s="114">
        <v>4</v>
      </c>
      <c r="EQ40" s="115">
        <v>2</v>
      </c>
      <c r="ER40" s="116">
        <v>6</v>
      </c>
      <c r="ES40" s="414">
        <v>0</v>
      </c>
      <c r="ET40" s="115">
        <v>5</v>
      </c>
      <c r="EU40" s="115">
        <v>3</v>
      </c>
      <c r="EV40" s="115">
        <v>2</v>
      </c>
      <c r="EW40" s="115">
        <v>4</v>
      </c>
      <c r="EX40" s="115">
        <v>5</v>
      </c>
      <c r="EY40" s="116">
        <v>19</v>
      </c>
      <c r="EZ40" s="117">
        <v>25</v>
      </c>
      <c r="FA40" s="114">
        <v>4</v>
      </c>
      <c r="FB40" s="115">
        <v>0</v>
      </c>
      <c r="FC40" s="116">
        <v>4</v>
      </c>
      <c r="FD40" s="414">
        <v>0</v>
      </c>
      <c r="FE40" s="115">
        <v>7</v>
      </c>
      <c r="FF40" s="115">
        <v>4</v>
      </c>
      <c r="FG40" s="115">
        <v>11</v>
      </c>
      <c r="FH40" s="115">
        <v>5</v>
      </c>
      <c r="FI40" s="115">
        <v>5</v>
      </c>
      <c r="FJ40" s="116">
        <v>32</v>
      </c>
      <c r="FK40" s="117">
        <v>36</v>
      </c>
      <c r="FL40" s="114">
        <v>3</v>
      </c>
      <c r="FM40" s="115">
        <v>1</v>
      </c>
      <c r="FN40" s="116">
        <v>4</v>
      </c>
      <c r="FO40" s="414">
        <v>0</v>
      </c>
      <c r="FP40" s="115">
        <v>8</v>
      </c>
      <c r="FQ40" s="115">
        <v>9</v>
      </c>
      <c r="FR40" s="115">
        <v>7</v>
      </c>
      <c r="FS40" s="115">
        <v>10</v>
      </c>
      <c r="FT40" s="115">
        <v>3</v>
      </c>
      <c r="FU40" s="116">
        <v>37</v>
      </c>
      <c r="FV40" s="117">
        <v>41</v>
      </c>
      <c r="FW40" s="114">
        <v>0</v>
      </c>
      <c r="FX40" s="115">
        <v>0</v>
      </c>
      <c r="FY40" s="116">
        <v>0</v>
      </c>
      <c r="FZ40" s="414">
        <v>0</v>
      </c>
      <c r="GA40" s="115">
        <v>0</v>
      </c>
      <c r="GB40" s="115">
        <v>1</v>
      </c>
      <c r="GC40" s="115">
        <v>0</v>
      </c>
      <c r="GD40" s="115">
        <v>0</v>
      </c>
      <c r="GE40" s="115">
        <v>0</v>
      </c>
      <c r="GF40" s="116">
        <v>1</v>
      </c>
      <c r="GG40" s="117">
        <v>1</v>
      </c>
      <c r="GH40" s="114">
        <v>14</v>
      </c>
      <c r="GI40" s="115">
        <v>4</v>
      </c>
      <c r="GJ40" s="116">
        <v>18</v>
      </c>
      <c r="GK40" s="414">
        <v>0</v>
      </c>
      <c r="GL40" s="115">
        <v>21</v>
      </c>
      <c r="GM40" s="115">
        <v>20</v>
      </c>
      <c r="GN40" s="115">
        <v>24</v>
      </c>
      <c r="GO40" s="115">
        <v>20</v>
      </c>
      <c r="GP40" s="115">
        <v>15</v>
      </c>
      <c r="GQ40" s="116">
        <v>100</v>
      </c>
      <c r="GR40" s="117">
        <v>118</v>
      </c>
      <c r="GS40" s="118">
        <v>16</v>
      </c>
      <c r="GT40" s="110">
        <v>5</v>
      </c>
      <c r="GU40" s="111">
        <v>21</v>
      </c>
      <c r="GV40" s="414">
        <v>0</v>
      </c>
      <c r="GW40" s="110">
        <v>31</v>
      </c>
      <c r="GX40" s="110">
        <v>30</v>
      </c>
      <c r="GY40" s="110">
        <v>32</v>
      </c>
      <c r="GZ40" s="110">
        <v>23</v>
      </c>
      <c r="HA40" s="110">
        <v>20</v>
      </c>
      <c r="HB40" s="112">
        <v>136</v>
      </c>
      <c r="HC40" s="113">
        <v>157</v>
      </c>
      <c r="HD40" s="114">
        <v>1</v>
      </c>
      <c r="HE40" s="115">
        <v>1</v>
      </c>
      <c r="HF40" s="116">
        <v>2</v>
      </c>
      <c r="HG40" s="417">
        <v>0</v>
      </c>
      <c r="HH40" s="115">
        <v>0</v>
      </c>
      <c r="HI40" s="115">
        <v>0</v>
      </c>
      <c r="HJ40" s="115">
        <v>0</v>
      </c>
      <c r="HK40" s="115">
        <v>1</v>
      </c>
      <c r="HL40" s="115">
        <v>1</v>
      </c>
      <c r="HM40" s="116">
        <v>2</v>
      </c>
      <c r="HN40" s="117">
        <v>4</v>
      </c>
      <c r="HO40" s="114">
        <v>3</v>
      </c>
      <c r="HP40" s="115">
        <v>0</v>
      </c>
      <c r="HQ40" s="116">
        <v>3</v>
      </c>
      <c r="HR40" s="414">
        <v>0</v>
      </c>
      <c r="HS40" s="115">
        <v>0</v>
      </c>
      <c r="HT40" s="115">
        <v>0</v>
      </c>
      <c r="HU40" s="115">
        <v>4</v>
      </c>
      <c r="HV40" s="115">
        <v>0</v>
      </c>
      <c r="HW40" s="115">
        <v>2</v>
      </c>
      <c r="HX40" s="116">
        <v>6</v>
      </c>
      <c r="HY40" s="117">
        <v>9</v>
      </c>
      <c r="HZ40" s="114">
        <v>1</v>
      </c>
      <c r="IA40" s="115">
        <v>1</v>
      </c>
      <c r="IB40" s="116">
        <v>2</v>
      </c>
      <c r="IC40" s="414">
        <v>0</v>
      </c>
      <c r="ID40" s="115">
        <v>3</v>
      </c>
      <c r="IE40" s="115">
        <v>7</v>
      </c>
      <c r="IF40" s="115">
        <v>5</v>
      </c>
      <c r="IG40" s="115">
        <v>1</v>
      </c>
      <c r="IH40" s="115">
        <v>0</v>
      </c>
      <c r="II40" s="116">
        <v>16</v>
      </c>
      <c r="IJ40" s="117">
        <v>18</v>
      </c>
      <c r="IK40" s="114">
        <v>4</v>
      </c>
      <c r="IL40" s="115">
        <v>2</v>
      </c>
      <c r="IM40" s="116">
        <v>6</v>
      </c>
      <c r="IN40" s="414">
        <v>0</v>
      </c>
      <c r="IO40" s="115">
        <v>10</v>
      </c>
      <c r="IP40" s="115">
        <v>6</v>
      </c>
      <c r="IQ40" s="115">
        <v>3</v>
      </c>
      <c r="IR40" s="115">
        <v>4</v>
      </c>
      <c r="IS40" s="115">
        <v>5</v>
      </c>
      <c r="IT40" s="116">
        <v>28</v>
      </c>
      <c r="IU40" s="117">
        <v>34</v>
      </c>
      <c r="IV40" s="114">
        <v>4</v>
      </c>
      <c r="IW40" s="115">
        <v>0</v>
      </c>
      <c r="IX40" s="116">
        <v>4</v>
      </c>
      <c r="IY40" s="414">
        <v>0</v>
      </c>
      <c r="IZ40" s="115">
        <v>8</v>
      </c>
      <c r="JA40" s="115">
        <v>6</v>
      </c>
      <c r="JB40" s="115">
        <v>13</v>
      </c>
      <c r="JC40" s="115">
        <v>6</v>
      </c>
      <c r="JD40" s="115">
        <v>7</v>
      </c>
      <c r="JE40" s="116">
        <v>40</v>
      </c>
      <c r="JF40" s="117">
        <v>44</v>
      </c>
      <c r="JG40" s="114">
        <v>3</v>
      </c>
      <c r="JH40" s="115">
        <v>1</v>
      </c>
      <c r="JI40" s="116">
        <v>4</v>
      </c>
      <c r="JJ40" s="414">
        <v>0</v>
      </c>
      <c r="JK40" s="115">
        <v>10</v>
      </c>
      <c r="JL40" s="115">
        <v>11</v>
      </c>
      <c r="JM40" s="115">
        <v>7</v>
      </c>
      <c r="JN40" s="115">
        <v>11</v>
      </c>
      <c r="JO40" s="115">
        <v>5</v>
      </c>
      <c r="JP40" s="116">
        <v>44</v>
      </c>
      <c r="JQ40" s="117">
        <v>48</v>
      </c>
      <c r="JR40" s="114">
        <v>0</v>
      </c>
      <c r="JS40" s="115">
        <v>0</v>
      </c>
      <c r="JT40" s="116">
        <v>0</v>
      </c>
      <c r="JU40" s="414">
        <v>0</v>
      </c>
      <c r="JV40" s="115">
        <v>0</v>
      </c>
      <c r="JW40" s="115">
        <v>2</v>
      </c>
      <c r="JX40" s="115">
        <v>0</v>
      </c>
      <c r="JY40" s="115">
        <v>2</v>
      </c>
      <c r="JZ40" s="115">
        <v>0</v>
      </c>
      <c r="KA40" s="116">
        <v>4</v>
      </c>
      <c r="KB40" s="117">
        <v>4</v>
      </c>
      <c r="KC40" s="114">
        <v>16</v>
      </c>
      <c r="KD40" s="115">
        <v>5</v>
      </c>
      <c r="KE40" s="116">
        <v>21</v>
      </c>
      <c r="KF40" s="414">
        <v>0</v>
      </c>
      <c r="KG40" s="115">
        <v>31</v>
      </c>
      <c r="KH40" s="115">
        <v>32</v>
      </c>
      <c r="KI40" s="115">
        <v>32</v>
      </c>
      <c r="KJ40" s="115">
        <v>25</v>
      </c>
      <c r="KK40" s="115">
        <v>20</v>
      </c>
      <c r="KL40" s="116">
        <v>140</v>
      </c>
      <c r="KM40" s="117">
        <v>161</v>
      </c>
    </row>
    <row r="41" spans="2:299" ht="32.25" customHeight="1" x14ac:dyDescent="0.2"/>
  </sheetData>
  <mergeCells count="36">
    <mergeCell ref="I1:J1"/>
    <mergeCell ref="CB4:CL5"/>
    <mergeCell ref="CM4:CW5"/>
    <mergeCell ref="C5:M5"/>
    <mergeCell ref="N5:X5"/>
    <mergeCell ref="Y5:AI5"/>
    <mergeCell ref="AJ5:AT5"/>
    <mergeCell ref="AU5:BE5"/>
    <mergeCell ref="BF5:BP5"/>
    <mergeCell ref="BQ5:CA5"/>
    <mergeCell ref="C3:CW3"/>
    <mergeCell ref="C4:CA4"/>
    <mergeCell ref="F1:G1"/>
    <mergeCell ref="B3:B5"/>
    <mergeCell ref="CX3:GR3"/>
    <mergeCell ref="CX4:FV4"/>
    <mergeCell ref="FW4:GG5"/>
    <mergeCell ref="GH4:GR5"/>
    <mergeCell ref="CX5:DH5"/>
    <mergeCell ref="DI5:DS5"/>
    <mergeCell ref="DT5:ED5"/>
    <mergeCell ref="EE5:EO5"/>
    <mergeCell ref="EP5:EZ5"/>
    <mergeCell ref="FA5:FK5"/>
    <mergeCell ref="FL5:FV5"/>
    <mergeCell ref="GS3:KM3"/>
    <mergeCell ref="GS4:JQ4"/>
    <mergeCell ref="JR4:KB5"/>
    <mergeCell ref="KC4:KM5"/>
    <mergeCell ref="GS5:HC5"/>
    <mergeCell ref="HD5:HN5"/>
    <mergeCell ref="HO5:HY5"/>
    <mergeCell ref="HZ5:IJ5"/>
    <mergeCell ref="IK5:IU5"/>
    <mergeCell ref="IV5:JF5"/>
    <mergeCell ref="JG5:JQ5"/>
  </mergeCells>
  <phoneticPr fontId="4"/>
  <printOptions horizontalCentered="1"/>
  <pageMargins left="0.59055118110236227" right="0.39370078740157483" top="0.59055118110236227" bottom="0.55118110236220474" header="0.23622047244094491" footer="0.27559055118110237"/>
  <pageSetup paperSize="9" scale="44" orientation="landscape" r:id="rId1"/>
  <headerFooter alignWithMargins="0">
    <oddFooter>&amp;L&amp;20&amp;X&amp;A&amp;C&amp;P/&amp;N</oddFooter>
  </headerFooter>
  <colBreaks count="8" manualBreakCount="8">
    <brk id="35" max="40" man="1"/>
    <brk id="68" max="1048575" man="1"/>
    <brk id="101" max="1048575" man="1"/>
    <brk id="133" max="40" man="1"/>
    <brk id="167" max="40" man="1"/>
    <brk id="200" max="40" man="1"/>
    <brk id="233" max="40" man="1"/>
    <brk id="266"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71" customWidth="1"/>
    <col min="3" max="3" width="8.88671875" style="71" customWidth="1"/>
    <col min="4" max="4" width="8.109375" style="71" customWidth="1"/>
    <col min="5" max="5" width="10.109375" style="71" bestFit="1" customWidth="1"/>
    <col min="6" max="6" width="9.6640625" style="71" bestFit="1" customWidth="1"/>
    <col min="7" max="7" width="9.109375" style="71" bestFit="1" customWidth="1"/>
    <col min="8" max="8" width="9.6640625" style="71" bestFit="1" customWidth="1"/>
    <col min="9" max="9" width="9.109375" style="71" bestFit="1" customWidth="1"/>
    <col min="10" max="11" width="9" style="71"/>
    <col min="12" max="12" width="9.6640625" style="71" customWidth="1"/>
    <col min="13" max="22" width="8.77734375" style="71" customWidth="1"/>
    <col min="23" max="42" width="9.6640625" style="71" customWidth="1"/>
    <col min="43" max="16384" width="9" style="71"/>
  </cols>
  <sheetData>
    <row r="1" spans="2:43" ht="24" customHeight="1" x14ac:dyDescent="0.2">
      <c r="B1" s="10" t="s">
        <v>56</v>
      </c>
      <c r="F1" s="63">
        <f>第１表!F2</f>
        <v>6</v>
      </c>
      <c r="G1" s="16">
        <f>第１表!G2</f>
        <v>10</v>
      </c>
      <c r="H1" s="446">
        <f>IF(G1&lt;3,G1-2+12,G1-2)</f>
        <v>8</v>
      </c>
      <c r="I1" s="446"/>
    </row>
    <row r="2" spans="2:43" ht="24" customHeight="1" thickBot="1" x14ac:dyDescent="0.25">
      <c r="B2" s="10" t="s">
        <v>155</v>
      </c>
      <c r="F2" s="10" t="s">
        <v>137</v>
      </c>
    </row>
    <row r="3" spans="2:43" ht="21" customHeight="1" x14ac:dyDescent="0.2">
      <c r="B3" s="523"/>
      <c r="C3" s="520" t="s">
        <v>57</v>
      </c>
      <c r="D3" s="521"/>
      <c r="E3" s="521"/>
      <c r="F3" s="521"/>
      <c r="G3" s="521"/>
      <c r="H3" s="521"/>
      <c r="I3" s="521"/>
      <c r="J3" s="521"/>
      <c r="K3" s="521"/>
      <c r="L3" s="521"/>
      <c r="M3" s="520" t="s">
        <v>58</v>
      </c>
      <c r="N3" s="526"/>
      <c r="O3" s="526"/>
      <c r="P3" s="526"/>
      <c r="Q3" s="526"/>
      <c r="R3" s="526"/>
      <c r="S3" s="526"/>
      <c r="T3" s="526"/>
      <c r="U3" s="526"/>
      <c r="V3" s="526"/>
      <c r="W3" s="520" t="s">
        <v>59</v>
      </c>
      <c r="X3" s="521"/>
      <c r="Y3" s="521"/>
      <c r="Z3" s="521"/>
      <c r="AA3" s="521"/>
      <c r="AB3" s="521"/>
      <c r="AC3" s="521"/>
      <c r="AD3" s="521"/>
      <c r="AE3" s="521"/>
      <c r="AF3" s="521"/>
      <c r="AG3" s="520" t="s">
        <v>148</v>
      </c>
      <c r="AH3" s="521"/>
      <c r="AI3" s="521"/>
      <c r="AJ3" s="521"/>
      <c r="AK3" s="521"/>
      <c r="AL3" s="521"/>
      <c r="AM3" s="521"/>
      <c r="AN3" s="521"/>
      <c r="AO3" s="521"/>
      <c r="AP3" s="522"/>
    </row>
    <row r="4" spans="2:43" ht="21" customHeight="1" x14ac:dyDescent="0.2">
      <c r="B4" s="525"/>
      <c r="C4" s="503" t="s">
        <v>61</v>
      </c>
      <c r="D4" s="504"/>
      <c r="E4" s="505"/>
      <c r="F4" s="506" t="s">
        <v>62</v>
      </c>
      <c r="G4" s="507"/>
      <c r="H4" s="507"/>
      <c r="I4" s="507"/>
      <c r="J4" s="507"/>
      <c r="K4" s="508"/>
      <c r="L4" s="517" t="s">
        <v>52</v>
      </c>
      <c r="M4" s="503" t="s">
        <v>61</v>
      </c>
      <c r="N4" s="504"/>
      <c r="O4" s="505"/>
      <c r="P4" s="506" t="s">
        <v>62</v>
      </c>
      <c r="Q4" s="507"/>
      <c r="R4" s="507"/>
      <c r="S4" s="507"/>
      <c r="T4" s="507"/>
      <c r="U4" s="508"/>
      <c r="V4" s="509" t="s">
        <v>52</v>
      </c>
      <c r="W4" s="503" t="s">
        <v>61</v>
      </c>
      <c r="X4" s="504"/>
      <c r="Y4" s="505"/>
      <c r="Z4" s="506" t="s">
        <v>62</v>
      </c>
      <c r="AA4" s="507"/>
      <c r="AB4" s="507"/>
      <c r="AC4" s="507"/>
      <c r="AD4" s="507"/>
      <c r="AE4" s="508"/>
      <c r="AF4" s="517" t="s">
        <v>52</v>
      </c>
      <c r="AG4" s="503" t="s">
        <v>61</v>
      </c>
      <c r="AH4" s="504"/>
      <c r="AI4" s="505"/>
      <c r="AJ4" s="506" t="s">
        <v>62</v>
      </c>
      <c r="AK4" s="507"/>
      <c r="AL4" s="507"/>
      <c r="AM4" s="507"/>
      <c r="AN4" s="507"/>
      <c r="AO4" s="508"/>
      <c r="AP4" s="509" t="s">
        <v>52</v>
      </c>
    </row>
    <row r="5" spans="2:43" ht="30" customHeight="1" thickBot="1" x14ac:dyDescent="0.25">
      <c r="B5" s="72" t="s">
        <v>42</v>
      </c>
      <c r="C5" s="229" t="s">
        <v>43</v>
      </c>
      <c r="D5" s="230" t="s">
        <v>44</v>
      </c>
      <c r="E5" s="230" t="s">
        <v>45</v>
      </c>
      <c r="F5" s="231" t="s">
        <v>47</v>
      </c>
      <c r="G5" s="232" t="s">
        <v>48</v>
      </c>
      <c r="H5" s="232" t="s">
        <v>49</v>
      </c>
      <c r="I5" s="233" t="s">
        <v>50</v>
      </c>
      <c r="J5" s="230" t="s">
        <v>51</v>
      </c>
      <c r="K5" s="234" t="s">
        <v>95</v>
      </c>
      <c r="L5" s="518"/>
      <c r="M5" s="229" t="s">
        <v>43</v>
      </c>
      <c r="N5" s="230" t="s">
        <v>44</v>
      </c>
      <c r="O5" s="234" t="s">
        <v>45</v>
      </c>
      <c r="P5" s="235" t="s">
        <v>47</v>
      </c>
      <c r="Q5" s="232" t="s">
        <v>48</v>
      </c>
      <c r="R5" s="232" t="s">
        <v>49</v>
      </c>
      <c r="S5" s="233" t="s">
        <v>50</v>
      </c>
      <c r="T5" s="230" t="s">
        <v>51</v>
      </c>
      <c r="U5" s="234" t="s">
        <v>45</v>
      </c>
      <c r="V5" s="510"/>
      <c r="W5" s="229" t="s">
        <v>43</v>
      </c>
      <c r="X5" s="230" t="s">
        <v>44</v>
      </c>
      <c r="Y5" s="230" t="s">
        <v>45</v>
      </c>
      <c r="Z5" s="231" t="s">
        <v>47</v>
      </c>
      <c r="AA5" s="232" t="s">
        <v>48</v>
      </c>
      <c r="AB5" s="232" t="s">
        <v>49</v>
      </c>
      <c r="AC5" s="233" t="s">
        <v>50</v>
      </c>
      <c r="AD5" s="230" t="s">
        <v>51</v>
      </c>
      <c r="AE5" s="234" t="s">
        <v>45</v>
      </c>
      <c r="AF5" s="518"/>
      <c r="AG5" s="229" t="s">
        <v>43</v>
      </c>
      <c r="AH5" s="230" t="s">
        <v>44</v>
      </c>
      <c r="AI5" s="230" t="s">
        <v>45</v>
      </c>
      <c r="AJ5" s="231" t="s">
        <v>47</v>
      </c>
      <c r="AK5" s="232" t="s">
        <v>48</v>
      </c>
      <c r="AL5" s="232" t="s">
        <v>49</v>
      </c>
      <c r="AM5" s="233" t="s">
        <v>50</v>
      </c>
      <c r="AN5" s="230" t="s">
        <v>51</v>
      </c>
      <c r="AO5" s="234" t="s">
        <v>45</v>
      </c>
      <c r="AP5" s="510"/>
    </row>
    <row r="6" spans="2:43" ht="21" customHeight="1" x14ac:dyDescent="0.2">
      <c r="B6" s="84" t="s">
        <v>4</v>
      </c>
      <c r="C6" s="211">
        <v>0</v>
      </c>
      <c r="D6" s="213">
        <v>0</v>
      </c>
      <c r="E6" s="213">
        <v>0</v>
      </c>
      <c r="F6" s="214">
        <v>17</v>
      </c>
      <c r="G6" s="212">
        <v>68</v>
      </c>
      <c r="H6" s="212">
        <v>457</v>
      </c>
      <c r="I6" s="212">
        <v>681</v>
      </c>
      <c r="J6" s="213">
        <v>358</v>
      </c>
      <c r="K6" s="236">
        <v>1581</v>
      </c>
      <c r="L6" s="237">
        <v>1581</v>
      </c>
      <c r="M6" s="211">
        <v>0</v>
      </c>
      <c r="N6" s="213">
        <v>0</v>
      </c>
      <c r="O6" s="236">
        <v>0</v>
      </c>
      <c r="P6" s="216">
        <v>77</v>
      </c>
      <c r="Q6" s="212">
        <v>176</v>
      </c>
      <c r="R6" s="212">
        <v>296</v>
      </c>
      <c r="S6" s="212">
        <v>316</v>
      </c>
      <c r="T6" s="213">
        <v>167</v>
      </c>
      <c r="U6" s="236">
        <v>1032</v>
      </c>
      <c r="V6" s="215">
        <v>1032</v>
      </c>
      <c r="W6" s="216">
        <v>0</v>
      </c>
      <c r="X6" s="213">
        <v>0</v>
      </c>
      <c r="Y6" s="213">
        <v>0</v>
      </c>
      <c r="Z6" s="214">
        <v>0</v>
      </c>
      <c r="AA6" s="212">
        <v>0</v>
      </c>
      <c r="AB6" s="212">
        <v>0</v>
      </c>
      <c r="AC6" s="212">
        <v>0</v>
      </c>
      <c r="AD6" s="213">
        <v>0</v>
      </c>
      <c r="AE6" s="236">
        <v>0</v>
      </c>
      <c r="AF6" s="237">
        <v>0</v>
      </c>
      <c r="AG6" s="211">
        <v>0</v>
      </c>
      <c r="AH6" s="213">
        <v>0</v>
      </c>
      <c r="AI6" s="213">
        <v>0</v>
      </c>
      <c r="AJ6" s="214">
        <v>0</v>
      </c>
      <c r="AK6" s="212">
        <v>0</v>
      </c>
      <c r="AL6" s="212">
        <v>1</v>
      </c>
      <c r="AM6" s="212">
        <v>14</v>
      </c>
      <c r="AN6" s="213">
        <v>16</v>
      </c>
      <c r="AO6" s="236">
        <v>31</v>
      </c>
      <c r="AP6" s="238">
        <v>31</v>
      </c>
      <c r="AQ6" s="239"/>
    </row>
    <row r="7" spans="2:43" ht="21" customHeight="1" x14ac:dyDescent="0.2">
      <c r="B7" s="95" t="s">
        <v>5</v>
      </c>
      <c r="C7" s="217">
        <v>0</v>
      </c>
      <c r="D7" s="219">
        <v>0</v>
      </c>
      <c r="E7" s="219">
        <v>0</v>
      </c>
      <c r="F7" s="220">
        <v>9</v>
      </c>
      <c r="G7" s="218">
        <v>57</v>
      </c>
      <c r="H7" s="218">
        <v>221</v>
      </c>
      <c r="I7" s="218">
        <v>306</v>
      </c>
      <c r="J7" s="219">
        <v>158</v>
      </c>
      <c r="K7" s="240">
        <v>751</v>
      </c>
      <c r="L7" s="241">
        <v>751</v>
      </c>
      <c r="M7" s="217">
        <v>0</v>
      </c>
      <c r="N7" s="219">
        <v>0</v>
      </c>
      <c r="O7" s="240">
        <v>0</v>
      </c>
      <c r="P7" s="222">
        <v>38</v>
      </c>
      <c r="Q7" s="218">
        <v>92</v>
      </c>
      <c r="R7" s="218">
        <v>141</v>
      </c>
      <c r="S7" s="218">
        <v>168</v>
      </c>
      <c r="T7" s="219">
        <v>90</v>
      </c>
      <c r="U7" s="240">
        <v>529</v>
      </c>
      <c r="V7" s="221">
        <v>529</v>
      </c>
      <c r="W7" s="222">
        <v>0</v>
      </c>
      <c r="X7" s="219">
        <v>0</v>
      </c>
      <c r="Y7" s="219">
        <v>0</v>
      </c>
      <c r="Z7" s="220">
        <v>0</v>
      </c>
      <c r="AA7" s="218">
        <v>0</v>
      </c>
      <c r="AB7" s="218">
        <v>0</v>
      </c>
      <c r="AC7" s="218">
        <v>0</v>
      </c>
      <c r="AD7" s="219">
        <v>0</v>
      </c>
      <c r="AE7" s="240">
        <v>0</v>
      </c>
      <c r="AF7" s="241">
        <v>0</v>
      </c>
      <c r="AG7" s="217">
        <v>0</v>
      </c>
      <c r="AH7" s="219">
        <v>0</v>
      </c>
      <c r="AI7" s="219">
        <v>0</v>
      </c>
      <c r="AJ7" s="220">
        <v>0</v>
      </c>
      <c r="AK7" s="218">
        <v>0</v>
      </c>
      <c r="AL7" s="218">
        <v>0</v>
      </c>
      <c r="AM7" s="218">
        <v>3</v>
      </c>
      <c r="AN7" s="219">
        <v>6</v>
      </c>
      <c r="AO7" s="240">
        <v>9</v>
      </c>
      <c r="AP7" s="242">
        <v>9</v>
      </c>
      <c r="AQ7" s="239"/>
    </row>
    <row r="8" spans="2:43" ht="21" customHeight="1" x14ac:dyDescent="0.2">
      <c r="B8" s="106" t="s">
        <v>6</v>
      </c>
      <c r="C8" s="217">
        <v>0</v>
      </c>
      <c r="D8" s="219">
        <v>0</v>
      </c>
      <c r="E8" s="219">
        <v>0</v>
      </c>
      <c r="F8" s="220">
        <v>4</v>
      </c>
      <c r="G8" s="218">
        <v>5</v>
      </c>
      <c r="H8" s="218">
        <v>50</v>
      </c>
      <c r="I8" s="218">
        <v>74</v>
      </c>
      <c r="J8" s="219">
        <v>43</v>
      </c>
      <c r="K8" s="240">
        <v>176</v>
      </c>
      <c r="L8" s="241">
        <v>176</v>
      </c>
      <c r="M8" s="217">
        <v>0</v>
      </c>
      <c r="N8" s="219">
        <v>0</v>
      </c>
      <c r="O8" s="240">
        <v>0</v>
      </c>
      <c r="P8" s="222">
        <v>5</v>
      </c>
      <c r="Q8" s="218">
        <v>14</v>
      </c>
      <c r="R8" s="218">
        <v>34</v>
      </c>
      <c r="S8" s="218">
        <v>35</v>
      </c>
      <c r="T8" s="219">
        <v>23</v>
      </c>
      <c r="U8" s="240">
        <v>111</v>
      </c>
      <c r="V8" s="221">
        <v>111</v>
      </c>
      <c r="W8" s="222">
        <v>0</v>
      </c>
      <c r="X8" s="219">
        <v>0</v>
      </c>
      <c r="Y8" s="219">
        <v>0</v>
      </c>
      <c r="Z8" s="220">
        <v>0</v>
      </c>
      <c r="AA8" s="218">
        <v>0</v>
      </c>
      <c r="AB8" s="218">
        <v>0</v>
      </c>
      <c r="AC8" s="218">
        <v>0</v>
      </c>
      <c r="AD8" s="219">
        <v>0</v>
      </c>
      <c r="AE8" s="240">
        <v>0</v>
      </c>
      <c r="AF8" s="241">
        <v>0</v>
      </c>
      <c r="AG8" s="217">
        <v>0</v>
      </c>
      <c r="AH8" s="219">
        <v>0</v>
      </c>
      <c r="AI8" s="219">
        <v>0</v>
      </c>
      <c r="AJ8" s="220">
        <v>0</v>
      </c>
      <c r="AK8" s="218">
        <v>0</v>
      </c>
      <c r="AL8" s="218">
        <v>0</v>
      </c>
      <c r="AM8" s="218">
        <v>1</v>
      </c>
      <c r="AN8" s="219">
        <v>0</v>
      </c>
      <c r="AO8" s="240">
        <v>1</v>
      </c>
      <c r="AP8" s="242">
        <v>1</v>
      </c>
      <c r="AQ8" s="239"/>
    </row>
    <row r="9" spans="2:43" ht="21" customHeight="1" x14ac:dyDescent="0.2">
      <c r="B9" s="106" t="s">
        <v>14</v>
      </c>
      <c r="C9" s="217">
        <v>0</v>
      </c>
      <c r="D9" s="219">
        <v>0</v>
      </c>
      <c r="E9" s="219">
        <v>0</v>
      </c>
      <c r="F9" s="220">
        <v>0</v>
      </c>
      <c r="G9" s="218">
        <v>1</v>
      </c>
      <c r="H9" s="218">
        <v>37</v>
      </c>
      <c r="I9" s="218">
        <v>52</v>
      </c>
      <c r="J9" s="219">
        <v>31</v>
      </c>
      <c r="K9" s="240">
        <v>121</v>
      </c>
      <c r="L9" s="241">
        <v>121</v>
      </c>
      <c r="M9" s="217">
        <v>0</v>
      </c>
      <c r="N9" s="219">
        <v>0</v>
      </c>
      <c r="O9" s="240">
        <v>0</v>
      </c>
      <c r="P9" s="222">
        <v>1</v>
      </c>
      <c r="Q9" s="218">
        <v>14</v>
      </c>
      <c r="R9" s="218">
        <v>12</v>
      </c>
      <c r="S9" s="218">
        <v>13</v>
      </c>
      <c r="T9" s="219">
        <v>6</v>
      </c>
      <c r="U9" s="240">
        <v>46</v>
      </c>
      <c r="V9" s="221">
        <v>46</v>
      </c>
      <c r="W9" s="222">
        <v>0</v>
      </c>
      <c r="X9" s="219">
        <v>0</v>
      </c>
      <c r="Y9" s="219">
        <v>0</v>
      </c>
      <c r="Z9" s="220">
        <v>0</v>
      </c>
      <c r="AA9" s="218">
        <v>0</v>
      </c>
      <c r="AB9" s="218">
        <v>0</v>
      </c>
      <c r="AC9" s="218">
        <v>0</v>
      </c>
      <c r="AD9" s="219">
        <v>0</v>
      </c>
      <c r="AE9" s="240">
        <v>0</v>
      </c>
      <c r="AF9" s="241">
        <v>0</v>
      </c>
      <c r="AG9" s="217">
        <v>0</v>
      </c>
      <c r="AH9" s="219">
        <v>0</v>
      </c>
      <c r="AI9" s="219">
        <v>0</v>
      </c>
      <c r="AJ9" s="220">
        <v>0</v>
      </c>
      <c r="AK9" s="218">
        <v>0</v>
      </c>
      <c r="AL9" s="218">
        <v>0</v>
      </c>
      <c r="AM9" s="218">
        <v>5</v>
      </c>
      <c r="AN9" s="219">
        <v>6</v>
      </c>
      <c r="AO9" s="240">
        <v>11</v>
      </c>
      <c r="AP9" s="242">
        <v>11</v>
      </c>
      <c r="AQ9" s="239"/>
    </row>
    <row r="10" spans="2:43" ht="21" customHeight="1" x14ac:dyDescent="0.2">
      <c r="B10" s="106" t="s">
        <v>7</v>
      </c>
      <c r="C10" s="217">
        <v>0</v>
      </c>
      <c r="D10" s="219">
        <v>0</v>
      </c>
      <c r="E10" s="219">
        <v>0</v>
      </c>
      <c r="F10" s="220">
        <v>1</v>
      </c>
      <c r="G10" s="218">
        <v>1</v>
      </c>
      <c r="H10" s="218">
        <v>30</v>
      </c>
      <c r="I10" s="218">
        <v>49</v>
      </c>
      <c r="J10" s="219">
        <v>20</v>
      </c>
      <c r="K10" s="240">
        <v>101</v>
      </c>
      <c r="L10" s="241">
        <v>101</v>
      </c>
      <c r="M10" s="217">
        <v>0</v>
      </c>
      <c r="N10" s="219">
        <v>0</v>
      </c>
      <c r="O10" s="240">
        <v>0</v>
      </c>
      <c r="P10" s="222">
        <v>12</v>
      </c>
      <c r="Q10" s="218">
        <v>12</v>
      </c>
      <c r="R10" s="218">
        <v>13</v>
      </c>
      <c r="S10" s="218">
        <v>16</v>
      </c>
      <c r="T10" s="219">
        <v>7</v>
      </c>
      <c r="U10" s="240">
        <v>60</v>
      </c>
      <c r="V10" s="221">
        <v>60</v>
      </c>
      <c r="W10" s="222">
        <v>0</v>
      </c>
      <c r="X10" s="219">
        <v>0</v>
      </c>
      <c r="Y10" s="219">
        <v>0</v>
      </c>
      <c r="Z10" s="220">
        <v>0</v>
      </c>
      <c r="AA10" s="218">
        <v>0</v>
      </c>
      <c r="AB10" s="218">
        <v>0</v>
      </c>
      <c r="AC10" s="218">
        <v>0</v>
      </c>
      <c r="AD10" s="219">
        <v>0</v>
      </c>
      <c r="AE10" s="240">
        <v>0</v>
      </c>
      <c r="AF10" s="241">
        <v>0</v>
      </c>
      <c r="AG10" s="217">
        <v>0</v>
      </c>
      <c r="AH10" s="219">
        <v>0</v>
      </c>
      <c r="AI10" s="219">
        <v>0</v>
      </c>
      <c r="AJ10" s="220">
        <v>0</v>
      </c>
      <c r="AK10" s="218">
        <v>0</v>
      </c>
      <c r="AL10" s="218">
        <v>0</v>
      </c>
      <c r="AM10" s="218">
        <v>2</v>
      </c>
      <c r="AN10" s="219">
        <v>0</v>
      </c>
      <c r="AO10" s="240">
        <v>2</v>
      </c>
      <c r="AP10" s="242">
        <v>2</v>
      </c>
      <c r="AQ10" s="239"/>
    </row>
    <row r="11" spans="2:43" ht="21" customHeight="1" x14ac:dyDescent="0.2">
      <c r="B11" s="106" t="s">
        <v>8</v>
      </c>
      <c r="C11" s="217">
        <v>0</v>
      </c>
      <c r="D11" s="219">
        <v>0</v>
      </c>
      <c r="E11" s="219">
        <v>0</v>
      </c>
      <c r="F11" s="220">
        <v>1</v>
      </c>
      <c r="G11" s="218">
        <v>1</v>
      </c>
      <c r="H11" s="218">
        <v>15</v>
      </c>
      <c r="I11" s="218">
        <v>12</v>
      </c>
      <c r="J11" s="219">
        <v>8</v>
      </c>
      <c r="K11" s="240">
        <v>37</v>
      </c>
      <c r="L11" s="241">
        <v>37</v>
      </c>
      <c r="M11" s="217">
        <v>0</v>
      </c>
      <c r="N11" s="219">
        <v>0</v>
      </c>
      <c r="O11" s="240">
        <v>0</v>
      </c>
      <c r="P11" s="222">
        <v>2</v>
      </c>
      <c r="Q11" s="218">
        <v>1</v>
      </c>
      <c r="R11" s="218">
        <v>8</v>
      </c>
      <c r="S11" s="218">
        <v>2</v>
      </c>
      <c r="T11" s="219">
        <v>4</v>
      </c>
      <c r="U11" s="240">
        <v>17</v>
      </c>
      <c r="V11" s="221">
        <v>17</v>
      </c>
      <c r="W11" s="222">
        <v>0</v>
      </c>
      <c r="X11" s="219">
        <v>0</v>
      </c>
      <c r="Y11" s="219">
        <v>0</v>
      </c>
      <c r="Z11" s="220">
        <v>0</v>
      </c>
      <c r="AA11" s="218">
        <v>0</v>
      </c>
      <c r="AB11" s="218">
        <v>0</v>
      </c>
      <c r="AC11" s="218">
        <v>0</v>
      </c>
      <c r="AD11" s="219">
        <v>0</v>
      </c>
      <c r="AE11" s="240">
        <v>0</v>
      </c>
      <c r="AF11" s="241">
        <v>0</v>
      </c>
      <c r="AG11" s="217">
        <v>0</v>
      </c>
      <c r="AH11" s="219">
        <v>0</v>
      </c>
      <c r="AI11" s="219">
        <v>0</v>
      </c>
      <c r="AJ11" s="220">
        <v>0</v>
      </c>
      <c r="AK11" s="218">
        <v>0</v>
      </c>
      <c r="AL11" s="218">
        <v>0</v>
      </c>
      <c r="AM11" s="218">
        <v>0</v>
      </c>
      <c r="AN11" s="219">
        <v>0</v>
      </c>
      <c r="AO11" s="240">
        <v>0</v>
      </c>
      <c r="AP11" s="242">
        <v>0</v>
      </c>
      <c r="AQ11" s="239"/>
    </row>
    <row r="12" spans="2:43" ht="21" customHeight="1" x14ac:dyDescent="0.2">
      <c r="B12" s="106" t="s">
        <v>9</v>
      </c>
      <c r="C12" s="217">
        <v>0</v>
      </c>
      <c r="D12" s="219">
        <v>0</v>
      </c>
      <c r="E12" s="219">
        <v>0</v>
      </c>
      <c r="F12" s="220">
        <v>0</v>
      </c>
      <c r="G12" s="218">
        <v>0</v>
      </c>
      <c r="H12" s="218">
        <v>11</v>
      </c>
      <c r="I12" s="218">
        <v>24</v>
      </c>
      <c r="J12" s="219">
        <v>9</v>
      </c>
      <c r="K12" s="240">
        <v>44</v>
      </c>
      <c r="L12" s="241">
        <v>44</v>
      </c>
      <c r="M12" s="217">
        <v>0</v>
      </c>
      <c r="N12" s="219">
        <v>0</v>
      </c>
      <c r="O12" s="240">
        <v>0</v>
      </c>
      <c r="P12" s="222">
        <v>2</v>
      </c>
      <c r="Q12" s="218">
        <v>5</v>
      </c>
      <c r="R12" s="218">
        <v>8</v>
      </c>
      <c r="S12" s="218">
        <v>11</v>
      </c>
      <c r="T12" s="219">
        <v>4</v>
      </c>
      <c r="U12" s="240">
        <v>30</v>
      </c>
      <c r="V12" s="221">
        <v>30</v>
      </c>
      <c r="W12" s="222">
        <v>0</v>
      </c>
      <c r="X12" s="219">
        <v>0</v>
      </c>
      <c r="Y12" s="219">
        <v>0</v>
      </c>
      <c r="Z12" s="220">
        <v>0</v>
      </c>
      <c r="AA12" s="218">
        <v>0</v>
      </c>
      <c r="AB12" s="218">
        <v>0</v>
      </c>
      <c r="AC12" s="218">
        <v>0</v>
      </c>
      <c r="AD12" s="219">
        <v>0</v>
      </c>
      <c r="AE12" s="240">
        <v>0</v>
      </c>
      <c r="AF12" s="241">
        <v>0</v>
      </c>
      <c r="AG12" s="217">
        <v>0</v>
      </c>
      <c r="AH12" s="219">
        <v>0</v>
      </c>
      <c r="AI12" s="219">
        <v>0</v>
      </c>
      <c r="AJ12" s="220">
        <v>0</v>
      </c>
      <c r="AK12" s="218">
        <v>0</v>
      </c>
      <c r="AL12" s="218">
        <v>0</v>
      </c>
      <c r="AM12" s="218">
        <v>0</v>
      </c>
      <c r="AN12" s="219">
        <v>0</v>
      </c>
      <c r="AO12" s="240">
        <v>0</v>
      </c>
      <c r="AP12" s="242">
        <v>0</v>
      </c>
      <c r="AQ12" s="239"/>
    </row>
    <row r="13" spans="2:43" ht="21" customHeight="1" x14ac:dyDescent="0.2">
      <c r="B13" s="106" t="s">
        <v>10</v>
      </c>
      <c r="C13" s="217">
        <v>0</v>
      </c>
      <c r="D13" s="219">
        <v>0</v>
      </c>
      <c r="E13" s="219">
        <v>0</v>
      </c>
      <c r="F13" s="220">
        <v>1</v>
      </c>
      <c r="G13" s="218">
        <v>0</v>
      </c>
      <c r="H13" s="218">
        <v>15</v>
      </c>
      <c r="I13" s="218">
        <v>31</v>
      </c>
      <c r="J13" s="219">
        <v>14</v>
      </c>
      <c r="K13" s="240">
        <v>61</v>
      </c>
      <c r="L13" s="241">
        <v>61</v>
      </c>
      <c r="M13" s="217">
        <v>0</v>
      </c>
      <c r="N13" s="219">
        <v>0</v>
      </c>
      <c r="O13" s="240">
        <v>0</v>
      </c>
      <c r="P13" s="222">
        <v>3</v>
      </c>
      <c r="Q13" s="218">
        <v>7</v>
      </c>
      <c r="R13" s="218">
        <v>6</v>
      </c>
      <c r="S13" s="218">
        <v>8</v>
      </c>
      <c r="T13" s="219">
        <v>6</v>
      </c>
      <c r="U13" s="240">
        <v>30</v>
      </c>
      <c r="V13" s="221">
        <v>30</v>
      </c>
      <c r="W13" s="222">
        <v>0</v>
      </c>
      <c r="X13" s="219">
        <v>0</v>
      </c>
      <c r="Y13" s="219">
        <v>0</v>
      </c>
      <c r="Z13" s="220">
        <v>0</v>
      </c>
      <c r="AA13" s="218">
        <v>0</v>
      </c>
      <c r="AB13" s="218">
        <v>0</v>
      </c>
      <c r="AC13" s="218">
        <v>0</v>
      </c>
      <c r="AD13" s="219">
        <v>0</v>
      </c>
      <c r="AE13" s="240">
        <v>0</v>
      </c>
      <c r="AF13" s="241">
        <v>0</v>
      </c>
      <c r="AG13" s="217">
        <v>0</v>
      </c>
      <c r="AH13" s="219">
        <v>0</v>
      </c>
      <c r="AI13" s="219">
        <v>0</v>
      </c>
      <c r="AJ13" s="220">
        <v>0</v>
      </c>
      <c r="AK13" s="218">
        <v>0</v>
      </c>
      <c r="AL13" s="218">
        <v>0</v>
      </c>
      <c r="AM13" s="218">
        <v>1</v>
      </c>
      <c r="AN13" s="219">
        <v>1</v>
      </c>
      <c r="AO13" s="240">
        <v>2</v>
      </c>
      <c r="AP13" s="242">
        <v>2</v>
      </c>
      <c r="AQ13" s="239"/>
    </row>
    <row r="14" spans="2:43" ht="21" customHeight="1" x14ac:dyDescent="0.2">
      <c r="B14" s="106" t="s">
        <v>11</v>
      </c>
      <c r="C14" s="217">
        <v>0</v>
      </c>
      <c r="D14" s="219">
        <v>0</v>
      </c>
      <c r="E14" s="219">
        <v>0</v>
      </c>
      <c r="F14" s="220">
        <v>0</v>
      </c>
      <c r="G14" s="218">
        <v>0</v>
      </c>
      <c r="H14" s="218">
        <v>3</v>
      </c>
      <c r="I14" s="218">
        <v>15</v>
      </c>
      <c r="J14" s="219">
        <v>5</v>
      </c>
      <c r="K14" s="240">
        <v>23</v>
      </c>
      <c r="L14" s="241">
        <v>23</v>
      </c>
      <c r="M14" s="217">
        <v>0</v>
      </c>
      <c r="N14" s="219">
        <v>0</v>
      </c>
      <c r="O14" s="240">
        <v>0</v>
      </c>
      <c r="P14" s="222">
        <v>0</v>
      </c>
      <c r="Q14" s="218">
        <v>2</v>
      </c>
      <c r="R14" s="218">
        <v>8</v>
      </c>
      <c r="S14" s="218">
        <v>6</v>
      </c>
      <c r="T14" s="219">
        <v>7</v>
      </c>
      <c r="U14" s="240">
        <v>23</v>
      </c>
      <c r="V14" s="221">
        <v>23</v>
      </c>
      <c r="W14" s="222">
        <v>0</v>
      </c>
      <c r="X14" s="219">
        <v>0</v>
      </c>
      <c r="Y14" s="219">
        <v>0</v>
      </c>
      <c r="Z14" s="220">
        <v>0</v>
      </c>
      <c r="AA14" s="218">
        <v>0</v>
      </c>
      <c r="AB14" s="218">
        <v>0</v>
      </c>
      <c r="AC14" s="218">
        <v>0</v>
      </c>
      <c r="AD14" s="219">
        <v>0</v>
      </c>
      <c r="AE14" s="240">
        <v>0</v>
      </c>
      <c r="AF14" s="241">
        <v>0</v>
      </c>
      <c r="AG14" s="217">
        <v>0</v>
      </c>
      <c r="AH14" s="219">
        <v>0</v>
      </c>
      <c r="AI14" s="219">
        <v>0</v>
      </c>
      <c r="AJ14" s="220">
        <v>0</v>
      </c>
      <c r="AK14" s="218">
        <v>0</v>
      </c>
      <c r="AL14" s="218">
        <v>0</v>
      </c>
      <c r="AM14" s="218">
        <v>1</v>
      </c>
      <c r="AN14" s="219">
        <v>0</v>
      </c>
      <c r="AO14" s="240">
        <v>1</v>
      </c>
      <c r="AP14" s="242">
        <v>1</v>
      </c>
      <c r="AQ14" s="239"/>
    </row>
    <row r="15" spans="2:43" ht="21" customHeight="1" x14ac:dyDescent="0.2">
      <c r="B15" s="106" t="s">
        <v>12</v>
      </c>
      <c r="C15" s="217">
        <v>0</v>
      </c>
      <c r="D15" s="219">
        <v>0</v>
      </c>
      <c r="E15" s="219">
        <v>0</v>
      </c>
      <c r="F15" s="220">
        <v>0</v>
      </c>
      <c r="G15" s="218">
        <v>0</v>
      </c>
      <c r="H15" s="218">
        <v>8</v>
      </c>
      <c r="I15" s="218">
        <v>7</v>
      </c>
      <c r="J15" s="219">
        <v>6</v>
      </c>
      <c r="K15" s="240">
        <v>21</v>
      </c>
      <c r="L15" s="241">
        <v>21</v>
      </c>
      <c r="M15" s="217">
        <v>0</v>
      </c>
      <c r="N15" s="219">
        <v>0</v>
      </c>
      <c r="O15" s="240">
        <v>0</v>
      </c>
      <c r="P15" s="222">
        <v>1</v>
      </c>
      <c r="Q15" s="218">
        <v>2</v>
      </c>
      <c r="R15" s="218">
        <v>11</v>
      </c>
      <c r="S15" s="218">
        <v>11</v>
      </c>
      <c r="T15" s="219">
        <v>2</v>
      </c>
      <c r="U15" s="240">
        <v>27</v>
      </c>
      <c r="V15" s="221">
        <v>27</v>
      </c>
      <c r="W15" s="222">
        <v>0</v>
      </c>
      <c r="X15" s="219">
        <v>0</v>
      </c>
      <c r="Y15" s="219">
        <v>0</v>
      </c>
      <c r="Z15" s="220">
        <v>0</v>
      </c>
      <c r="AA15" s="218">
        <v>0</v>
      </c>
      <c r="AB15" s="218">
        <v>0</v>
      </c>
      <c r="AC15" s="218">
        <v>0</v>
      </c>
      <c r="AD15" s="219">
        <v>0</v>
      </c>
      <c r="AE15" s="240">
        <v>0</v>
      </c>
      <c r="AF15" s="241">
        <v>0</v>
      </c>
      <c r="AG15" s="217">
        <v>0</v>
      </c>
      <c r="AH15" s="219">
        <v>0</v>
      </c>
      <c r="AI15" s="219">
        <v>0</v>
      </c>
      <c r="AJ15" s="220">
        <v>0</v>
      </c>
      <c r="AK15" s="218">
        <v>0</v>
      </c>
      <c r="AL15" s="218">
        <v>0</v>
      </c>
      <c r="AM15" s="218">
        <v>0</v>
      </c>
      <c r="AN15" s="219">
        <v>0</v>
      </c>
      <c r="AO15" s="240">
        <v>0</v>
      </c>
      <c r="AP15" s="242">
        <v>0</v>
      </c>
      <c r="AQ15" s="239"/>
    </row>
    <row r="16" spans="2:43" ht="21" customHeight="1" x14ac:dyDescent="0.2">
      <c r="B16" s="106" t="s">
        <v>13</v>
      </c>
      <c r="C16" s="217">
        <v>0</v>
      </c>
      <c r="D16" s="219">
        <v>0</v>
      </c>
      <c r="E16" s="219">
        <v>0</v>
      </c>
      <c r="F16" s="220">
        <v>0</v>
      </c>
      <c r="G16" s="218">
        <v>1</v>
      </c>
      <c r="H16" s="218">
        <v>4</v>
      </c>
      <c r="I16" s="218">
        <v>10</v>
      </c>
      <c r="J16" s="219">
        <v>6</v>
      </c>
      <c r="K16" s="240">
        <v>21</v>
      </c>
      <c r="L16" s="241">
        <v>21</v>
      </c>
      <c r="M16" s="217">
        <v>0</v>
      </c>
      <c r="N16" s="219">
        <v>0</v>
      </c>
      <c r="O16" s="240">
        <v>0</v>
      </c>
      <c r="P16" s="222">
        <v>1</v>
      </c>
      <c r="Q16" s="218">
        <v>2</v>
      </c>
      <c r="R16" s="218">
        <v>6</v>
      </c>
      <c r="S16" s="218">
        <v>5</v>
      </c>
      <c r="T16" s="219">
        <v>0</v>
      </c>
      <c r="U16" s="240">
        <v>14</v>
      </c>
      <c r="V16" s="221">
        <v>14</v>
      </c>
      <c r="W16" s="222">
        <v>0</v>
      </c>
      <c r="X16" s="219">
        <v>0</v>
      </c>
      <c r="Y16" s="219">
        <v>0</v>
      </c>
      <c r="Z16" s="220">
        <v>0</v>
      </c>
      <c r="AA16" s="218">
        <v>0</v>
      </c>
      <c r="AB16" s="218">
        <v>0</v>
      </c>
      <c r="AC16" s="218">
        <v>0</v>
      </c>
      <c r="AD16" s="219">
        <v>0</v>
      </c>
      <c r="AE16" s="240">
        <v>0</v>
      </c>
      <c r="AF16" s="241">
        <v>0</v>
      </c>
      <c r="AG16" s="217">
        <v>0</v>
      </c>
      <c r="AH16" s="219">
        <v>0</v>
      </c>
      <c r="AI16" s="219">
        <v>0</v>
      </c>
      <c r="AJ16" s="220">
        <v>0</v>
      </c>
      <c r="AK16" s="218">
        <v>0</v>
      </c>
      <c r="AL16" s="218">
        <v>0</v>
      </c>
      <c r="AM16" s="218">
        <v>0</v>
      </c>
      <c r="AN16" s="219">
        <v>0</v>
      </c>
      <c r="AO16" s="240">
        <v>0</v>
      </c>
      <c r="AP16" s="242">
        <v>0</v>
      </c>
      <c r="AQ16" s="239"/>
    </row>
    <row r="17" spans="2:43" ht="21" customHeight="1" x14ac:dyDescent="0.2">
      <c r="B17" s="106" t="s">
        <v>15</v>
      </c>
      <c r="C17" s="217">
        <v>0</v>
      </c>
      <c r="D17" s="219">
        <v>0</v>
      </c>
      <c r="E17" s="219">
        <v>0</v>
      </c>
      <c r="F17" s="220">
        <v>0</v>
      </c>
      <c r="G17" s="218">
        <v>0</v>
      </c>
      <c r="H17" s="218">
        <v>2</v>
      </c>
      <c r="I17" s="218">
        <v>10</v>
      </c>
      <c r="J17" s="219">
        <v>2</v>
      </c>
      <c r="K17" s="240">
        <v>14</v>
      </c>
      <c r="L17" s="241">
        <v>14</v>
      </c>
      <c r="M17" s="217">
        <v>0</v>
      </c>
      <c r="N17" s="219">
        <v>0</v>
      </c>
      <c r="O17" s="240">
        <v>0</v>
      </c>
      <c r="P17" s="222">
        <v>0</v>
      </c>
      <c r="Q17" s="218">
        <v>2</v>
      </c>
      <c r="R17" s="218">
        <v>3</v>
      </c>
      <c r="S17" s="218">
        <v>3</v>
      </c>
      <c r="T17" s="219">
        <v>1</v>
      </c>
      <c r="U17" s="240">
        <v>9</v>
      </c>
      <c r="V17" s="221">
        <v>9</v>
      </c>
      <c r="W17" s="222">
        <v>0</v>
      </c>
      <c r="X17" s="219">
        <v>0</v>
      </c>
      <c r="Y17" s="219">
        <v>0</v>
      </c>
      <c r="Z17" s="220">
        <v>0</v>
      </c>
      <c r="AA17" s="218">
        <v>0</v>
      </c>
      <c r="AB17" s="218">
        <v>0</v>
      </c>
      <c r="AC17" s="218">
        <v>0</v>
      </c>
      <c r="AD17" s="219">
        <v>0</v>
      </c>
      <c r="AE17" s="240">
        <v>0</v>
      </c>
      <c r="AF17" s="241">
        <v>0</v>
      </c>
      <c r="AG17" s="217">
        <v>0</v>
      </c>
      <c r="AH17" s="219">
        <v>0</v>
      </c>
      <c r="AI17" s="219">
        <v>0</v>
      </c>
      <c r="AJ17" s="220">
        <v>0</v>
      </c>
      <c r="AK17" s="218">
        <v>0</v>
      </c>
      <c r="AL17" s="218">
        <v>0</v>
      </c>
      <c r="AM17" s="218">
        <v>0</v>
      </c>
      <c r="AN17" s="219">
        <v>0</v>
      </c>
      <c r="AO17" s="240">
        <v>0</v>
      </c>
      <c r="AP17" s="242">
        <v>0</v>
      </c>
      <c r="AQ17" s="239"/>
    </row>
    <row r="18" spans="2:43" ht="21" customHeight="1" x14ac:dyDescent="0.2">
      <c r="B18" s="106" t="s">
        <v>16</v>
      </c>
      <c r="C18" s="217">
        <v>0</v>
      </c>
      <c r="D18" s="219">
        <v>0</v>
      </c>
      <c r="E18" s="219">
        <v>0</v>
      </c>
      <c r="F18" s="220">
        <v>0</v>
      </c>
      <c r="G18" s="218">
        <v>0</v>
      </c>
      <c r="H18" s="218">
        <v>7</v>
      </c>
      <c r="I18" s="218">
        <v>11</v>
      </c>
      <c r="J18" s="219">
        <v>4</v>
      </c>
      <c r="K18" s="240">
        <v>22</v>
      </c>
      <c r="L18" s="241">
        <v>22</v>
      </c>
      <c r="M18" s="217">
        <v>0</v>
      </c>
      <c r="N18" s="219">
        <v>0</v>
      </c>
      <c r="O18" s="240">
        <v>0</v>
      </c>
      <c r="P18" s="222">
        <v>4</v>
      </c>
      <c r="Q18" s="218">
        <v>5</v>
      </c>
      <c r="R18" s="218">
        <v>5</v>
      </c>
      <c r="S18" s="218">
        <v>6</v>
      </c>
      <c r="T18" s="219">
        <v>1</v>
      </c>
      <c r="U18" s="240">
        <v>21</v>
      </c>
      <c r="V18" s="221">
        <v>21</v>
      </c>
      <c r="W18" s="222">
        <v>0</v>
      </c>
      <c r="X18" s="219">
        <v>0</v>
      </c>
      <c r="Y18" s="219">
        <v>0</v>
      </c>
      <c r="Z18" s="220">
        <v>0</v>
      </c>
      <c r="AA18" s="218">
        <v>0</v>
      </c>
      <c r="AB18" s="218">
        <v>0</v>
      </c>
      <c r="AC18" s="218">
        <v>0</v>
      </c>
      <c r="AD18" s="219">
        <v>0</v>
      </c>
      <c r="AE18" s="240">
        <v>0</v>
      </c>
      <c r="AF18" s="241">
        <v>0</v>
      </c>
      <c r="AG18" s="217">
        <v>0</v>
      </c>
      <c r="AH18" s="219">
        <v>0</v>
      </c>
      <c r="AI18" s="219">
        <v>0</v>
      </c>
      <c r="AJ18" s="220">
        <v>0</v>
      </c>
      <c r="AK18" s="218">
        <v>0</v>
      </c>
      <c r="AL18" s="218">
        <v>0</v>
      </c>
      <c r="AM18" s="218">
        <v>0</v>
      </c>
      <c r="AN18" s="219">
        <v>1</v>
      </c>
      <c r="AO18" s="240">
        <v>1</v>
      </c>
      <c r="AP18" s="242">
        <v>1</v>
      </c>
      <c r="AQ18" s="239"/>
    </row>
    <row r="19" spans="2:43" ht="21" customHeight="1" x14ac:dyDescent="0.2">
      <c r="B19" s="106" t="s">
        <v>17</v>
      </c>
      <c r="C19" s="217">
        <v>0</v>
      </c>
      <c r="D19" s="219">
        <v>0</v>
      </c>
      <c r="E19" s="219">
        <v>0</v>
      </c>
      <c r="F19" s="220">
        <v>0</v>
      </c>
      <c r="G19" s="218">
        <v>0</v>
      </c>
      <c r="H19" s="218">
        <v>7</v>
      </c>
      <c r="I19" s="218">
        <v>13</v>
      </c>
      <c r="J19" s="219">
        <v>12</v>
      </c>
      <c r="K19" s="240">
        <v>32</v>
      </c>
      <c r="L19" s="241">
        <v>32</v>
      </c>
      <c r="M19" s="217">
        <v>0</v>
      </c>
      <c r="N19" s="219">
        <v>0</v>
      </c>
      <c r="O19" s="240">
        <v>0</v>
      </c>
      <c r="P19" s="222">
        <v>1</v>
      </c>
      <c r="Q19" s="218">
        <v>3</v>
      </c>
      <c r="R19" s="218">
        <v>6</v>
      </c>
      <c r="S19" s="218">
        <v>2</v>
      </c>
      <c r="T19" s="219">
        <v>5</v>
      </c>
      <c r="U19" s="240">
        <v>17</v>
      </c>
      <c r="V19" s="221">
        <v>17</v>
      </c>
      <c r="W19" s="222">
        <v>0</v>
      </c>
      <c r="X19" s="219">
        <v>0</v>
      </c>
      <c r="Y19" s="219">
        <v>0</v>
      </c>
      <c r="Z19" s="220">
        <v>0</v>
      </c>
      <c r="AA19" s="218">
        <v>0</v>
      </c>
      <c r="AB19" s="218">
        <v>0</v>
      </c>
      <c r="AC19" s="218">
        <v>0</v>
      </c>
      <c r="AD19" s="219">
        <v>0</v>
      </c>
      <c r="AE19" s="240">
        <v>0</v>
      </c>
      <c r="AF19" s="241">
        <v>0</v>
      </c>
      <c r="AG19" s="217">
        <v>0</v>
      </c>
      <c r="AH19" s="219">
        <v>0</v>
      </c>
      <c r="AI19" s="219">
        <v>0</v>
      </c>
      <c r="AJ19" s="220">
        <v>0</v>
      </c>
      <c r="AK19" s="218">
        <v>0</v>
      </c>
      <c r="AL19" s="218">
        <v>0</v>
      </c>
      <c r="AM19" s="218">
        <v>0</v>
      </c>
      <c r="AN19" s="219">
        <v>0</v>
      </c>
      <c r="AO19" s="240">
        <v>0</v>
      </c>
      <c r="AP19" s="242">
        <v>0</v>
      </c>
      <c r="AQ19" s="239"/>
    </row>
    <row r="20" spans="2:43" ht="21" customHeight="1" x14ac:dyDescent="0.2">
      <c r="B20" s="106" t="s">
        <v>18</v>
      </c>
      <c r="C20" s="217">
        <v>0</v>
      </c>
      <c r="D20" s="219">
        <v>0</v>
      </c>
      <c r="E20" s="219">
        <v>0</v>
      </c>
      <c r="F20" s="220">
        <v>0</v>
      </c>
      <c r="G20" s="218">
        <v>0</v>
      </c>
      <c r="H20" s="218">
        <v>11</v>
      </c>
      <c r="I20" s="218">
        <v>18</v>
      </c>
      <c r="J20" s="219">
        <v>5</v>
      </c>
      <c r="K20" s="240">
        <v>34</v>
      </c>
      <c r="L20" s="241">
        <v>34</v>
      </c>
      <c r="M20" s="217">
        <v>0</v>
      </c>
      <c r="N20" s="219">
        <v>0</v>
      </c>
      <c r="O20" s="240">
        <v>0</v>
      </c>
      <c r="P20" s="222">
        <v>0</v>
      </c>
      <c r="Q20" s="218">
        <v>4</v>
      </c>
      <c r="R20" s="218">
        <v>8</v>
      </c>
      <c r="S20" s="218">
        <v>6</v>
      </c>
      <c r="T20" s="219">
        <v>3</v>
      </c>
      <c r="U20" s="240">
        <v>21</v>
      </c>
      <c r="V20" s="221">
        <v>21</v>
      </c>
      <c r="W20" s="222">
        <v>0</v>
      </c>
      <c r="X20" s="219">
        <v>0</v>
      </c>
      <c r="Y20" s="219">
        <v>0</v>
      </c>
      <c r="Z20" s="220">
        <v>0</v>
      </c>
      <c r="AA20" s="218">
        <v>0</v>
      </c>
      <c r="AB20" s="218">
        <v>0</v>
      </c>
      <c r="AC20" s="218">
        <v>0</v>
      </c>
      <c r="AD20" s="219">
        <v>0</v>
      </c>
      <c r="AE20" s="240">
        <v>0</v>
      </c>
      <c r="AF20" s="241">
        <v>0</v>
      </c>
      <c r="AG20" s="217">
        <v>0</v>
      </c>
      <c r="AH20" s="219">
        <v>0</v>
      </c>
      <c r="AI20" s="219">
        <v>0</v>
      </c>
      <c r="AJ20" s="220">
        <v>0</v>
      </c>
      <c r="AK20" s="218">
        <v>0</v>
      </c>
      <c r="AL20" s="218">
        <v>0</v>
      </c>
      <c r="AM20" s="218">
        <v>0</v>
      </c>
      <c r="AN20" s="219">
        <v>0</v>
      </c>
      <c r="AO20" s="240">
        <v>0</v>
      </c>
      <c r="AP20" s="242">
        <v>0</v>
      </c>
      <c r="AQ20" s="239"/>
    </row>
    <row r="21" spans="2:43" ht="21" customHeight="1" x14ac:dyDescent="0.2">
      <c r="B21" s="106" t="s">
        <v>19</v>
      </c>
      <c r="C21" s="217">
        <v>0</v>
      </c>
      <c r="D21" s="219">
        <v>0</v>
      </c>
      <c r="E21" s="219">
        <v>0</v>
      </c>
      <c r="F21" s="220">
        <v>0</v>
      </c>
      <c r="G21" s="218">
        <v>0</v>
      </c>
      <c r="H21" s="218">
        <v>4</v>
      </c>
      <c r="I21" s="218">
        <v>5</v>
      </c>
      <c r="J21" s="219">
        <v>4</v>
      </c>
      <c r="K21" s="240">
        <v>13</v>
      </c>
      <c r="L21" s="241">
        <v>13</v>
      </c>
      <c r="M21" s="217">
        <v>0</v>
      </c>
      <c r="N21" s="219">
        <v>0</v>
      </c>
      <c r="O21" s="240">
        <v>0</v>
      </c>
      <c r="P21" s="222">
        <v>3</v>
      </c>
      <c r="Q21" s="218">
        <v>2</v>
      </c>
      <c r="R21" s="218">
        <v>2</v>
      </c>
      <c r="S21" s="218">
        <v>5</v>
      </c>
      <c r="T21" s="219">
        <v>2</v>
      </c>
      <c r="U21" s="240">
        <v>14</v>
      </c>
      <c r="V21" s="221">
        <v>14</v>
      </c>
      <c r="W21" s="222">
        <v>0</v>
      </c>
      <c r="X21" s="219">
        <v>0</v>
      </c>
      <c r="Y21" s="219">
        <v>0</v>
      </c>
      <c r="Z21" s="220">
        <v>0</v>
      </c>
      <c r="AA21" s="218">
        <v>0</v>
      </c>
      <c r="AB21" s="218">
        <v>0</v>
      </c>
      <c r="AC21" s="218">
        <v>0</v>
      </c>
      <c r="AD21" s="219">
        <v>0</v>
      </c>
      <c r="AE21" s="240">
        <v>0</v>
      </c>
      <c r="AF21" s="241">
        <v>0</v>
      </c>
      <c r="AG21" s="217">
        <v>0</v>
      </c>
      <c r="AH21" s="219">
        <v>0</v>
      </c>
      <c r="AI21" s="219">
        <v>0</v>
      </c>
      <c r="AJ21" s="220">
        <v>0</v>
      </c>
      <c r="AK21" s="218">
        <v>0</v>
      </c>
      <c r="AL21" s="218">
        <v>0</v>
      </c>
      <c r="AM21" s="218">
        <v>0</v>
      </c>
      <c r="AN21" s="219">
        <v>0</v>
      </c>
      <c r="AO21" s="240">
        <v>0</v>
      </c>
      <c r="AP21" s="242">
        <v>0</v>
      </c>
      <c r="AQ21" s="239"/>
    </row>
    <row r="22" spans="2:43" ht="21" customHeight="1" x14ac:dyDescent="0.2">
      <c r="B22" s="106" t="s">
        <v>20</v>
      </c>
      <c r="C22" s="217">
        <v>0</v>
      </c>
      <c r="D22" s="219">
        <v>0</v>
      </c>
      <c r="E22" s="219">
        <v>0</v>
      </c>
      <c r="F22" s="220">
        <v>0</v>
      </c>
      <c r="G22" s="218">
        <v>1</v>
      </c>
      <c r="H22" s="218">
        <v>6</v>
      </c>
      <c r="I22" s="218">
        <v>9</v>
      </c>
      <c r="J22" s="219">
        <v>5</v>
      </c>
      <c r="K22" s="240">
        <v>21</v>
      </c>
      <c r="L22" s="241">
        <v>21</v>
      </c>
      <c r="M22" s="217">
        <v>0</v>
      </c>
      <c r="N22" s="219">
        <v>0</v>
      </c>
      <c r="O22" s="240">
        <v>0</v>
      </c>
      <c r="P22" s="222">
        <v>0</v>
      </c>
      <c r="Q22" s="218">
        <v>1</v>
      </c>
      <c r="R22" s="218">
        <v>1</v>
      </c>
      <c r="S22" s="218">
        <v>2</v>
      </c>
      <c r="T22" s="219">
        <v>0</v>
      </c>
      <c r="U22" s="240">
        <v>4</v>
      </c>
      <c r="V22" s="221">
        <v>4</v>
      </c>
      <c r="W22" s="222">
        <v>0</v>
      </c>
      <c r="X22" s="219">
        <v>0</v>
      </c>
      <c r="Y22" s="219">
        <v>0</v>
      </c>
      <c r="Z22" s="220">
        <v>0</v>
      </c>
      <c r="AA22" s="218">
        <v>0</v>
      </c>
      <c r="AB22" s="218">
        <v>0</v>
      </c>
      <c r="AC22" s="218">
        <v>0</v>
      </c>
      <c r="AD22" s="219">
        <v>0</v>
      </c>
      <c r="AE22" s="240">
        <v>0</v>
      </c>
      <c r="AF22" s="241">
        <v>0</v>
      </c>
      <c r="AG22" s="217">
        <v>0</v>
      </c>
      <c r="AH22" s="219">
        <v>0</v>
      </c>
      <c r="AI22" s="219">
        <v>0</v>
      </c>
      <c r="AJ22" s="220">
        <v>0</v>
      </c>
      <c r="AK22" s="218">
        <v>0</v>
      </c>
      <c r="AL22" s="218">
        <v>0</v>
      </c>
      <c r="AM22" s="218">
        <v>0</v>
      </c>
      <c r="AN22" s="219">
        <v>1</v>
      </c>
      <c r="AO22" s="240">
        <v>1</v>
      </c>
      <c r="AP22" s="242">
        <v>1</v>
      </c>
      <c r="AQ22" s="239"/>
    </row>
    <row r="23" spans="2:43" ht="21" customHeight="1" x14ac:dyDescent="0.2">
      <c r="B23" s="106" t="s">
        <v>21</v>
      </c>
      <c r="C23" s="217">
        <v>0</v>
      </c>
      <c r="D23" s="219">
        <v>0</v>
      </c>
      <c r="E23" s="219">
        <v>0</v>
      </c>
      <c r="F23" s="220">
        <v>0</v>
      </c>
      <c r="G23" s="218">
        <v>0</v>
      </c>
      <c r="H23" s="218">
        <v>4</v>
      </c>
      <c r="I23" s="218">
        <v>6</v>
      </c>
      <c r="J23" s="219">
        <v>8</v>
      </c>
      <c r="K23" s="240">
        <v>18</v>
      </c>
      <c r="L23" s="241">
        <v>18</v>
      </c>
      <c r="M23" s="217">
        <v>0</v>
      </c>
      <c r="N23" s="219">
        <v>0</v>
      </c>
      <c r="O23" s="240">
        <v>0</v>
      </c>
      <c r="P23" s="222">
        <v>1</v>
      </c>
      <c r="Q23" s="218">
        <v>0</v>
      </c>
      <c r="R23" s="218">
        <v>5</v>
      </c>
      <c r="S23" s="218">
        <v>0</v>
      </c>
      <c r="T23" s="219">
        <v>0</v>
      </c>
      <c r="U23" s="240">
        <v>6</v>
      </c>
      <c r="V23" s="221">
        <v>6</v>
      </c>
      <c r="W23" s="222">
        <v>0</v>
      </c>
      <c r="X23" s="219">
        <v>0</v>
      </c>
      <c r="Y23" s="219">
        <v>0</v>
      </c>
      <c r="Z23" s="220">
        <v>0</v>
      </c>
      <c r="AA23" s="218">
        <v>0</v>
      </c>
      <c r="AB23" s="218">
        <v>0</v>
      </c>
      <c r="AC23" s="218">
        <v>0</v>
      </c>
      <c r="AD23" s="219">
        <v>0</v>
      </c>
      <c r="AE23" s="240">
        <v>0</v>
      </c>
      <c r="AF23" s="241">
        <v>0</v>
      </c>
      <c r="AG23" s="217">
        <v>0</v>
      </c>
      <c r="AH23" s="219">
        <v>0</v>
      </c>
      <c r="AI23" s="219">
        <v>0</v>
      </c>
      <c r="AJ23" s="220">
        <v>0</v>
      </c>
      <c r="AK23" s="218">
        <v>0</v>
      </c>
      <c r="AL23" s="218">
        <v>0</v>
      </c>
      <c r="AM23" s="218">
        <v>0</v>
      </c>
      <c r="AN23" s="219">
        <v>1</v>
      </c>
      <c r="AO23" s="240">
        <v>1</v>
      </c>
      <c r="AP23" s="242">
        <v>1</v>
      </c>
      <c r="AQ23" s="239"/>
    </row>
    <row r="24" spans="2:43" ht="21" customHeight="1" x14ac:dyDescent="0.2">
      <c r="B24" s="106" t="s">
        <v>22</v>
      </c>
      <c r="C24" s="217">
        <v>0</v>
      </c>
      <c r="D24" s="219">
        <v>0</v>
      </c>
      <c r="E24" s="219">
        <v>0</v>
      </c>
      <c r="F24" s="220">
        <v>0</v>
      </c>
      <c r="G24" s="218">
        <v>0</v>
      </c>
      <c r="H24" s="218">
        <v>4</v>
      </c>
      <c r="I24" s="218">
        <v>1</v>
      </c>
      <c r="J24" s="219">
        <v>2</v>
      </c>
      <c r="K24" s="240">
        <v>7</v>
      </c>
      <c r="L24" s="241">
        <v>7</v>
      </c>
      <c r="M24" s="217">
        <v>0</v>
      </c>
      <c r="N24" s="219">
        <v>0</v>
      </c>
      <c r="O24" s="240">
        <v>0</v>
      </c>
      <c r="P24" s="222">
        <v>0</v>
      </c>
      <c r="Q24" s="218">
        <v>2</v>
      </c>
      <c r="R24" s="218">
        <v>2</v>
      </c>
      <c r="S24" s="218">
        <v>2</v>
      </c>
      <c r="T24" s="219">
        <v>0</v>
      </c>
      <c r="U24" s="240">
        <v>6</v>
      </c>
      <c r="V24" s="221">
        <v>6</v>
      </c>
      <c r="W24" s="222">
        <v>0</v>
      </c>
      <c r="X24" s="219">
        <v>0</v>
      </c>
      <c r="Y24" s="219">
        <v>0</v>
      </c>
      <c r="Z24" s="220">
        <v>0</v>
      </c>
      <c r="AA24" s="218">
        <v>0</v>
      </c>
      <c r="AB24" s="218">
        <v>0</v>
      </c>
      <c r="AC24" s="218">
        <v>0</v>
      </c>
      <c r="AD24" s="219">
        <v>0</v>
      </c>
      <c r="AE24" s="240">
        <v>0</v>
      </c>
      <c r="AF24" s="241">
        <v>0</v>
      </c>
      <c r="AG24" s="217">
        <v>0</v>
      </c>
      <c r="AH24" s="219">
        <v>0</v>
      </c>
      <c r="AI24" s="219">
        <v>0</v>
      </c>
      <c r="AJ24" s="220">
        <v>0</v>
      </c>
      <c r="AK24" s="218">
        <v>0</v>
      </c>
      <c r="AL24" s="218">
        <v>0</v>
      </c>
      <c r="AM24" s="218">
        <v>1</v>
      </c>
      <c r="AN24" s="219">
        <v>0</v>
      </c>
      <c r="AO24" s="240">
        <v>1</v>
      </c>
      <c r="AP24" s="242">
        <v>1</v>
      </c>
      <c r="AQ24" s="239"/>
    </row>
    <row r="25" spans="2:43" ht="21" customHeight="1" x14ac:dyDescent="0.2">
      <c r="B25" s="106" t="s">
        <v>23</v>
      </c>
      <c r="C25" s="217">
        <v>0</v>
      </c>
      <c r="D25" s="219">
        <v>0</v>
      </c>
      <c r="E25" s="219">
        <v>0</v>
      </c>
      <c r="F25" s="220">
        <v>0</v>
      </c>
      <c r="G25" s="218">
        <v>0</v>
      </c>
      <c r="H25" s="218">
        <v>6</v>
      </c>
      <c r="I25" s="218">
        <v>8</v>
      </c>
      <c r="J25" s="219">
        <v>4</v>
      </c>
      <c r="K25" s="240">
        <v>18</v>
      </c>
      <c r="L25" s="241">
        <v>18</v>
      </c>
      <c r="M25" s="217">
        <v>0</v>
      </c>
      <c r="N25" s="219">
        <v>0</v>
      </c>
      <c r="O25" s="240">
        <v>0</v>
      </c>
      <c r="P25" s="222">
        <v>0</v>
      </c>
      <c r="Q25" s="218">
        <v>0</v>
      </c>
      <c r="R25" s="218">
        <v>1</v>
      </c>
      <c r="S25" s="218">
        <v>2</v>
      </c>
      <c r="T25" s="219">
        <v>2</v>
      </c>
      <c r="U25" s="240">
        <v>5</v>
      </c>
      <c r="V25" s="221">
        <v>5</v>
      </c>
      <c r="W25" s="222">
        <v>0</v>
      </c>
      <c r="X25" s="219">
        <v>0</v>
      </c>
      <c r="Y25" s="219">
        <v>0</v>
      </c>
      <c r="Z25" s="220">
        <v>0</v>
      </c>
      <c r="AA25" s="218">
        <v>0</v>
      </c>
      <c r="AB25" s="218">
        <v>0</v>
      </c>
      <c r="AC25" s="218">
        <v>0</v>
      </c>
      <c r="AD25" s="219">
        <v>0</v>
      </c>
      <c r="AE25" s="240">
        <v>0</v>
      </c>
      <c r="AF25" s="241">
        <v>0</v>
      </c>
      <c r="AG25" s="217">
        <v>0</v>
      </c>
      <c r="AH25" s="219">
        <v>0</v>
      </c>
      <c r="AI25" s="219">
        <v>0</v>
      </c>
      <c r="AJ25" s="220">
        <v>0</v>
      </c>
      <c r="AK25" s="218">
        <v>0</v>
      </c>
      <c r="AL25" s="218">
        <v>0</v>
      </c>
      <c r="AM25" s="218">
        <v>0</v>
      </c>
      <c r="AN25" s="219">
        <v>0</v>
      </c>
      <c r="AO25" s="240">
        <v>0</v>
      </c>
      <c r="AP25" s="242">
        <v>0</v>
      </c>
      <c r="AQ25" s="239"/>
    </row>
    <row r="26" spans="2:43" ht="21" customHeight="1" x14ac:dyDescent="0.2">
      <c r="B26" s="106" t="s">
        <v>24</v>
      </c>
      <c r="C26" s="217">
        <v>0</v>
      </c>
      <c r="D26" s="219">
        <v>0</v>
      </c>
      <c r="E26" s="219">
        <v>0</v>
      </c>
      <c r="F26" s="220">
        <v>0</v>
      </c>
      <c r="G26" s="218">
        <v>0</v>
      </c>
      <c r="H26" s="218">
        <v>1</v>
      </c>
      <c r="I26" s="218">
        <v>5</v>
      </c>
      <c r="J26" s="219">
        <v>2</v>
      </c>
      <c r="K26" s="240">
        <v>8</v>
      </c>
      <c r="L26" s="241">
        <v>8</v>
      </c>
      <c r="M26" s="217">
        <v>0</v>
      </c>
      <c r="N26" s="219">
        <v>0</v>
      </c>
      <c r="O26" s="240">
        <v>0</v>
      </c>
      <c r="P26" s="222">
        <v>1</v>
      </c>
      <c r="Q26" s="218">
        <v>1</v>
      </c>
      <c r="R26" s="218">
        <v>5</v>
      </c>
      <c r="S26" s="218">
        <v>3</v>
      </c>
      <c r="T26" s="219">
        <v>0</v>
      </c>
      <c r="U26" s="240">
        <v>10</v>
      </c>
      <c r="V26" s="221">
        <v>10</v>
      </c>
      <c r="W26" s="222">
        <v>0</v>
      </c>
      <c r="X26" s="219">
        <v>0</v>
      </c>
      <c r="Y26" s="219">
        <v>0</v>
      </c>
      <c r="Z26" s="220">
        <v>0</v>
      </c>
      <c r="AA26" s="218">
        <v>0</v>
      </c>
      <c r="AB26" s="218">
        <v>0</v>
      </c>
      <c r="AC26" s="218">
        <v>0</v>
      </c>
      <c r="AD26" s="219">
        <v>0</v>
      </c>
      <c r="AE26" s="240">
        <v>0</v>
      </c>
      <c r="AF26" s="241">
        <v>0</v>
      </c>
      <c r="AG26" s="217">
        <v>0</v>
      </c>
      <c r="AH26" s="219">
        <v>0</v>
      </c>
      <c r="AI26" s="219">
        <v>0</v>
      </c>
      <c r="AJ26" s="220">
        <v>0</v>
      </c>
      <c r="AK26" s="218">
        <v>0</v>
      </c>
      <c r="AL26" s="218">
        <v>0</v>
      </c>
      <c r="AM26" s="218">
        <v>0</v>
      </c>
      <c r="AN26" s="219">
        <v>0</v>
      </c>
      <c r="AO26" s="240">
        <v>0</v>
      </c>
      <c r="AP26" s="242">
        <v>0</v>
      </c>
      <c r="AQ26" s="239"/>
    </row>
    <row r="27" spans="2:43" ht="21" customHeight="1" x14ac:dyDescent="0.2">
      <c r="B27" s="106" t="s">
        <v>25</v>
      </c>
      <c r="C27" s="217">
        <v>0</v>
      </c>
      <c r="D27" s="219">
        <v>0</v>
      </c>
      <c r="E27" s="219">
        <v>0</v>
      </c>
      <c r="F27" s="220">
        <v>1</v>
      </c>
      <c r="G27" s="218">
        <v>0</v>
      </c>
      <c r="H27" s="218">
        <v>3</v>
      </c>
      <c r="I27" s="218">
        <v>0</v>
      </c>
      <c r="J27" s="219">
        <v>1</v>
      </c>
      <c r="K27" s="240">
        <v>5</v>
      </c>
      <c r="L27" s="241">
        <v>5</v>
      </c>
      <c r="M27" s="217">
        <v>0</v>
      </c>
      <c r="N27" s="219">
        <v>0</v>
      </c>
      <c r="O27" s="240">
        <v>0</v>
      </c>
      <c r="P27" s="222">
        <v>0</v>
      </c>
      <c r="Q27" s="218">
        <v>1</v>
      </c>
      <c r="R27" s="218">
        <v>1</v>
      </c>
      <c r="S27" s="218">
        <v>1</v>
      </c>
      <c r="T27" s="219">
        <v>0</v>
      </c>
      <c r="U27" s="240">
        <v>3</v>
      </c>
      <c r="V27" s="221">
        <v>3</v>
      </c>
      <c r="W27" s="222">
        <v>0</v>
      </c>
      <c r="X27" s="219">
        <v>0</v>
      </c>
      <c r="Y27" s="219">
        <v>0</v>
      </c>
      <c r="Z27" s="220">
        <v>0</v>
      </c>
      <c r="AA27" s="218">
        <v>0</v>
      </c>
      <c r="AB27" s="218">
        <v>0</v>
      </c>
      <c r="AC27" s="218">
        <v>0</v>
      </c>
      <c r="AD27" s="219">
        <v>0</v>
      </c>
      <c r="AE27" s="240">
        <v>0</v>
      </c>
      <c r="AF27" s="241">
        <v>0</v>
      </c>
      <c r="AG27" s="217">
        <v>0</v>
      </c>
      <c r="AH27" s="219">
        <v>0</v>
      </c>
      <c r="AI27" s="219">
        <v>0</v>
      </c>
      <c r="AJ27" s="220">
        <v>0</v>
      </c>
      <c r="AK27" s="218">
        <v>0</v>
      </c>
      <c r="AL27" s="218">
        <v>0</v>
      </c>
      <c r="AM27" s="218">
        <v>0</v>
      </c>
      <c r="AN27" s="219">
        <v>0</v>
      </c>
      <c r="AO27" s="240">
        <v>0</v>
      </c>
      <c r="AP27" s="242">
        <v>0</v>
      </c>
      <c r="AQ27" s="239"/>
    </row>
    <row r="28" spans="2:43" ht="21" customHeight="1" x14ac:dyDescent="0.2">
      <c r="B28" s="106" t="s">
        <v>26</v>
      </c>
      <c r="C28" s="217">
        <v>0</v>
      </c>
      <c r="D28" s="219">
        <v>0</v>
      </c>
      <c r="E28" s="219">
        <v>0</v>
      </c>
      <c r="F28" s="220">
        <v>0</v>
      </c>
      <c r="G28" s="218">
        <v>0</v>
      </c>
      <c r="H28" s="218">
        <v>2</v>
      </c>
      <c r="I28" s="218">
        <v>1</v>
      </c>
      <c r="J28" s="219">
        <v>2</v>
      </c>
      <c r="K28" s="240">
        <v>5</v>
      </c>
      <c r="L28" s="241">
        <v>5</v>
      </c>
      <c r="M28" s="217">
        <v>0</v>
      </c>
      <c r="N28" s="219">
        <v>0</v>
      </c>
      <c r="O28" s="240">
        <v>0</v>
      </c>
      <c r="P28" s="222">
        <v>0</v>
      </c>
      <c r="Q28" s="218">
        <v>0</v>
      </c>
      <c r="R28" s="218">
        <v>3</v>
      </c>
      <c r="S28" s="218">
        <v>1</v>
      </c>
      <c r="T28" s="219">
        <v>0</v>
      </c>
      <c r="U28" s="240">
        <v>4</v>
      </c>
      <c r="V28" s="221">
        <v>4</v>
      </c>
      <c r="W28" s="222">
        <v>0</v>
      </c>
      <c r="X28" s="219">
        <v>0</v>
      </c>
      <c r="Y28" s="219">
        <v>0</v>
      </c>
      <c r="Z28" s="220">
        <v>0</v>
      </c>
      <c r="AA28" s="218">
        <v>0</v>
      </c>
      <c r="AB28" s="218">
        <v>0</v>
      </c>
      <c r="AC28" s="218">
        <v>0</v>
      </c>
      <c r="AD28" s="219">
        <v>0</v>
      </c>
      <c r="AE28" s="240">
        <v>0</v>
      </c>
      <c r="AF28" s="241">
        <v>0</v>
      </c>
      <c r="AG28" s="217">
        <v>0</v>
      </c>
      <c r="AH28" s="219">
        <v>0</v>
      </c>
      <c r="AI28" s="219">
        <v>0</v>
      </c>
      <c r="AJ28" s="220">
        <v>0</v>
      </c>
      <c r="AK28" s="218">
        <v>0</v>
      </c>
      <c r="AL28" s="218">
        <v>0</v>
      </c>
      <c r="AM28" s="218">
        <v>0</v>
      </c>
      <c r="AN28" s="219">
        <v>0</v>
      </c>
      <c r="AO28" s="240">
        <v>0</v>
      </c>
      <c r="AP28" s="242">
        <v>0</v>
      </c>
      <c r="AQ28" s="239"/>
    </row>
    <row r="29" spans="2:43" ht="21" customHeight="1" x14ac:dyDescent="0.2">
      <c r="B29" s="106" t="s">
        <v>27</v>
      </c>
      <c r="C29" s="217">
        <v>0</v>
      </c>
      <c r="D29" s="219">
        <v>0</v>
      </c>
      <c r="E29" s="219">
        <v>0</v>
      </c>
      <c r="F29" s="220">
        <v>0</v>
      </c>
      <c r="G29" s="218">
        <v>1</v>
      </c>
      <c r="H29" s="218">
        <v>1</v>
      </c>
      <c r="I29" s="218">
        <v>4</v>
      </c>
      <c r="J29" s="219">
        <v>2</v>
      </c>
      <c r="K29" s="240">
        <v>8</v>
      </c>
      <c r="L29" s="241">
        <v>8</v>
      </c>
      <c r="M29" s="217">
        <v>0</v>
      </c>
      <c r="N29" s="219">
        <v>0</v>
      </c>
      <c r="O29" s="240">
        <v>0</v>
      </c>
      <c r="P29" s="222">
        <v>1</v>
      </c>
      <c r="Q29" s="218">
        <v>3</v>
      </c>
      <c r="R29" s="218">
        <v>2</v>
      </c>
      <c r="S29" s="218">
        <v>4</v>
      </c>
      <c r="T29" s="219">
        <v>0</v>
      </c>
      <c r="U29" s="240">
        <v>10</v>
      </c>
      <c r="V29" s="221">
        <v>10</v>
      </c>
      <c r="W29" s="222">
        <v>0</v>
      </c>
      <c r="X29" s="219">
        <v>0</v>
      </c>
      <c r="Y29" s="219">
        <v>0</v>
      </c>
      <c r="Z29" s="220">
        <v>0</v>
      </c>
      <c r="AA29" s="218">
        <v>0</v>
      </c>
      <c r="AB29" s="218">
        <v>0</v>
      </c>
      <c r="AC29" s="218">
        <v>0</v>
      </c>
      <c r="AD29" s="219">
        <v>0</v>
      </c>
      <c r="AE29" s="240">
        <v>0</v>
      </c>
      <c r="AF29" s="241">
        <v>0</v>
      </c>
      <c r="AG29" s="217">
        <v>0</v>
      </c>
      <c r="AH29" s="219">
        <v>0</v>
      </c>
      <c r="AI29" s="219">
        <v>0</v>
      </c>
      <c r="AJ29" s="220">
        <v>0</v>
      </c>
      <c r="AK29" s="218">
        <v>0</v>
      </c>
      <c r="AL29" s="218">
        <v>0</v>
      </c>
      <c r="AM29" s="218">
        <v>0</v>
      </c>
      <c r="AN29" s="219">
        <v>0</v>
      </c>
      <c r="AO29" s="240">
        <v>0</v>
      </c>
      <c r="AP29" s="242">
        <v>0</v>
      </c>
      <c r="AQ29" s="239"/>
    </row>
    <row r="30" spans="2:43" ht="21" customHeight="1" x14ac:dyDescent="0.2">
      <c r="B30" s="106" t="s">
        <v>28</v>
      </c>
      <c r="C30" s="217">
        <v>0</v>
      </c>
      <c r="D30" s="219">
        <v>0</v>
      </c>
      <c r="E30" s="219">
        <v>0</v>
      </c>
      <c r="F30" s="220">
        <v>0</v>
      </c>
      <c r="G30" s="218">
        <v>0</v>
      </c>
      <c r="H30" s="218">
        <v>0</v>
      </c>
      <c r="I30" s="218">
        <v>1</v>
      </c>
      <c r="J30" s="219">
        <v>1</v>
      </c>
      <c r="K30" s="240">
        <v>2</v>
      </c>
      <c r="L30" s="241">
        <v>2</v>
      </c>
      <c r="M30" s="217">
        <v>0</v>
      </c>
      <c r="N30" s="219">
        <v>0</v>
      </c>
      <c r="O30" s="240">
        <v>0</v>
      </c>
      <c r="P30" s="222">
        <v>0</v>
      </c>
      <c r="Q30" s="218">
        <v>0</v>
      </c>
      <c r="R30" s="218">
        <v>0</v>
      </c>
      <c r="S30" s="218">
        <v>0</v>
      </c>
      <c r="T30" s="219">
        <v>0</v>
      </c>
      <c r="U30" s="240">
        <v>0</v>
      </c>
      <c r="V30" s="221">
        <v>0</v>
      </c>
      <c r="W30" s="222">
        <v>0</v>
      </c>
      <c r="X30" s="219">
        <v>0</v>
      </c>
      <c r="Y30" s="219">
        <v>0</v>
      </c>
      <c r="Z30" s="220">
        <v>0</v>
      </c>
      <c r="AA30" s="218">
        <v>0</v>
      </c>
      <c r="AB30" s="218">
        <v>0</v>
      </c>
      <c r="AC30" s="218">
        <v>0</v>
      </c>
      <c r="AD30" s="219">
        <v>0</v>
      </c>
      <c r="AE30" s="240">
        <v>0</v>
      </c>
      <c r="AF30" s="241">
        <v>0</v>
      </c>
      <c r="AG30" s="217">
        <v>0</v>
      </c>
      <c r="AH30" s="219">
        <v>0</v>
      </c>
      <c r="AI30" s="219">
        <v>0</v>
      </c>
      <c r="AJ30" s="220">
        <v>0</v>
      </c>
      <c r="AK30" s="218">
        <v>0</v>
      </c>
      <c r="AL30" s="218">
        <v>0</v>
      </c>
      <c r="AM30" s="218">
        <v>0</v>
      </c>
      <c r="AN30" s="219">
        <v>0</v>
      </c>
      <c r="AO30" s="240">
        <v>0</v>
      </c>
      <c r="AP30" s="242">
        <v>0</v>
      </c>
      <c r="AQ30" s="239"/>
    </row>
    <row r="31" spans="2:43" ht="21" customHeight="1" x14ac:dyDescent="0.2">
      <c r="B31" s="106" t="s">
        <v>29</v>
      </c>
      <c r="C31" s="217">
        <v>0</v>
      </c>
      <c r="D31" s="219">
        <v>0</v>
      </c>
      <c r="E31" s="219">
        <v>0</v>
      </c>
      <c r="F31" s="220">
        <v>0</v>
      </c>
      <c r="G31" s="218">
        <v>0</v>
      </c>
      <c r="H31" s="218">
        <v>0</v>
      </c>
      <c r="I31" s="218">
        <v>0</v>
      </c>
      <c r="J31" s="219">
        <v>1</v>
      </c>
      <c r="K31" s="240">
        <v>1</v>
      </c>
      <c r="L31" s="241">
        <v>1</v>
      </c>
      <c r="M31" s="217">
        <v>0</v>
      </c>
      <c r="N31" s="219">
        <v>0</v>
      </c>
      <c r="O31" s="240">
        <v>0</v>
      </c>
      <c r="P31" s="222">
        <v>0</v>
      </c>
      <c r="Q31" s="218">
        <v>0</v>
      </c>
      <c r="R31" s="218">
        <v>0</v>
      </c>
      <c r="S31" s="218">
        <v>0</v>
      </c>
      <c r="T31" s="219">
        <v>2</v>
      </c>
      <c r="U31" s="240">
        <v>2</v>
      </c>
      <c r="V31" s="221">
        <v>2</v>
      </c>
      <c r="W31" s="222">
        <v>0</v>
      </c>
      <c r="X31" s="219">
        <v>0</v>
      </c>
      <c r="Y31" s="219">
        <v>0</v>
      </c>
      <c r="Z31" s="220">
        <v>0</v>
      </c>
      <c r="AA31" s="218">
        <v>0</v>
      </c>
      <c r="AB31" s="218">
        <v>0</v>
      </c>
      <c r="AC31" s="218">
        <v>0</v>
      </c>
      <c r="AD31" s="219">
        <v>0</v>
      </c>
      <c r="AE31" s="240">
        <v>0</v>
      </c>
      <c r="AF31" s="241">
        <v>0</v>
      </c>
      <c r="AG31" s="217">
        <v>0</v>
      </c>
      <c r="AH31" s="219">
        <v>0</v>
      </c>
      <c r="AI31" s="219">
        <v>0</v>
      </c>
      <c r="AJ31" s="220">
        <v>0</v>
      </c>
      <c r="AK31" s="218">
        <v>0</v>
      </c>
      <c r="AL31" s="218">
        <v>0</v>
      </c>
      <c r="AM31" s="218">
        <v>0</v>
      </c>
      <c r="AN31" s="219">
        <v>0</v>
      </c>
      <c r="AO31" s="240">
        <v>0</v>
      </c>
      <c r="AP31" s="242">
        <v>0</v>
      </c>
      <c r="AQ31" s="239"/>
    </row>
    <row r="32" spans="2:43" ht="21" customHeight="1" x14ac:dyDescent="0.2">
      <c r="B32" s="106" t="s">
        <v>30</v>
      </c>
      <c r="C32" s="217">
        <v>0</v>
      </c>
      <c r="D32" s="219">
        <v>0</v>
      </c>
      <c r="E32" s="219">
        <v>0</v>
      </c>
      <c r="F32" s="220">
        <v>0</v>
      </c>
      <c r="G32" s="218">
        <v>0</v>
      </c>
      <c r="H32" s="218">
        <v>1</v>
      </c>
      <c r="I32" s="218">
        <v>1</v>
      </c>
      <c r="J32" s="219">
        <v>1</v>
      </c>
      <c r="K32" s="240">
        <v>3</v>
      </c>
      <c r="L32" s="241">
        <v>3</v>
      </c>
      <c r="M32" s="217">
        <v>0</v>
      </c>
      <c r="N32" s="219">
        <v>0</v>
      </c>
      <c r="O32" s="240">
        <v>0</v>
      </c>
      <c r="P32" s="222">
        <v>0</v>
      </c>
      <c r="Q32" s="218">
        <v>1</v>
      </c>
      <c r="R32" s="218">
        <v>1</v>
      </c>
      <c r="S32" s="218">
        <v>3</v>
      </c>
      <c r="T32" s="219">
        <v>0</v>
      </c>
      <c r="U32" s="240">
        <v>5</v>
      </c>
      <c r="V32" s="221">
        <v>5</v>
      </c>
      <c r="W32" s="222">
        <v>0</v>
      </c>
      <c r="X32" s="219">
        <v>0</v>
      </c>
      <c r="Y32" s="219">
        <v>0</v>
      </c>
      <c r="Z32" s="220">
        <v>0</v>
      </c>
      <c r="AA32" s="218">
        <v>0</v>
      </c>
      <c r="AB32" s="218">
        <v>0</v>
      </c>
      <c r="AC32" s="218">
        <v>0</v>
      </c>
      <c r="AD32" s="219">
        <v>0</v>
      </c>
      <c r="AE32" s="240">
        <v>0</v>
      </c>
      <c r="AF32" s="241">
        <v>0</v>
      </c>
      <c r="AG32" s="217">
        <v>0</v>
      </c>
      <c r="AH32" s="219">
        <v>0</v>
      </c>
      <c r="AI32" s="219">
        <v>0</v>
      </c>
      <c r="AJ32" s="220">
        <v>0</v>
      </c>
      <c r="AK32" s="218">
        <v>0</v>
      </c>
      <c r="AL32" s="218">
        <v>0</v>
      </c>
      <c r="AM32" s="218">
        <v>0</v>
      </c>
      <c r="AN32" s="219">
        <v>0</v>
      </c>
      <c r="AO32" s="240">
        <v>0</v>
      </c>
      <c r="AP32" s="242">
        <v>0</v>
      </c>
      <c r="AQ32" s="239"/>
    </row>
    <row r="33" spans="2:43" ht="21" customHeight="1" x14ac:dyDescent="0.2">
      <c r="B33" s="106" t="s">
        <v>31</v>
      </c>
      <c r="C33" s="217">
        <v>0</v>
      </c>
      <c r="D33" s="219">
        <v>0</v>
      </c>
      <c r="E33" s="219">
        <v>0</v>
      </c>
      <c r="F33" s="220">
        <v>0</v>
      </c>
      <c r="G33" s="218">
        <v>0</v>
      </c>
      <c r="H33" s="218">
        <v>3</v>
      </c>
      <c r="I33" s="218">
        <v>1</v>
      </c>
      <c r="J33" s="219">
        <v>0</v>
      </c>
      <c r="K33" s="240">
        <v>4</v>
      </c>
      <c r="L33" s="241">
        <v>4</v>
      </c>
      <c r="M33" s="217">
        <v>0</v>
      </c>
      <c r="N33" s="219">
        <v>0</v>
      </c>
      <c r="O33" s="240">
        <v>0</v>
      </c>
      <c r="P33" s="222">
        <v>0</v>
      </c>
      <c r="Q33" s="218">
        <v>0</v>
      </c>
      <c r="R33" s="218">
        <v>0</v>
      </c>
      <c r="S33" s="218">
        <v>0</v>
      </c>
      <c r="T33" s="219">
        <v>0</v>
      </c>
      <c r="U33" s="240">
        <v>0</v>
      </c>
      <c r="V33" s="221">
        <v>0</v>
      </c>
      <c r="W33" s="222">
        <v>0</v>
      </c>
      <c r="X33" s="219">
        <v>0</v>
      </c>
      <c r="Y33" s="219">
        <v>0</v>
      </c>
      <c r="Z33" s="220">
        <v>0</v>
      </c>
      <c r="AA33" s="218">
        <v>0</v>
      </c>
      <c r="AB33" s="218">
        <v>0</v>
      </c>
      <c r="AC33" s="218">
        <v>0</v>
      </c>
      <c r="AD33" s="219">
        <v>0</v>
      </c>
      <c r="AE33" s="240">
        <v>0</v>
      </c>
      <c r="AF33" s="241">
        <v>0</v>
      </c>
      <c r="AG33" s="217">
        <v>0</v>
      </c>
      <c r="AH33" s="219">
        <v>0</v>
      </c>
      <c r="AI33" s="219">
        <v>0</v>
      </c>
      <c r="AJ33" s="220">
        <v>0</v>
      </c>
      <c r="AK33" s="218">
        <v>0</v>
      </c>
      <c r="AL33" s="218">
        <v>0</v>
      </c>
      <c r="AM33" s="218">
        <v>0</v>
      </c>
      <c r="AN33" s="219">
        <v>0</v>
      </c>
      <c r="AO33" s="240">
        <v>0</v>
      </c>
      <c r="AP33" s="242">
        <v>0</v>
      </c>
      <c r="AQ33" s="239"/>
    </row>
    <row r="34" spans="2:43" ht="21" customHeight="1" x14ac:dyDescent="0.2">
      <c r="B34" s="106" t="s">
        <v>32</v>
      </c>
      <c r="C34" s="217">
        <v>0</v>
      </c>
      <c r="D34" s="219">
        <v>0</v>
      </c>
      <c r="E34" s="219">
        <v>0</v>
      </c>
      <c r="F34" s="220">
        <v>0</v>
      </c>
      <c r="G34" s="218">
        <v>0</v>
      </c>
      <c r="H34" s="218">
        <v>0</v>
      </c>
      <c r="I34" s="218">
        <v>1</v>
      </c>
      <c r="J34" s="219">
        <v>0</v>
      </c>
      <c r="K34" s="240">
        <v>1</v>
      </c>
      <c r="L34" s="241">
        <v>1</v>
      </c>
      <c r="M34" s="217">
        <v>0</v>
      </c>
      <c r="N34" s="219">
        <v>0</v>
      </c>
      <c r="O34" s="240">
        <v>0</v>
      </c>
      <c r="P34" s="222">
        <v>0</v>
      </c>
      <c r="Q34" s="218">
        <v>0</v>
      </c>
      <c r="R34" s="218">
        <v>0</v>
      </c>
      <c r="S34" s="218">
        <v>0</v>
      </c>
      <c r="T34" s="219">
        <v>0</v>
      </c>
      <c r="U34" s="240">
        <v>0</v>
      </c>
      <c r="V34" s="221">
        <v>0</v>
      </c>
      <c r="W34" s="222">
        <v>0</v>
      </c>
      <c r="X34" s="219">
        <v>0</v>
      </c>
      <c r="Y34" s="219">
        <v>0</v>
      </c>
      <c r="Z34" s="220">
        <v>0</v>
      </c>
      <c r="AA34" s="218">
        <v>0</v>
      </c>
      <c r="AB34" s="218">
        <v>0</v>
      </c>
      <c r="AC34" s="218">
        <v>0</v>
      </c>
      <c r="AD34" s="219">
        <v>0</v>
      </c>
      <c r="AE34" s="240">
        <v>0</v>
      </c>
      <c r="AF34" s="241">
        <v>0</v>
      </c>
      <c r="AG34" s="217">
        <v>0</v>
      </c>
      <c r="AH34" s="219">
        <v>0</v>
      </c>
      <c r="AI34" s="219">
        <v>0</v>
      </c>
      <c r="AJ34" s="220">
        <v>0</v>
      </c>
      <c r="AK34" s="218">
        <v>0</v>
      </c>
      <c r="AL34" s="218">
        <v>0</v>
      </c>
      <c r="AM34" s="218">
        <v>0</v>
      </c>
      <c r="AN34" s="219">
        <v>0</v>
      </c>
      <c r="AO34" s="240">
        <v>0</v>
      </c>
      <c r="AP34" s="242">
        <v>0</v>
      </c>
      <c r="AQ34" s="239"/>
    </row>
    <row r="35" spans="2:43" ht="21" customHeight="1" x14ac:dyDescent="0.2">
      <c r="B35" s="106" t="s">
        <v>33</v>
      </c>
      <c r="C35" s="217">
        <v>0</v>
      </c>
      <c r="D35" s="219">
        <v>0</v>
      </c>
      <c r="E35" s="219">
        <v>0</v>
      </c>
      <c r="F35" s="220">
        <v>0</v>
      </c>
      <c r="G35" s="218">
        <v>0</v>
      </c>
      <c r="H35" s="218">
        <v>0</v>
      </c>
      <c r="I35" s="218">
        <v>1</v>
      </c>
      <c r="J35" s="219">
        <v>0</v>
      </c>
      <c r="K35" s="240">
        <v>1</v>
      </c>
      <c r="L35" s="241">
        <v>1</v>
      </c>
      <c r="M35" s="217">
        <v>0</v>
      </c>
      <c r="N35" s="219">
        <v>0</v>
      </c>
      <c r="O35" s="240">
        <v>0</v>
      </c>
      <c r="P35" s="222">
        <v>0</v>
      </c>
      <c r="Q35" s="218">
        <v>0</v>
      </c>
      <c r="R35" s="218">
        <v>0</v>
      </c>
      <c r="S35" s="218">
        <v>0</v>
      </c>
      <c r="T35" s="219">
        <v>0</v>
      </c>
      <c r="U35" s="240">
        <v>0</v>
      </c>
      <c r="V35" s="221">
        <v>0</v>
      </c>
      <c r="W35" s="222">
        <v>0</v>
      </c>
      <c r="X35" s="219">
        <v>0</v>
      </c>
      <c r="Y35" s="219">
        <v>0</v>
      </c>
      <c r="Z35" s="220">
        <v>0</v>
      </c>
      <c r="AA35" s="218">
        <v>0</v>
      </c>
      <c r="AB35" s="218">
        <v>0</v>
      </c>
      <c r="AC35" s="218">
        <v>0</v>
      </c>
      <c r="AD35" s="219">
        <v>0</v>
      </c>
      <c r="AE35" s="240">
        <v>0</v>
      </c>
      <c r="AF35" s="241">
        <v>0</v>
      </c>
      <c r="AG35" s="217">
        <v>0</v>
      </c>
      <c r="AH35" s="219">
        <v>0</v>
      </c>
      <c r="AI35" s="219">
        <v>0</v>
      </c>
      <c r="AJ35" s="220">
        <v>0</v>
      </c>
      <c r="AK35" s="218">
        <v>0</v>
      </c>
      <c r="AL35" s="218">
        <v>1</v>
      </c>
      <c r="AM35" s="218">
        <v>0</v>
      </c>
      <c r="AN35" s="219">
        <v>0</v>
      </c>
      <c r="AO35" s="240">
        <v>1</v>
      </c>
      <c r="AP35" s="242">
        <v>1</v>
      </c>
      <c r="AQ35" s="239"/>
    </row>
    <row r="36" spans="2:43" ht="21" customHeight="1" x14ac:dyDescent="0.2">
      <c r="B36" s="106" t="s">
        <v>34</v>
      </c>
      <c r="C36" s="217">
        <v>0</v>
      </c>
      <c r="D36" s="219">
        <v>0</v>
      </c>
      <c r="E36" s="219">
        <v>0</v>
      </c>
      <c r="F36" s="220">
        <v>0</v>
      </c>
      <c r="G36" s="218">
        <v>0</v>
      </c>
      <c r="H36" s="218">
        <v>0</v>
      </c>
      <c r="I36" s="218">
        <v>1</v>
      </c>
      <c r="J36" s="219">
        <v>0</v>
      </c>
      <c r="K36" s="240">
        <v>1</v>
      </c>
      <c r="L36" s="241">
        <v>1</v>
      </c>
      <c r="M36" s="217">
        <v>0</v>
      </c>
      <c r="N36" s="219">
        <v>0</v>
      </c>
      <c r="O36" s="240">
        <v>0</v>
      </c>
      <c r="P36" s="222">
        <v>0</v>
      </c>
      <c r="Q36" s="218">
        <v>0</v>
      </c>
      <c r="R36" s="218">
        <v>1</v>
      </c>
      <c r="S36" s="218">
        <v>0</v>
      </c>
      <c r="T36" s="219">
        <v>0</v>
      </c>
      <c r="U36" s="240">
        <v>1</v>
      </c>
      <c r="V36" s="221">
        <v>1</v>
      </c>
      <c r="W36" s="222">
        <v>0</v>
      </c>
      <c r="X36" s="219">
        <v>0</v>
      </c>
      <c r="Y36" s="219">
        <v>0</v>
      </c>
      <c r="Z36" s="220">
        <v>0</v>
      </c>
      <c r="AA36" s="218">
        <v>0</v>
      </c>
      <c r="AB36" s="218">
        <v>0</v>
      </c>
      <c r="AC36" s="218">
        <v>0</v>
      </c>
      <c r="AD36" s="219">
        <v>0</v>
      </c>
      <c r="AE36" s="240">
        <v>0</v>
      </c>
      <c r="AF36" s="241">
        <v>0</v>
      </c>
      <c r="AG36" s="217">
        <v>0</v>
      </c>
      <c r="AH36" s="219">
        <v>0</v>
      </c>
      <c r="AI36" s="219">
        <v>0</v>
      </c>
      <c r="AJ36" s="220">
        <v>0</v>
      </c>
      <c r="AK36" s="218">
        <v>0</v>
      </c>
      <c r="AL36" s="218">
        <v>0</v>
      </c>
      <c r="AM36" s="218">
        <v>0</v>
      </c>
      <c r="AN36" s="219">
        <v>0</v>
      </c>
      <c r="AO36" s="240">
        <v>0</v>
      </c>
      <c r="AP36" s="242">
        <v>0</v>
      </c>
      <c r="AQ36" s="239"/>
    </row>
    <row r="37" spans="2:43" ht="21" customHeight="1" x14ac:dyDescent="0.2">
      <c r="B37" s="106" t="s">
        <v>35</v>
      </c>
      <c r="C37" s="217">
        <v>0</v>
      </c>
      <c r="D37" s="219">
        <v>0</v>
      </c>
      <c r="E37" s="219">
        <v>0</v>
      </c>
      <c r="F37" s="220">
        <v>0</v>
      </c>
      <c r="G37" s="218">
        <v>0</v>
      </c>
      <c r="H37" s="218">
        <v>0</v>
      </c>
      <c r="I37" s="218">
        <v>2</v>
      </c>
      <c r="J37" s="219">
        <v>2</v>
      </c>
      <c r="K37" s="240">
        <v>4</v>
      </c>
      <c r="L37" s="241">
        <v>4</v>
      </c>
      <c r="M37" s="217">
        <v>0</v>
      </c>
      <c r="N37" s="219">
        <v>0</v>
      </c>
      <c r="O37" s="240">
        <v>0</v>
      </c>
      <c r="P37" s="222">
        <v>1</v>
      </c>
      <c r="Q37" s="218">
        <v>0</v>
      </c>
      <c r="R37" s="218">
        <v>2</v>
      </c>
      <c r="S37" s="218">
        <v>0</v>
      </c>
      <c r="T37" s="219">
        <v>0</v>
      </c>
      <c r="U37" s="240">
        <v>3</v>
      </c>
      <c r="V37" s="221">
        <v>3</v>
      </c>
      <c r="W37" s="222">
        <v>0</v>
      </c>
      <c r="X37" s="219">
        <v>0</v>
      </c>
      <c r="Y37" s="219">
        <v>0</v>
      </c>
      <c r="Z37" s="220">
        <v>0</v>
      </c>
      <c r="AA37" s="218">
        <v>0</v>
      </c>
      <c r="AB37" s="218">
        <v>0</v>
      </c>
      <c r="AC37" s="218">
        <v>0</v>
      </c>
      <c r="AD37" s="219">
        <v>0</v>
      </c>
      <c r="AE37" s="240">
        <v>0</v>
      </c>
      <c r="AF37" s="241">
        <v>0</v>
      </c>
      <c r="AG37" s="217">
        <v>0</v>
      </c>
      <c r="AH37" s="219">
        <v>0</v>
      </c>
      <c r="AI37" s="219">
        <v>0</v>
      </c>
      <c r="AJ37" s="220">
        <v>0</v>
      </c>
      <c r="AK37" s="218">
        <v>0</v>
      </c>
      <c r="AL37" s="218">
        <v>0</v>
      </c>
      <c r="AM37" s="218">
        <v>0</v>
      </c>
      <c r="AN37" s="219">
        <v>0</v>
      </c>
      <c r="AO37" s="240">
        <v>0</v>
      </c>
      <c r="AP37" s="242">
        <v>0</v>
      </c>
      <c r="AQ37" s="239"/>
    </row>
    <row r="38" spans="2:43" ht="21" customHeight="1" x14ac:dyDescent="0.2">
      <c r="B38" s="106" t="s">
        <v>36</v>
      </c>
      <c r="C38" s="217">
        <v>0</v>
      </c>
      <c r="D38" s="219">
        <v>0</v>
      </c>
      <c r="E38" s="219">
        <v>0</v>
      </c>
      <c r="F38" s="220">
        <v>0</v>
      </c>
      <c r="G38" s="218">
        <v>0</v>
      </c>
      <c r="H38" s="218">
        <v>0</v>
      </c>
      <c r="I38" s="218">
        <v>2</v>
      </c>
      <c r="J38" s="219">
        <v>0</v>
      </c>
      <c r="K38" s="240">
        <v>2</v>
      </c>
      <c r="L38" s="241">
        <v>2</v>
      </c>
      <c r="M38" s="217">
        <v>0</v>
      </c>
      <c r="N38" s="219">
        <v>0</v>
      </c>
      <c r="O38" s="240">
        <v>0</v>
      </c>
      <c r="P38" s="222">
        <v>0</v>
      </c>
      <c r="Q38" s="218">
        <v>0</v>
      </c>
      <c r="R38" s="218">
        <v>1</v>
      </c>
      <c r="S38" s="218">
        <v>1</v>
      </c>
      <c r="T38" s="219">
        <v>2</v>
      </c>
      <c r="U38" s="240">
        <v>4</v>
      </c>
      <c r="V38" s="221">
        <v>4</v>
      </c>
      <c r="W38" s="222">
        <v>0</v>
      </c>
      <c r="X38" s="219">
        <v>0</v>
      </c>
      <c r="Y38" s="219">
        <v>0</v>
      </c>
      <c r="Z38" s="220">
        <v>0</v>
      </c>
      <c r="AA38" s="218">
        <v>0</v>
      </c>
      <c r="AB38" s="218">
        <v>0</v>
      </c>
      <c r="AC38" s="218">
        <v>0</v>
      </c>
      <c r="AD38" s="219">
        <v>0</v>
      </c>
      <c r="AE38" s="240">
        <v>0</v>
      </c>
      <c r="AF38" s="241">
        <v>0</v>
      </c>
      <c r="AG38" s="217">
        <v>0</v>
      </c>
      <c r="AH38" s="219">
        <v>0</v>
      </c>
      <c r="AI38" s="219">
        <v>0</v>
      </c>
      <c r="AJ38" s="220">
        <v>0</v>
      </c>
      <c r="AK38" s="218">
        <v>0</v>
      </c>
      <c r="AL38" s="218">
        <v>0</v>
      </c>
      <c r="AM38" s="218">
        <v>0</v>
      </c>
      <c r="AN38" s="219">
        <v>0</v>
      </c>
      <c r="AO38" s="240">
        <v>0</v>
      </c>
      <c r="AP38" s="242">
        <v>0</v>
      </c>
      <c r="AQ38" s="239"/>
    </row>
    <row r="39" spans="2:43" ht="21" customHeight="1" thickBot="1" x14ac:dyDescent="0.25">
      <c r="B39" s="108" t="s">
        <v>37</v>
      </c>
      <c r="C39" s="223">
        <v>0</v>
      </c>
      <c r="D39" s="225">
        <v>0</v>
      </c>
      <c r="E39" s="225">
        <v>0</v>
      </c>
      <c r="F39" s="226">
        <v>0</v>
      </c>
      <c r="G39" s="224">
        <v>0</v>
      </c>
      <c r="H39" s="224">
        <v>1</v>
      </c>
      <c r="I39" s="224">
        <v>0</v>
      </c>
      <c r="J39" s="225">
        <v>0</v>
      </c>
      <c r="K39" s="243">
        <v>1</v>
      </c>
      <c r="L39" s="244">
        <v>1</v>
      </c>
      <c r="M39" s="223">
        <v>0</v>
      </c>
      <c r="N39" s="225">
        <v>0</v>
      </c>
      <c r="O39" s="243">
        <v>0</v>
      </c>
      <c r="P39" s="228">
        <v>0</v>
      </c>
      <c r="Q39" s="224">
        <v>0</v>
      </c>
      <c r="R39" s="224">
        <v>0</v>
      </c>
      <c r="S39" s="224">
        <v>0</v>
      </c>
      <c r="T39" s="225">
        <v>0</v>
      </c>
      <c r="U39" s="243">
        <v>0</v>
      </c>
      <c r="V39" s="227">
        <v>0</v>
      </c>
      <c r="W39" s="228">
        <v>0</v>
      </c>
      <c r="X39" s="225">
        <v>0</v>
      </c>
      <c r="Y39" s="225">
        <v>0</v>
      </c>
      <c r="Z39" s="226">
        <v>0</v>
      </c>
      <c r="AA39" s="224">
        <v>0</v>
      </c>
      <c r="AB39" s="224">
        <v>0</v>
      </c>
      <c r="AC39" s="224">
        <v>0</v>
      </c>
      <c r="AD39" s="225">
        <v>0</v>
      </c>
      <c r="AE39" s="243">
        <v>0</v>
      </c>
      <c r="AF39" s="244">
        <v>0</v>
      </c>
      <c r="AG39" s="223">
        <v>0</v>
      </c>
      <c r="AH39" s="225">
        <v>0</v>
      </c>
      <c r="AI39" s="225">
        <v>0</v>
      </c>
      <c r="AJ39" s="226">
        <v>0</v>
      </c>
      <c r="AK39" s="224">
        <v>0</v>
      </c>
      <c r="AL39" s="224">
        <v>0</v>
      </c>
      <c r="AM39" s="224">
        <v>0</v>
      </c>
      <c r="AN39" s="225">
        <v>0</v>
      </c>
      <c r="AO39" s="243">
        <v>0</v>
      </c>
      <c r="AP39" s="245">
        <v>0</v>
      </c>
      <c r="AQ39" s="239"/>
    </row>
    <row r="40" spans="2:43" x14ac:dyDescent="0.2">
      <c r="C40" s="246"/>
      <c r="D40" s="246"/>
      <c r="E40" s="246"/>
      <c r="F40" s="246"/>
      <c r="G40" s="246"/>
      <c r="H40" s="246"/>
      <c r="I40" s="246"/>
      <c r="J40" s="246"/>
      <c r="K40" s="246"/>
      <c r="L40" s="246"/>
      <c r="M40" s="239"/>
      <c r="N40" s="239"/>
      <c r="O40" s="239"/>
      <c r="P40" s="239"/>
      <c r="Q40" s="239"/>
      <c r="R40" s="239"/>
      <c r="S40" s="239"/>
      <c r="T40" s="239"/>
      <c r="U40" s="239"/>
      <c r="V40" s="239"/>
      <c r="W40" s="239"/>
      <c r="X40" s="239"/>
      <c r="Y40" s="239"/>
      <c r="Z40" s="239"/>
      <c r="AA40" s="239"/>
      <c r="AB40" s="239"/>
      <c r="AC40" s="239"/>
      <c r="AD40" s="239"/>
      <c r="AE40" s="239"/>
      <c r="AF40" s="239"/>
      <c r="AG40" s="239"/>
      <c r="AH40" s="239"/>
      <c r="AI40" s="239"/>
      <c r="AJ40" s="239"/>
      <c r="AK40" s="239"/>
      <c r="AL40" s="239"/>
      <c r="AM40" s="239"/>
      <c r="AN40" s="239"/>
      <c r="AO40" s="239"/>
      <c r="AP40" s="239"/>
      <c r="AQ40" s="239"/>
    </row>
    <row r="41" spans="2:43" x14ac:dyDescent="0.2">
      <c r="C41" s="246"/>
      <c r="D41" s="246"/>
      <c r="E41" s="246"/>
      <c r="F41" s="246"/>
      <c r="G41" s="246"/>
      <c r="H41" s="246"/>
      <c r="I41" s="246"/>
      <c r="J41" s="246"/>
      <c r="K41" s="246"/>
      <c r="L41" s="246"/>
      <c r="M41" s="239"/>
      <c r="N41" s="239"/>
      <c r="O41" s="239"/>
      <c r="P41" s="239"/>
      <c r="Q41" s="239"/>
      <c r="R41" s="239"/>
      <c r="S41" s="239"/>
      <c r="T41" s="239"/>
      <c r="U41" s="239"/>
      <c r="V41" s="239"/>
      <c r="W41" s="239"/>
      <c r="X41" s="239"/>
      <c r="Y41" s="239"/>
      <c r="Z41" s="239"/>
      <c r="AA41" s="239"/>
      <c r="AB41" s="239"/>
      <c r="AC41" s="239"/>
      <c r="AD41" s="239"/>
      <c r="AE41" s="239"/>
      <c r="AF41" s="239"/>
      <c r="AG41" s="239"/>
      <c r="AH41" s="239"/>
      <c r="AI41" s="239"/>
      <c r="AJ41" s="239"/>
      <c r="AK41" s="239"/>
      <c r="AL41" s="239"/>
      <c r="AM41" s="239"/>
      <c r="AN41" s="239"/>
      <c r="AO41" s="239"/>
      <c r="AP41" s="239"/>
      <c r="AQ41" s="239"/>
    </row>
    <row r="42" spans="2:43" x14ac:dyDescent="0.2">
      <c r="C42" s="246"/>
      <c r="D42" s="246"/>
      <c r="E42" s="246"/>
      <c r="F42" s="246"/>
      <c r="G42" s="246"/>
      <c r="H42" s="246"/>
      <c r="I42" s="246"/>
      <c r="J42" s="246"/>
      <c r="K42" s="246"/>
      <c r="L42" s="246"/>
      <c r="M42" s="239"/>
      <c r="N42" s="239"/>
      <c r="O42" s="239"/>
      <c r="P42" s="239"/>
      <c r="Q42" s="239"/>
      <c r="R42" s="239"/>
      <c r="S42" s="239"/>
      <c r="T42" s="239"/>
      <c r="U42" s="239"/>
      <c r="V42" s="239"/>
      <c r="W42" s="239"/>
      <c r="X42" s="239"/>
      <c r="Y42" s="239"/>
      <c r="Z42" s="239"/>
      <c r="AA42" s="239"/>
      <c r="AB42" s="239"/>
      <c r="AC42" s="239"/>
      <c r="AD42" s="239"/>
      <c r="AE42" s="239"/>
      <c r="AF42" s="239"/>
      <c r="AG42" s="239"/>
      <c r="AH42" s="239"/>
      <c r="AI42" s="239"/>
      <c r="AJ42" s="239"/>
      <c r="AK42" s="239"/>
      <c r="AL42" s="239"/>
      <c r="AM42" s="239"/>
      <c r="AN42" s="239"/>
      <c r="AO42" s="239"/>
      <c r="AP42" s="239"/>
      <c r="AQ42" s="239"/>
    </row>
    <row r="43" spans="2:43" x14ac:dyDescent="0.2">
      <c r="C43" s="246"/>
      <c r="D43" s="246"/>
      <c r="E43" s="246"/>
      <c r="F43" s="246"/>
      <c r="G43" s="246"/>
      <c r="H43" s="246"/>
      <c r="I43" s="246"/>
      <c r="J43" s="246"/>
      <c r="K43" s="246"/>
      <c r="L43" s="246"/>
      <c r="M43" s="239"/>
      <c r="N43" s="239"/>
      <c r="O43" s="239"/>
      <c r="P43" s="239"/>
      <c r="Q43" s="239"/>
      <c r="R43" s="239"/>
      <c r="S43" s="239"/>
      <c r="T43" s="239"/>
      <c r="U43" s="239"/>
      <c r="V43" s="239"/>
      <c r="W43" s="239"/>
      <c r="X43" s="239"/>
      <c r="Y43" s="239"/>
      <c r="Z43" s="239"/>
      <c r="AA43" s="239"/>
      <c r="AB43" s="239"/>
      <c r="AC43" s="239"/>
      <c r="AD43" s="239"/>
      <c r="AE43" s="239"/>
      <c r="AF43" s="239"/>
      <c r="AG43" s="239"/>
      <c r="AH43" s="239"/>
      <c r="AI43" s="239"/>
      <c r="AJ43" s="239"/>
      <c r="AK43" s="239"/>
      <c r="AL43" s="239"/>
      <c r="AM43" s="239"/>
      <c r="AN43" s="239"/>
      <c r="AO43" s="239"/>
      <c r="AP43" s="239"/>
      <c r="AQ43" s="239"/>
    </row>
    <row r="44" spans="2:43" x14ac:dyDescent="0.2">
      <c r="C44" s="246"/>
      <c r="D44" s="246"/>
      <c r="E44" s="246"/>
      <c r="F44" s="246"/>
      <c r="G44" s="246"/>
      <c r="H44" s="246"/>
      <c r="I44" s="246"/>
      <c r="J44" s="246"/>
      <c r="K44" s="246"/>
      <c r="L44" s="246"/>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AP44" s="239"/>
      <c r="AQ44" s="239"/>
    </row>
    <row r="45" spans="2:43" x14ac:dyDescent="0.2">
      <c r="C45" s="70"/>
      <c r="D45" s="70"/>
      <c r="E45" s="70"/>
      <c r="F45" s="70"/>
      <c r="G45" s="70"/>
      <c r="H45" s="70"/>
      <c r="I45" s="70"/>
      <c r="J45" s="70"/>
      <c r="K45" s="70"/>
      <c r="L45" s="70"/>
    </row>
    <row r="46" spans="2:43" x14ac:dyDescent="0.2">
      <c r="C46" s="70"/>
      <c r="D46" s="70"/>
      <c r="E46" s="70"/>
      <c r="F46" s="70"/>
      <c r="G46" s="70"/>
      <c r="H46" s="70"/>
      <c r="I46" s="70"/>
      <c r="J46" s="70"/>
      <c r="K46" s="70"/>
      <c r="L46" s="70"/>
    </row>
    <row r="47" spans="2:43" x14ac:dyDescent="0.2">
      <c r="C47" s="70"/>
      <c r="D47" s="70"/>
      <c r="E47" s="70"/>
      <c r="F47" s="70"/>
      <c r="G47" s="70"/>
      <c r="H47" s="70"/>
      <c r="I47" s="70"/>
      <c r="J47" s="70"/>
      <c r="K47" s="70"/>
      <c r="L47" s="70"/>
    </row>
    <row r="48" spans="2:43" x14ac:dyDescent="0.2">
      <c r="C48" s="70"/>
      <c r="D48" s="70"/>
      <c r="E48" s="70"/>
      <c r="F48" s="70"/>
      <c r="G48" s="70"/>
      <c r="H48" s="70"/>
      <c r="I48" s="70"/>
      <c r="J48" s="70"/>
      <c r="K48" s="70"/>
      <c r="L48" s="70"/>
    </row>
    <row r="49" spans="3:12" x14ac:dyDescent="0.2">
      <c r="C49" s="70"/>
      <c r="D49" s="70"/>
      <c r="E49" s="70"/>
      <c r="F49" s="70"/>
      <c r="G49" s="70"/>
      <c r="H49" s="70"/>
      <c r="I49" s="70"/>
      <c r="J49" s="70"/>
      <c r="K49" s="70"/>
      <c r="L49" s="70"/>
    </row>
    <row r="50" spans="3:12" x14ac:dyDescent="0.2">
      <c r="C50" s="70"/>
      <c r="D50" s="70"/>
      <c r="E50" s="70"/>
      <c r="F50" s="70"/>
      <c r="G50" s="70"/>
      <c r="H50" s="70"/>
      <c r="I50" s="70"/>
      <c r="J50" s="70"/>
      <c r="K50" s="70"/>
      <c r="L50" s="70"/>
    </row>
    <row r="51" spans="3:12" x14ac:dyDescent="0.2">
      <c r="C51" s="70"/>
      <c r="D51" s="70"/>
      <c r="E51" s="70"/>
      <c r="F51" s="70"/>
      <c r="G51" s="70"/>
      <c r="H51" s="70"/>
      <c r="I51" s="70"/>
      <c r="J51" s="70"/>
      <c r="K51" s="70"/>
      <c r="L51" s="70"/>
    </row>
    <row r="52" spans="3:12" x14ac:dyDescent="0.2">
      <c r="C52" s="70"/>
      <c r="D52" s="70"/>
      <c r="E52" s="70"/>
      <c r="F52" s="70"/>
      <c r="G52" s="70"/>
      <c r="H52" s="70"/>
      <c r="I52" s="70"/>
      <c r="J52" s="70"/>
      <c r="K52" s="70"/>
      <c r="L52" s="70"/>
    </row>
    <row r="53" spans="3:12" x14ac:dyDescent="0.2">
      <c r="C53" s="70"/>
      <c r="D53" s="70"/>
      <c r="E53" s="70"/>
      <c r="F53" s="70"/>
      <c r="G53" s="70"/>
      <c r="H53" s="70"/>
      <c r="I53" s="70"/>
      <c r="J53" s="70"/>
      <c r="K53" s="70"/>
      <c r="L53" s="70"/>
    </row>
    <row r="54" spans="3:12" x14ac:dyDescent="0.2">
      <c r="C54" s="70"/>
      <c r="D54" s="70"/>
      <c r="E54" s="70"/>
      <c r="F54" s="70"/>
      <c r="G54" s="70"/>
      <c r="H54" s="70"/>
      <c r="I54" s="70"/>
      <c r="J54" s="70"/>
      <c r="K54" s="70"/>
      <c r="L54" s="70"/>
    </row>
    <row r="55" spans="3:12" x14ac:dyDescent="0.2">
      <c r="C55" s="70"/>
      <c r="D55" s="70"/>
      <c r="E55" s="70"/>
      <c r="F55" s="70"/>
      <c r="G55" s="70"/>
      <c r="H55" s="70"/>
      <c r="I55" s="70"/>
      <c r="J55" s="70"/>
      <c r="K55" s="70"/>
      <c r="L55" s="70"/>
    </row>
    <row r="56" spans="3:12" x14ac:dyDescent="0.2">
      <c r="C56" s="70"/>
      <c r="D56" s="70"/>
      <c r="E56" s="70"/>
      <c r="F56" s="70"/>
      <c r="G56" s="70"/>
      <c r="H56" s="70"/>
      <c r="I56" s="70"/>
      <c r="J56" s="70"/>
      <c r="K56" s="70"/>
      <c r="L56" s="70"/>
    </row>
    <row r="57" spans="3:12" x14ac:dyDescent="0.2">
      <c r="C57" s="70"/>
      <c r="D57" s="70"/>
      <c r="E57" s="70"/>
      <c r="F57" s="70"/>
      <c r="G57" s="70"/>
      <c r="H57" s="70"/>
      <c r="I57" s="70"/>
      <c r="J57" s="70"/>
      <c r="K57" s="70"/>
      <c r="L57" s="70"/>
    </row>
    <row r="58" spans="3:12" x14ac:dyDescent="0.2">
      <c r="C58" s="70"/>
      <c r="D58" s="70"/>
      <c r="E58" s="70"/>
      <c r="F58" s="70"/>
      <c r="G58" s="70"/>
      <c r="H58" s="70"/>
      <c r="I58" s="70"/>
      <c r="J58" s="70"/>
      <c r="K58" s="70"/>
      <c r="L58" s="70"/>
    </row>
    <row r="59" spans="3:12" x14ac:dyDescent="0.2">
      <c r="C59" s="70"/>
      <c r="D59" s="70"/>
      <c r="E59" s="70"/>
      <c r="F59" s="70"/>
      <c r="G59" s="70"/>
      <c r="H59" s="70"/>
      <c r="I59" s="70"/>
      <c r="J59" s="70"/>
      <c r="K59" s="70"/>
      <c r="L59" s="70"/>
    </row>
    <row r="60" spans="3:12" x14ac:dyDescent="0.2">
      <c r="C60" s="70"/>
      <c r="D60" s="70"/>
      <c r="E60" s="70"/>
      <c r="F60" s="70"/>
      <c r="G60" s="70"/>
      <c r="H60" s="70"/>
      <c r="I60" s="70"/>
      <c r="J60" s="70"/>
      <c r="K60" s="70"/>
      <c r="L60" s="70"/>
    </row>
    <row r="61" spans="3:12" x14ac:dyDescent="0.2">
      <c r="C61" s="70"/>
      <c r="D61" s="70"/>
      <c r="E61" s="70"/>
      <c r="F61" s="70"/>
      <c r="G61" s="70"/>
      <c r="H61" s="70"/>
      <c r="I61" s="70"/>
      <c r="J61" s="70"/>
      <c r="K61" s="70"/>
      <c r="L61" s="70"/>
    </row>
    <row r="62" spans="3:12" x14ac:dyDescent="0.2">
      <c r="C62" s="70"/>
      <c r="D62" s="70"/>
      <c r="E62" s="70"/>
      <c r="F62" s="70"/>
      <c r="G62" s="70"/>
      <c r="H62" s="70"/>
      <c r="I62" s="70"/>
      <c r="J62" s="70"/>
      <c r="K62" s="70"/>
      <c r="L62" s="70"/>
    </row>
    <row r="63" spans="3:12" x14ac:dyDescent="0.2">
      <c r="C63" s="70"/>
      <c r="D63" s="70"/>
      <c r="E63" s="70"/>
      <c r="F63" s="70"/>
      <c r="G63" s="70"/>
      <c r="H63" s="70"/>
      <c r="I63" s="70"/>
      <c r="J63" s="70"/>
      <c r="K63" s="70"/>
      <c r="L63" s="70"/>
    </row>
    <row r="64" spans="3:12" x14ac:dyDescent="0.2">
      <c r="C64" s="70"/>
      <c r="D64" s="70"/>
      <c r="E64" s="70"/>
      <c r="F64" s="70"/>
      <c r="G64" s="70"/>
      <c r="H64" s="70"/>
      <c r="I64" s="70"/>
      <c r="J64" s="70"/>
      <c r="K64" s="70"/>
      <c r="L64" s="70"/>
    </row>
    <row r="65" spans="3:12" x14ac:dyDescent="0.2">
      <c r="C65" s="70"/>
      <c r="D65" s="70"/>
      <c r="E65" s="70"/>
      <c r="F65" s="70"/>
      <c r="G65" s="70"/>
      <c r="H65" s="70"/>
      <c r="I65" s="70"/>
      <c r="J65" s="70"/>
      <c r="K65" s="70"/>
      <c r="L65" s="70"/>
    </row>
    <row r="66" spans="3:12" x14ac:dyDescent="0.2">
      <c r="C66" s="70"/>
      <c r="D66" s="70"/>
      <c r="E66" s="70"/>
      <c r="F66" s="70"/>
      <c r="G66" s="70"/>
      <c r="H66" s="70"/>
      <c r="I66" s="70"/>
      <c r="J66" s="70"/>
      <c r="K66" s="70"/>
      <c r="L66" s="70"/>
    </row>
    <row r="67" spans="3:12" x14ac:dyDescent="0.2">
      <c r="C67" s="70"/>
      <c r="D67" s="70"/>
      <c r="E67" s="70"/>
      <c r="F67" s="70"/>
      <c r="G67" s="70"/>
      <c r="H67" s="70"/>
      <c r="I67" s="70"/>
      <c r="J67" s="70"/>
      <c r="K67" s="70"/>
      <c r="L67" s="70"/>
    </row>
    <row r="68" spans="3:12" x14ac:dyDescent="0.2">
      <c r="C68" s="70"/>
      <c r="D68" s="70"/>
      <c r="E68" s="70"/>
      <c r="F68" s="70"/>
      <c r="G68" s="70"/>
      <c r="H68" s="70"/>
      <c r="I68" s="70"/>
      <c r="J68" s="70"/>
      <c r="K68" s="70"/>
      <c r="L68" s="70"/>
    </row>
    <row r="69" spans="3:12" x14ac:dyDescent="0.2">
      <c r="C69" s="70"/>
      <c r="D69" s="70"/>
      <c r="E69" s="70"/>
      <c r="F69" s="70"/>
      <c r="G69" s="70"/>
      <c r="H69" s="70"/>
      <c r="I69" s="70"/>
      <c r="J69" s="70"/>
      <c r="K69" s="70"/>
      <c r="L69" s="70"/>
    </row>
    <row r="70" spans="3:12" x14ac:dyDescent="0.2">
      <c r="C70" s="70"/>
      <c r="D70" s="70"/>
      <c r="E70" s="70"/>
      <c r="F70" s="70"/>
      <c r="G70" s="70"/>
      <c r="H70" s="70"/>
      <c r="I70" s="70"/>
      <c r="J70" s="70"/>
      <c r="K70" s="70"/>
      <c r="L70" s="70"/>
    </row>
    <row r="71" spans="3:12" x14ac:dyDescent="0.2">
      <c r="C71" s="70"/>
      <c r="D71" s="70"/>
      <c r="E71" s="70"/>
      <c r="F71" s="70"/>
      <c r="G71" s="70"/>
      <c r="H71" s="70"/>
      <c r="I71" s="70"/>
      <c r="J71" s="70"/>
      <c r="K71" s="70"/>
      <c r="L71" s="70"/>
    </row>
    <row r="72" spans="3:12" x14ac:dyDescent="0.2">
      <c r="C72" s="70"/>
      <c r="D72" s="70"/>
      <c r="E72" s="70"/>
      <c r="F72" s="70"/>
      <c r="G72" s="70"/>
      <c r="H72" s="70"/>
      <c r="I72" s="70"/>
      <c r="J72" s="70"/>
      <c r="K72" s="70"/>
      <c r="L72" s="70"/>
    </row>
    <row r="73" spans="3:12" x14ac:dyDescent="0.2">
      <c r="C73" s="70"/>
      <c r="D73" s="70"/>
      <c r="E73" s="70"/>
      <c r="F73" s="70"/>
      <c r="G73" s="70"/>
      <c r="H73" s="70"/>
      <c r="I73" s="70"/>
      <c r="J73" s="70"/>
      <c r="K73" s="70"/>
      <c r="L73" s="70"/>
    </row>
    <row r="74" spans="3:12" x14ac:dyDescent="0.2">
      <c r="C74" s="70"/>
      <c r="D74" s="70"/>
      <c r="E74" s="70"/>
      <c r="F74" s="70"/>
      <c r="G74" s="70"/>
      <c r="H74" s="70"/>
      <c r="I74" s="70"/>
      <c r="J74" s="70"/>
      <c r="K74" s="70"/>
      <c r="L74" s="70"/>
    </row>
    <row r="75" spans="3:12" x14ac:dyDescent="0.2">
      <c r="C75" s="70"/>
      <c r="D75" s="70"/>
      <c r="E75" s="70"/>
      <c r="F75" s="70"/>
      <c r="G75" s="70"/>
      <c r="H75" s="70"/>
      <c r="I75" s="70"/>
      <c r="J75" s="70"/>
      <c r="K75" s="70"/>
      <c r="L75" s="70"/>
    </row>
    <row r="76" spans="3:12" x14ac:dyDescent="0.2">
      <c r="C76" s="70"/>
      <c r="D76" s="70"/>
      <c r="E76" s="70"/>
      <c r="F76" s="70"/>
      <c r="G76" s="70"/>
      <c r="H76" s="70"/>
      <c r="I76" s="70"/>
      <c r="J76" s="70"/>
      <c r="K76" s="70"/>
      <c r="L76" s="70"/>
    </row>
    <row r="77" spans="3:12" x14ac:dyDescent="0.2">
      <c r="C77" s="70"/>
      <c r="D77" s="70"/>
      <c r="E77" s="70"/>
      <c r="F77" s="70"/>
      <c r="G77" s="70"/>
      <c r="H77" s="70"/>
      <c r="I77" s="70"/>
      <c r="J77" s="70"/>
      <c r="K77" s="70"/>
      <c r="L77" s="70"/>
    </row>
    <row r="78" spans="3:12" x14ac:dyDescent="0.2">
      <c r="C78" s="70"/>
      <c r="D78" s="70"/>
      <c r="E78" s="70"/>
      <c r="F78" s="70"/>
      <c r="G78" s="70"/>
      <c r="H78" s="70"/>
      <c r="I78" s="70"/>
      <c r="J78" s="70"/>
      <c r="K78" s="70"/>
      <c r="L78" s="70"/>
    </row>
    <row r="79" spans="3:12" x14ac:dyDescent="0.2">
      <c r="C79" s="70"/>
      <c r="D79" s="70"/>
      <c r="E79" s="70"/>
      <c r="F79" s="70"/>
      <c r="G79" s="70"/>
      <c r="H79" s="70"/>
      <c r="I79" s="70"/>
      <c r="J79" s="70"/>
      <c r="K79" s="70"/>
      <c r="L79" s="70"/>
    </row>
    <row r="80" spans="3:12" x14ac:dyDescent="0.2">
      <c r="C80" s="70"/>
      <c r="D80" s="70"/>
      <c r="E80" s="70"/>
      <c r="F80" s="70"/>
      <c r="G80" s="70"/>
      <c r="H80" s="70"/>
      <c r="I80" s="70"/>
      <c r="J80" s="70"/>
      <c r="K80" s="70"/>
      <c r="L80" s="70"/>
    </row>
    <row r="81" spans="3:12" x14ac:dyDescent="0.2">
      <c r="C81" s="70"/>
      <c r="D81" s="70"/>
      <c r="E81" s="70"/>
      <c r="F81" s="70"/>
      <c r="G81" s="70"/>
      <c r="H81" s="70"/>
      <c r="I81" s="70"/>
      <c r="J81" s="70"/>
      <c r="K81" s="70"/>
      <c r="L81" s="70"/>
    </row>
    <row r="82" spans="3:12" x14ac:dyDescent="0.2">
      <c r="C82" s="70"/>
      <c r="D82" s="70"/>
      <c r="E82" s="70"/>
      <c r="F82" s="70"/>
      <c r="G82" s="70"/>
      <c r="H82" s="70"/>
      <c r="I82" s="70"/>
      <c r="J82" s="70"/>
      <c r="K82" s="70"/>
      <c r="L82" s="70"/>
    </row>
    <row r="83" spans="3:12" x14ac:dyDescent="0.2">
      <c r="C83" s="70"/>
      <c r="D83" s="70"/>
      <c r="E83" s="70"/>
      <c r="F83" s="70"/>
      <c r="G83" s="70"/>
      <c r="H83" s="70"/>
      <c r="I83" s="70"/>
      <c r="J83" s="70"/>
      <c r="K83" s="70"/>
      <c r="L83" s="70"/>
    </row>
    <row r="84" spans="3:12" x14ac:dyDescent="0.2">
      <c r="C84" s="70"/>
      <c r="D84" s="70"/>
      <c r="E84" s="70"/>
      <c r="F84" s="70"/>
      <c r="G84" s="70"/>
      <c r="H84" s="70"/>
      <c r="I84" s="70"/>
      <c r="J84" s="70"/>
      <c r="K84" s="70"/>
      <c r="L84" s="70"/>
    </row>
    <row r="85" spans="3:12" x14ac:dyDescent="0.2">
      <c r="C85" s="70"/>
      <c r="D85" s="70"/>
      <c r="E85" s="70"/>
      <c r="F85" s="70"/>
      <c r="G85" s="70"/>
      <c r="H85" s="70"/>
      <c r="I85" s="70"/>
      <c r="J85" s="70"/>
      <c r="K85" s="70"/>
      <c r="L85" s="70"/>
    </row>
    <row r="86" spans="3:12" x14ac:dyDescent="0.2">
      <c r="C86" s="70"/>
      <c r="D86" s="70"/>
      <c r="E86" s="70"/>
      <c r="F86" s="70"/>
      <c r="G86" s="70"/>
      <c r="H86" s="70"/>
      <c r="I86" s="70"/>
      <c r="J86" s="70"/>
      <c r="K86" s="70"/>
      <c r="L86" s="70"/>
    </row>
    <row r="87" spans="3:12" x14ac:dyDescent="0.2">
      <c r="C87" s="70"/>
      <c r="D87" s="70"/>
      <c r="E87" s="70"/>
      <c r="F87" s="70"/>
      <c r="G87" s="70"/>
      <c r="H87" s="70"/>
      <c r="I87" s="70"/>
      <c r="J87" s="70"/>
      <c r="K87" s="70"/>
      <c r="L87" s="70"/>
    </row>
    <row r="88" spans="3:12" x14ac:dyDescent="0.2">
      <c r="C88" s="70"/>
      <c r="D88" s="70"/>
      <c r="E88" s="70"/>
      <c r="F88" s="70"/>
      <c r="G88" s="70"/>
      <c r="H88" s="70"/>
      <c r="I88" s="70"/>
      <c r="J88" s="70"/>
      <c r="K88" s="70"/>
      <c r="L88" s="70"/>
    </row>
    <row r="89" spans="3:12" x14ac:dyDescent="0.2">
      <c r="C89" s="70"/>
      <c r="D89" s="70"/>
      <c r="E89" s="70"/>
      <c r="F89" s="70"/>
      <c r="G89" s="70"/>
      <c r="H89" s="70"/>
      <c r="I89" s="70"/>
      <c r="J89" s="70"/>
      <c r="K89" s="70"/>
      <c r="L89" s="70"/>
    </row>
    <row r="90" spans="3:12" x14ac:dyDescent="0.2">
      <c r="C90" s="70"/>
      <c r="D90" s="70"/>
      <c r="E90" s="70"/>
      <c r="F90" s="70"/>
      <c r="G90" s="70"/>
      <c r="H90" s="70"/>
      <c r="I90" s="70"/>
      <c r="J90" s="70"/>
      <c r="K90" s="70"/>
      <c r="L90" s="70"/>
    </row>
    <row r="91" spans="3:12" x14ac:dyDescent="0.2">
      <c r="C91" s="70"/>
      <c r="D91" s="70"/>
      <c r="E91" s="70"/>
      <c r="F91" s="70"/>
      <c r="G91" s="70"/>
      <c r="H91" s="70"/>
      <c r="I91" s="70"/>
      <c r="J91" s="70"/>
      <c r="K91" s="70"/>
      <c r="L91" s="70"/>
    </row>
    <row r="92" spans="3:12" x14ac:dyDescent="0.2">
      <c r="C92" s="70"/>
      <c r="D92" s="70"/>
      <c r="E92" s="70"/>
      <c r="F92" s="70"/>
      <c r="G92" s="70"/>
      <c r="H92" s="70"/>
      <c r="I92" s="70"/>
      <c r="J92" s="70"/>
      <c r="K92" s="70"/>
      <c r="L92" s="70"/>
    </row>
    <row r="93" spans="3:12" x14ac:dyDescent="0.2">
      <c r="C93" s="70"/>
      <c r="D93" s="70"/>
      <c r="E93" s="70"/>
      <c r="F93" s="70"/>
      <c r="G93" s="70"/>
      <c r="H93" s="70"/>
      <c r="I93" s="70"/>
      <c r="J93" s="70"/>
      <c r="K93" s="70"/>
      <c r="L93" s="70"/>
    </row>
    <row r="94" spans="3:12" x14ac:dyDescent="0.2">
      <c r="C94" s="70"/>
      <c r="D94" s="70"/>
      <c r="E94" s="70"/>
      <c r="F94" s="70"/>
      <c r="G94" s="70"/>
      <c r="H94" s="70"/>
      <c r="I94" s="70"/>
      <c r="J94" s="70"/>
      <c r="K94" s="70"/>
      <c r="L94" s="70"/>
    </row>
    <row r="95" spans="3:12" x14ac:dyDescent="0.2">
      <c r="C95" s="70"/>
      <c r="D95" s="70"/>
      <c r="E95" s="70"/>
      <c r="F95" s="70"/>
      <c r="G95" s="70"/>
      <c r="H95" s="70"/>
      <c r="I95" s="70"/>
      <c r="J95" s="70"/>
      <c r="K95" s="70"/>
      <c r="L95" s="70"/>
    </row>
    <row r="96" spans="3:12" x14ac:dyDescent="0.2">
      <c r="C96" s="70"/>
      <c r="D96" s="70"/>
      <c r="E96" s="70"/>
      <c r="F96" s="70"/>
      <c r="G96" s="70"/>
      <c r="H96" s="70"/>
      <c r="I96" s="70"/>
      <c r="J96" s="70"/>
      <c r="K96" s="70"/>
      <c r="L96" s="70"/>
    </row>
    <row r="97" spans="3:12" x14ac:dyDescent="0.2">
      <c r="C97" s="70"/>
      <c r="D97" s="70"/>
      <c r="E97" s="70"/>
      <c r="F97" s="70"/>
      <c r="G97" s="70"/>
      <c r="H97" s="70"/>
      <c r="I97" s="70"/>
      <c r="J97" s="70"/>
      <c r="K97" s="70"/>
      <c r="L97" s="70"/>
    </row>
    <row r="98" spans="3:12" x14ac:dyDescent="0.2">
      <c r="C98" s="70"/>
      <c r="D98" s="70"/>
      <c r="E98" s="70"/>
      <c r="F98" s="70"/>
      <c r="G98" s="70"/>
      <c r="H98" s="70"/>
      <c r="I98" s="70"/>
      <c r="J98" s="70"/>
      <c r="K98" s="70"/>
      <c r="L98" s="70"/>
    </row>
    <row r="99" spans="3:12" x14ac:dyDescent="0.2">
      <c r="C99" s="70"/>
      <c r="D99" s="70"/>
      <c r="E99" s="70"/>
      <c r="F99" s="70"/>
      <c r="G99" s="70"/>
      <c r="H99" s="70"/>
      <c r="I99" s="70"/>
      <c r="J99" s="70"/>
      <c r="K99" s="70"/>
      <c r="L99" s="70"/>
    </row>
    <row r="100" spans="3:12" x14ac:dyDescent="0.2">
      <c r="C100" s="70"/>
      <c r="D100" s="70"/>
      <c r="E100" s="70"/>
      <c r="F100" s="70"/>
      <c r="G100" s="70"/>
      <c r="H100" s="70"/>
      <c r="I100" s="70"/>
      <c r="J100" s="70"/>
      <c r="K100" s="70"/>
      <c r="L100" s="70"/>
    </row>
    <row r="101" spans="3:12" x14ac:dyDescent="0.2">
      <c r="C101" s="70"/>
      <c r="D101" s="70"/>
      <c r="E101" s="70"/>
      <c r="F101" s="70"/>
      <c r="G101" s="70"/>
      <c r="H101" s="70"/>
      <c r="I101" s="70"/>
      <c r="J101" s="70"/>
      <c r="K101" s="70"/>
      <c r="L101" s="70"/>
    </row>
    <row r="102" spans="3:12" x14ac:dyDescent="0.2">
      <c r="C102" s="70"/>
      <c r="D102" s="70"/>
      <c r="E102" s="70"/>
      <c r="F102" s="70"/>
      <c r="G102" s="70"/>
      <c r="H102" s="70"/>
      <c r="I102" s="70"/>
      <c r="J102" s="70"/>
      <c r="K102" s="70"/>
      <c r="L102" s="70"/>
    </row>
    <row r="103" spans="3:12" x14ac:dyDescent="0.2">
      <c r="C103" s="70"/>
      <c r="D103" s="70"/>
      <c r="E103" s="70"/>
      <c r="F103" s="70"/>
      <c r="G103" s="70"/>
      <c r="H103" s="70"/>
      <c r="I103" s="70"/>
      <c r="J103" s="70"/>
      <c r="K103" s="70"/>
      <c r="L103" s="70"/>
    </row>
    <row r="104" spans="3:12" x14ac:dyDescent="0.2">
      <c r="C104" s="70"/>
      <c r="D104" s="70"/>
      <c r="E104" s="70"/>
      <c r="F104" s="70"/>
      <c r="G104" s="70"/>
      <c r="H104" s="70"/>
      <c r="I104" s="70"/>
      <c r="J104" s="70"/>
      <c r="K104" s="70"/>
      <c r="L104" s="70"/>
    </row>
    <row r="105" spans="3:12" x14ac:dyDescent="0.2">
      <c r="C105" s="70"/>
      <c r="D105" s="70"/>
      <c r="E105" s="70"/>
      <c r="F105" s="70"/>
      <c r="G105" s="70"/>
      <c r="H105" s="70"/>
      <c r="I105" s="70"/>
      <c r="J105" s="70"/>
      <c r="K105" s="70"/>
      <c r="L105" s="70"/>
    </row>
    <row r="106" spans="3:12" x14ac:dyDescent="0.2">
      <c r="C106" s="70"/>
      <c r="D106" s="70"/>
      <c r="E106" s="70"/>
      <c r="F106" s="70"/>
      <c r="G106" s="70"/>
      <c r="H106" s="70"/>
      <c r="I106" s="70"/>
      <c r="J106" s="70"/>
      <c r="K106" s="70"/>
      <c r="L106" s="70"/>
    </row>
    <row r="107" spans="3:12" x14ac:dyDescent="0.2">
      <c r="C107" s="70"/>
      <c r="D107" s="70"/>
      <c r="E107" s="70"/>
      <c r="F107" s="70"/>
      <c r="G107" s="70"/>
      <c r="H107" s="70"/>
      <c r="I107" s="70"/>
      <c r="J107" s="70"/>
      <c r="K107" s="70"/>
      <c r="L107" s="70"/>
    </row>
    <row r="108" spans="3:12" x14ac:dyDescent="0.2">
      <c r="C108" s="70"/>
      <c r="D108" s="70"/>
      <c r="E108" s="70"/>
      <c r="F108" s="70"/>
      <c r="G108" s="70"/>
      <c r="H108" s="70"/>
      <c r="I108" s="70"/>
      <c r="J108" s="70"/>
      <c r="K108" s="70"/>
      <c r="L108" s="70"/>
    </row>
    <row r="109" spans="3:12" x14ac:dyDescent="0.2">
      <c r="C109" s="70"/>
      <c r="D109" s="70"/>
      <c r="E109" s="70"/>
      <c r="F109" s="70"/>
      <c r="G109" s="70"/>
      <c r="H109" s="70"/>
      <c r="I109" s="70"/>
      <c r="J109" s="70"/>
      <c r="K109" s="70"/>
      <c r="L109" s="70"/>
    </row>
    <row r="110" spans="3:12" x14ac:dyDescent="0.2">
      <c r="C110" s="70"/>
      <c r="D110" s="70"/>
      <c r="E110" s="70"/>
      <c r="F110" s="70"/>
      <c r="G110" s="70"/>
      <c r="H110" s="70"/>
      <c r="I110" s="70"/>
      <c r="J110" s="70"/>
      <c r="K110" s="70"/>
      <c r="L110" s="70"/>
    </row>
    <row r="111" spans="3:12" x14ac:dyDescent="0.2">
      <c r="C111" s="70"/>
      <c r="D111" s="70"/>
      <c r="E111" s="70"/>
      <c r="F111" s="70"/>
      <c r="G111" s="70"/>
      <c r="H111" s="70"/>
      <c r="I111" s="70"/>
      <c r="J111" s="70"/>
      <c r="K111" s="70"/>
      <c r="L111" s="70"/>
    </row>
    <row r="112" spans="3:12" x14ac:dyDescent="0.2">
      <c r="C112" s="70"/>
      <c r="D112" s="70"/>
      <c r="E112" s="70"/>
      <c r="F112" s="70"/>
      <c r="G112" s="70"/>
      <c r="H112" s="70"/>
      <c r="I112" s="70"/>
      <c r="J112" s="70"/>
      <c r="K112" s="70"/>
      <c r="L112" s="70"/>
    </row>
    <row r="113" spans="3:12" x14ac:dyDescent="0.2">
      <c r="C113" s="70"/>
      <c r="D113" s="70"/>
      <c r="E113" s="70"/>
      <c r="F113" s="70"/>
      <c r="G113" s="70"/>
      <c r="H113" s="70"/>
      <c r="I113" s="70"/>
      <c r="J113" s="70"/>
      <c r="K113" s="70"/>
      <c r="L113" s="70"/>
    </row>
    <row r="114" spans="3:12" x14ac:dyDescent="0.2">
      <c r="C114" s="70"/>
      <c r="D114" s="70"/>
      <c r="E114" s="70"/>
      <c r="F114" s="70"/>
      <c r="G114" s="70"/>
      <c r="H114" s="70"/>
      <c r="I114" s="70"/>
      <c r="J114" s="70"/>
      <c r="K114" s="70"/>
      <c r="L114" s="70"/>
    </row>
    <row r="115" spans="3:12" x14ac:dyDescent="0.2">
      <c r="C115" s="70"/>
      <c r="D115" s="70"/>
      <c r="E115" s="70"/>
      <c r="F115" s="70"/>
      <c r="G115" s="70"/>
      <c r="H115" s="70"/>
      <c r="I115" s="70"/>
      <c r="J115" s="70"/>
      <c r="K115" s="70"/>
      <c r="L115" s="70"/>
    </row>
    <row r="116" spans="3:12" x14ac:dyDescent="0.2">
      <c r="C116" s="70"/>
      <c r="D116" s="70"/>
      <c r="E116" s="70"/>
      <c r="F116" s="70"/>
      <c r="G116" s="70"/>
      <c r="H116" s="70"/>
      <c r="I116" s="70"/>
      <c r="J116" s="70"/>
      <c r="K116" s="70"/>
      <c r="L116" s="70"/>
    </row>
    <row r="117" spans="3:12" x14ac:dyDescent="0.2">
      <c r="C117" s="70"/>
      <c r="D117" s="70"/>
      <c r="E117" s="70"/>
      <c r="F117" s="70"/>
      <c r="G117" s="70"/>
      <c r="H117" s="70"/>
      <c r="I117" s="70"/>
      <c r="J117" s="70"/>
      <c r="K117" s="70"/>
      <c r="L117" s="70"/>
    </row>
    <row r="118" spans="3:12" x14ac:dyDescent="0.2">
      <c r="C118" s="70"/>
      <c r="D118" s="70"/>
      <c r="E118" s="70"/>
      <c r="F118" s="70"/>
      <c r="G118" s="70"/>
      <c r="H118" s="70"/>
      <c r="I118" s="70"/>
      <c r="J118" s="70"/>
      <c r="K118" s="70"/>
      <c r="L118" s="70"/>
    </row>
    <row r="119" spans="3:12" x14ac:dyDescent="0.2">
      <c r="C119" s="70"/>
      <c r="D119" s="70"/>
      <c r="E119" s="70"/>
      <c r="F119" s="70"/>
      <c r="G119" s="70"/>
      <c r="H119" s="70"/>
      <c r="I119" s="70"/>
      <c r="J119" s="70"/>
      <c r="K119" s="70"/>
      <c r="L119" s="70"/>
    </row>
    <row r="120" spans="3:12" x14ac:dyDescent="0.2">
      <c r="C120" s="70"/>
      <c r="D120" s="70"/>
      <c r="E120" s="70"/>
      <c r="F120" s="70"/>
      <c r="G120" s="70"/>
      <c r="H120" s="70"/>
      <c r="I120" s="70"/>
      <c r="J120" s="70"/>
      <c r="K120" s="70"/>
      <c r="L120" s="70"/>
    </row>
    <row r="121" spans="3:12" x14ac:dyDescent="0.2">
      <c r="C121" s="70"/>
      <c r="D121" s="70"/>
      <c r="E121" s="70"/>
      <c r="F121" s="70"/>
      <c r="G121" s="70"/>
      <c r="H121" s="70"/>
      <c r="I121" s="70"/>
      <c r="J121" s="70"/>
      <c r="K121" s="70"/>
      <c r="L121" s="70"/>
    </row>
    <row r="122" spans="3:12" x14ac:dyDescent="0.2">
      <c r="C122" s="70"/>
      <c r="D122" s="70"/>
      <c r="E122" s="70"/>
      <c r="F122" s="70"/>
      <c r="G122" s="70"/>
      <c r="H122" s="70"/>
      <c r="I122" s="70"/>
      <c r="J122" s="70"/>
      <c r="K122" s="70"/>
      <c r="L122" s="70"/>
    </row>
    <row r="123" spans="3:12" x14ac:dyDescent="0.2">
      <c r="C123" s="70"/>
      <c r="D123" s="70"/>
      <c r="E123" s="70"/>
      <c r="F123" s="70"/>
      <c r="G123" s="70"/>
      <c r="H123" s="70"/>
      <c r="I123" s="70"/>
      <c r="J123" s="70"/>
      <c r="K123" s="70"/>
      <c r="L123" s="70"/>
    </row>
    <row r="124" spans="3:12" x14ac:dyDescent="0.2">
      <c r="C124" s="70"/>
      <c r="D124" s="70"/>
      <c r="E124" s="70"/>
      <c r="F124" s="70"/>
      <c r="G124" s="70"/>
      <c r="H124" s="70"/>
      <c r="I124" s="70"/>
      <c r="J124" s="70"/>
      <c r="K124" s="70"/>
      <c r="L124" s="70"/>
    </row>
    <row r="125" spans="3:12" x14ac:dyDescent="0.2">
      <c r="C125" s="70"/>
      <c r="D125" s="70"/>
      <c r="E125" s="70"/>
      <c r="F125" s="70"/>
      <c r="G125" s="70"/>
      <c r="H125" s="70"/>
      <c r="I125" s="70"/>
      <c r="J125" s="70"/>
      <c r="K125" s="70"/>
      <c r="L125" s="70"/>
    </row>
    <row r="126" spans="3:12" x14ac:dyDescent="0.2">
      <c r="C126" s="70"/>
      <c r="D126" s="70"/>
      <c r="E126" s="70"/>
      <c r="F126" s="70"/>
      <c r="G126" s="70"/>
      <c r="H126" s="70"/>
      <c r="I126" s="70"/>
      <c r="J126" s="70"/>
      <c r="K126" s="70"/>
      <c r="L126" s="70"/>
    </row>
    <row r="127" spans="3:12" x14ac:dyDescent="0.2">
      <c r="C127" s="70"/>
      <c r="D127" s="70"/>
      <c r="E127" s="70"/>
      <c r="F127" s="70"/>
      <c r="G127" s="70"/>
      <c r="H127" s="70"/>
      <c r="I127" s="70"/>
      <c r="J127" s="70"/>
      <c r="K127" s="70"/>
      <c r="L127" s="70"/>
    </row>
    <row r="128" spans="3:12" x14ac:dyDescent="0.2">
      <c r="C128" s="70"/>
      <c r="D128" s="70"/>
      <c r="E128" s="70"/>
      <c r="F128" s="70"/>
      <c r="G128" s="70"/>
      <c r="H128" s="70"/>
      <c r="I128" s="70"/>
      <c r="J128" s="70"/>
      <c r="K128" s="70"/>
      <c r="L128" s="70"/>
    </row>
    <row r="129" spans="3:12" x14ac:dyDescent="0.2">
      <c r="C129" s="70"/>
      <c r="D129" s="70"/>
      <c r="E129" s="70"/>
      <c r="F129" s="70"/>
      <c r="G129" s="70"/>
      <c r="H129" s="70"/>
      <c r="I129" s="70"/>
      <c r="J129" s="70"/>
      <c r="K129" s="70"/>
      <c r="L129" s="70"/>
    </row>
    <row r="130" spans="3:12" x14ac:dyDescent="0.2">
      <c r="C130" s="70"/>
      <c r="D130" s="70"/>
      <c r="E130" s="70"/>
      <c r="F130" s="70"/>
      <c r="G130" s="70"/>
      <c r="H130" s="70"/>
      <c r="I130" s="70"/>
      <c r="J130" s="70"/>
      <c r="K130" s="70"/>
      <c r="L130" s="70"/>
    </row>
    <row r="131" spans="3:12" x14ac:dyDescent="0.2">
      <c r="C131" s="70"/>
      <c r="D131" s="70"/>
      <c r="E131" s="70"/>
      <c r="F131" s="70"/>
      <c r="G131" s="70"/>
      <c r="H131" s="70"/>
      <c r="I131" s="70"/>
      <c r="J131" s="70"/>
      <c r="K131" s="70"/>
      <c r="L131" s="70"/>
    </row>
    <row r="132" spans="3:12" x14ac:dyDescent="0.2">
      <c r="C132" s="70"/>
      <c r="D132" s="70"/>
      <c r="E132" s="70"/>
      <c r="F132" s="70"/>
      <c r="G132" s="70"/>
      <c r="H132" s="70"/>
      <c r="I132" s="70"/>
      <c r="J132" s="70"/>
      <c r="K132" s="70"/>
      <c r="L132" s="70"/>
    </row>
    <row r="133" spans="3:12" x14ac:dyDescent="0.2">
      <c r="C133" s="70"/>
      <c r="D133" s="70"/>
      <c r="E133" s="70"/>
      <c r="F133" s="70"/>
      <c r="G133" s="70"/>
      <c r="H133" s="70"/>
      <c r="I133" s="70"/>
      <c r="J133" s="70"/>
      <c r="K133" s="70"/>
      <c r="L133" s="70"/>
    </row>
    <row r="134" spans="3:12" x14ac:dyDescent="0.2">
      <c r="C134" s="70"/>
      <c r="D134" s="70"/>
      <c r="E134" s="70"/>
      <c r="F134" s="70"/>
      <c r="G134" s="70"/>
      <c r="H134" s="70"/>
      <c r="I134" s="70"/>
      <c r="J134" s="70"/>
      <c r="K134" s="70"/>
      <c r="L134" s="70"/>
    </row>
    <row r="135" spans="3:12" x14ac:dyDescent="0.2">
      <c r="C135" s="70"/>
      <c r="D135" s="70"/>
      <c r="E135" s="70"/>
      <c r="F135" s="70"/>
      <c r="G135" s="70"/>
      <c r="H135" s="70"/>
      <c r="I135" s="70"/>
      <c r="J135" s="70"/>
      <c r="K135" s="70"/>
      <c r="L135" s="70"/>
    </row>
    <row r="136" spans="3:12" x14ac:dyDescent="0.2">
      <c r="C136" s="70"/>
      <c r="D136" s="70"/>
      <c r="E136" s="70"/>
      <c r="F136" s="70"/>
      <c r="G136" s="70"/>
      <c r="H136" s="70"/>
      <c r="I136" s="70"/>
      <c r="J136" s="70"/>
      <c r="K136" s="70"/>
      <c r="L136" s="70"/>
    </row>
    <row r="137" spans="3:12" x14ac:dyDescent="0.2">
      <c r="C137" s="70"/>
      <c r="D137" s="70"/>
      <c r="E137" s="70"/>
      <c r="F137" s="70"/>
      <c r="G137" s="70"/>
      <c r="H137" s="70"/>
      <c r="I137" s="70"/>
      <c r="J137" s="70"/>
      <c r="K137" s="70"/>
      <c r="L137" s="70"/>
    </row>
    <row r="138" spans="3:12" x14ac:dyDescent="0.2">
      <c r="C138" s="70"/>
      <c r="D138" s="70"/>
      <c r="E138" s="70"/>
      <c r="F138" s="70"/>
      <c r="G138" s="70"/>
      <c r="H138" s="70"/>
      <c r="I138" s="70"/>
      <c r="J138" s="70"/>
      <c r="K138" s="70"/>
      <c r="L138" s="70"/>
    </row>
    <row r="139" spans="3:12" x14ac:dyDescent="0.2">
      <c r="C139" s="70"/>
      <c r="D139" s="70"/>
      <c r="E139" s="70"/>
      <c r="F139" s="70"/>
      <c r="G139" s="70"/>
      <c r="H139" s="70"/>
      <c r="I139" s="70"/>
      <c r="J139" s="70"/>
      <c r="K139" s="70"/>
      <c r="L139" s="70"/>
    </row>
    <row r="140" spans="3:12" x14ac:dyDescent="0.2">
      <c r="C140" s="70"/>
      <c r="D140" s="70"/>
      <c r="E140" s="70"/>
      <c r="F140" s="70"/>
      <c r="G140" s="70"/>
      <c r="H140" s="70"/>
      <c r="I140" s="70"/>
      <c r="J140" s="70"/>
      <c r="K140" s="70"/>
      <c r="L140" s="70"/>
    </row>
    <row r="141" spans="3:12" x14ac:dyDescent="0.2">
      <c r="C141" s="70"/>
      <c r="D141" s="70"/>
      <c r="E141" s="70"/>
      <c r="F141" s="70"/>
      <c r="G141" s="70"/>
      <c r="H141" s="70"/>
      <c r="I141" s="70"/>
      <c r="J141" s="70"/>
      <c r="K141" s="70"/>
      <c r="L141" s="70"/>
    </row>
    <row r="142" spans="3:12" x14ac:dyDescent="0.2">
      <c r="C142" s="70"/>
      <c r="D142" s="70"/>
      <c r="E142" s="70"/>
      <c r="F142" s="70"/>
      <c r="G142" s="70"/>
      <c r="H142" s="70"/>
      <c r="I142" s="70"/>
      <c r="J142" s="70"/>
      <c r="K142" s="70"/>
      <c r="L142" s="70"/>
    </row>
    <row r="143" spans="3:12" x14ac:dyDescent="0.2">
      <c r="C143" s="70"/>
      <c r="D143" s="70"/>
      <c r="E143" s="70"/>
      <c r="F143" s="70"/>
      <c r="G143" s="70"/>
      <c r="H143" s="70"/>
      <c r="I143" s="70"/>
      <c r="J143" s="70"/>
      <c r="K143" s="70"/>
      <c r="L143" s="70"/>
    </row>
    <row r="144" spans="3:12" x14ac:dyDescent="0.2">
      <c r="C144" s="70"/>
      <c r="D144" s="70"/>
      <c r="E144" s="70"/>
      <c r="F144" s="70"/>
      <c r="G144" s="70"/>
      <c r="H144" s="70"/>
      <c r="I144" s="70"/>
      <c r="J144" s="70"/>
      <c r="K144" s="70"/>
      <c r="L144" s="70"/>
    </row>
    <row r="145" spans="3:12" x14ac:dyDescent="0.2">
      <c r="C145" s="70"/>
      <c r="D145" s="70"/>
      <c r="E145" s="70"/>
      <c r="F145" s="70"/>
      <c r="G145" s="70"/>
      <c r="H145" s="70"/>
      <c r="I145" s="70"/>
      <c r="J145" s="70"/>
      <c r="K145" s="70"/>
      <c r="L145" s="70"/>
    </row>
    <row r="146" spans="3:12" x14ac:dyDescent="0.2">
      <c r="C146" s="70"/>
      <c r="D146" s="70"/>
      <c r="E146" s="70"/>
      <c r="F146" s="70"/>
      <c r="G146" s="70"/>
      <c r="H146" s="70"/>
      <c r="I146" s="70"/>
      <c r="J146" s="70"/>
      <c r="K146" s="70"/>
      <c r="L146" s="70"/>
    </row>
    <row r="147" spans="3:12" x14ac:dyDescent="0.2">
      <c r="C147" s="70"/>
      <c r="D147" s="70"/>
      <c r="E147" s="70"/>
      <c r="F147" s="70"/>
      <c r="G147" s="70"/>
      <c r="H147" s="70"/>
      <c r="I147" s="70"/>
      <c r="J147" s="70"/>
      <c r="K147" s="70"/>
      <c r="L147" s="70"/>
    </row>
    <row r="148" spans="3:12" x14ac:dyDescent="0.2">
      <c r="C148" s="70"/>
      <c r="D148" s="70"/>
      <c r="E148" s="70"/>
      <c r="F148" s="70"/>
      <c r="G148" s="70"/>
      <c r="H148" s="70"/>
      <c r="I148" s="70"/>
      <c r="J148" s="70"/>
      <c r="K148" s="70"/>
      <c r="L148" s="70"/>
    </row>
    <row r="149" spans="3:12" x14ac:dyDescent="0.2">
      <c r="C149" s="70"/>
      <c r="D149" s="70"/>
      <c r="E149" s="70"/>
      <c r="F149" s="70"/>
      <c r="G149" s="70"/>
      <c r="H149" s="70"/>
      <c r="I149" s="70"/>
      <c r="J149" s="70"/>
      <c r="K149" s="70"/>
      <c r="L149" s="70"/>
    </row>
    <row r="150" spans="3:12" x14ac:dyDescent="0.2">
      <c r="C150" s="70"/>
      <c r="D150" s="70"/>
      <c r="E150" s="70"/>
      <c r="F150" s="70"/>
      <c r="G150" s="70"/>
      <c r="H150" s="70"/>
      <c r="I150" s="70"/>
      <c r="J150" s="70"/>
      <c r="K150" s="70"/>
      <c r="L150" s="70"/>
    </row>
    <row r="151" spans="3:12" x14ac:dyDescent="0.2">
      <c r="C151" s="70"/>
      <c r="D151" s="70"/>
      <c r="E151" s="70"/>
      <c r="F151" s="70"/>
      <c r="G151" s="70"/>
      <c r="H151" s="70"/>
      <c r="I151" s="70"/>
      <c r="J151" s="70"/>
      <c r="K151" s="70"/>
      <c r="L151" s="70"/>
    </row>
    <row r="152" spans="3:12" x14ac:dyDescent="0.2">
      <c r="C152" s="70"/>
      <c r="D152" s="70"/>
      <c r="E152" s="70"/>
      <c r="F152" s="70"/>
      <c r="G152" s="70"/>
      <c r="H152" s="70"/>
      <c r="I152" s="70"/>
      <c r="J152" s="70"/>
      <c r="K152" s="70"/>
      <c r="L152" s="70"/>
    </row>
    <row r="153" spans="3:12" x14ac:dyDescent="0.2">
      <c r="C153" s="70"/>
      <c r="D153" s="70"/>
      <c r="E153" s="70"/>
      <c r="F153" s="70"/>
      <c r="G153" s="70"/>
      <c r="H153" s="70"/>
      <c r="I153" s="70"/>
      <c r="J153" s="70"/>
      <c r="K153" s="70"/>
      <c r="L153" s="70"/>
    </row>
    <row r="154" spans="3:12" x14ac:dyDescent="0.2">
      <c r="C154" s="70"/>
      <c r="D154" s="70"/>
      <c r="E154" s="70"/>
      <c r="F154" s="70"/>
      <c r="G154" s="70"/>
      <c r="H154" s="70"/>
      <c r="I154" s="70"/>
      <c r="J154" s="70"/>
      <c r="K154" s="70"/>
      <c r="L154" s="70"/>
    </row>
    <row r="155" spans="3:12" x14ac:dyDescent="0.2">
      <c r="C155" s="70"/>
      <c r="D155" s="70"/>
      <c r="E155" s="70"/>
      <c r="F155" s="70"/>
      <c r="G155" s="70"/>
      <c r="H155" s="70"/>
      <c r="I155" s="70"/>
      <c r="J155" s="70"/>
      <c r="K155" s="70"/>
      <c r="L155" s="70"/>
    </row>
    <row r="156" spans="3:12" x14ac:dyDescent="0.2">
      <c r="C156" s="70"/>
      <c r="D156" s="70"/>
      <c r="E156" s="70"/>
      <c r="F156" s="70"/>
      <c r="G156" s="70"/>
      <c r="H156" s="70"/>
      <c r="I156" s="70"/>
      <c r="J156" s="70"/>
      <c r="K156" s="70"/>
      <c r="L156" s="70"/>
    </row>
    <row r="157" spans="3:12" x14ac:dyDescent="0.2">
      <c r="C157" s="70"/>
      <c r="D157" s="70"/>
      <c r="E157" s="70"/>
      <c r="F157" s="70"/>
      <c r="G157" s="70"/>
      <c r="H157" s="70"/>
      <c r="I157" s="70"/>
      <c r="J157" s="70"/>
      <c r="K157" s="70"/>
      <c r="L157" s="70"/>
    </row>
    <row r="158" spans="3:12" x14ac:dyDescent="0.2">
      <c r="C158" s="70"/>
      <c r="D158" s="70"/>
      <c r="E158" s="70"/>
      <c r="F158" s="70"/>
      <c r="G158" s="70"/>
      <c r="H158" s="70"/>
      <c r="I158" s="70"/>
      <c r="J158" s="70"/>
      <c r="K158" s="70"/>
      <c r="L158" s="70"/>
    </row>
    <row r="159" spans="3:12" x14ac:dyDescent="0.2">
      <c r="C159" s="70"/>
      <c r="D159" s="70"/>
      <c r="E159" s="70"/>
      <c r="F159" s="70"/>
      <c r="G159" s="70"/>
      <c r="H159" s="70"/>
      <c r="I159" s="70"/>
      <c r="J159" s="70"/>
      <c r="K159" s="70"/>
      <c r="L159" s="70"/>
    </row>
    <row r="160" spans="3:12" x14ac:dyDescent="0.2">
      <c r="C160" s="70"/>
      <c r="D160" s="70"/>
      <c r="E160" s="70"/>
      <c r="F160" s="70"/>
      <c r="G160" s="70"/>
      <c r="H160" s="70"/>
      <c r="I160" s="70"/>
      <c r="J160" s="70"/>
      <c r="K160" s="70"/>
      <c r="L160" s="70"/>
    </row>
    <row r="161" spans="3:12" x14ac:dyDescent="0.2">
      <c r="C161" s="70"/>
      <c r="D161" s="70"/>
      <c r="E161" s="70"/>
      <c r="F161" s="70"/>
      <c r="G161" s="70"/>
      <c r="H161" s="70"/>
      <c r="I161" s="70"/>
      <c r="J161" s="70"/>
      <c r="K161" s="70"/>
      <c r="L161" s="70"/>
    </row>
    <row r="162" spans="3:12" x14ac:dyDescent="0.2">
      <c r="C162" s="70"/>
      <c r="D162" s="70"/>
      <c r="E162" s="70"/>
      <c r="F162" s="70"/>
      <c r="G162" s="70"/>
      <c r="H162" s="70"/>
      <c r="I162" s="70"/>
      <c r="J162" s="70"/>
      <c r="K162" s="70"/>
      <c r="L162" s="70"/>
    </row>
    <row r="163" spans="3:12" x14ac:dyDescent="0.2">
      <c r="C163" s="70"/>
      <c r="D163" s="70"/>
      <c r="E163" s="70"/>
      <c r="F163" s="70"/>
      <c r="G163" s="70"/>
      <c r="H163" s="70"/>
      <c r="I163" s="70"/>
      <c r="J163" s="70"/>
      <c r="K163" s="70"/>
      <c r="L163" s="70"/>
    </row>
    <row r="164" spans="3:12" x14ac:dyDescent="0.2">
      <c r="C164" s="70"/>
      <c r="D164" s="70"/>
      <c r="E164" s="70"/>
      <c r="F164" s="70"/>
      <c r="G164" s="70"/>
      <c r="H164" s="70"/>
      <c r="I164" s="70"/>
      <c r="J164" s="70"/>
      <c r="K164" s="70"/>
      <c r="L164" s="70"/>
    </row>
    <row r="165" spans="3:12" x14ac:dyDescent="0.2">
      <c r="C165" s="70"/>
      <c r="D165" s="70"/>
      <c r="E165" s="70"/>
      <c r="F165" s="70"/>
      <c r="G165" s="70"/>
      <c r="H165" s="70"/>
      <c r="I165" s="70"/>
      <c r="J165" s="70"/>
      <c r="K165" s="70"/>
      <c r="L165" s="70"/>
    </row>
    <row r="166" spans="3:12" x14ac:dyDescent="0.2">
      <c r="C166" s="70"/>
      <c r="D166" s="70"/>
      <c r="E166" s="70"/>
      <c r="F166" s="70"/>
      <c r="G166" s="70"/>
      <c r="H166" s="70"/>
      <c r="I166" s="70"/>
      <c r="J166" s="70"/>
      <c r="K166" s="70"/>
      <c r="L166" s="70"/>
    </row>
    <row r="167" spans="3:12" x14ac:dyDescent="0.2">
      <c r="C167" s="70"/>
      <c r="D167" s="70"/>
      <c r="E167" s="70"/>
      <c r="F167" s="70"/>
      <c r="G167" s="70"/>
      <c r="H167" s="70"/>
      <c r="I167" s="70"/>
      <c r="J167" s="70"/>
      <c r="K167" s="70"/>
      <c r="L167" s="70"/>
    </row>
    <row r="168" spans="3:12" x14ac:dyDescent="0.2">
      <c r="C168" s="70"/>
      <c r="D168" s="70"/>
      <c r="E168" s="70"/>
      <c r="F168" s="70"/>
      <c r="G168" s="70"/>
      <c r="H168" s="70"/>
      <c r="I168" s="70"/>
      <c r="J168" s="70"/>
      <c r="K168" s="70"/>
      <c r="L168" s="70"/>
    </row>
    <row r="169" spans="3:12" x14ac:dyDescent="0.2">
      <c r="C169" s="70"/>
      <c r="D169" s="70"/>
      <c r="E169" s="70"/>
      <c r="F169" s="70"/>
      <c r="G169" s="70"/>
      <c r="H169" s="70"/>
      <c r="I169" s="70"/>
      <c r="J169" s="70"/>
      <c r="K169" s="70"/>
      <c r="L169" s="70"/>
    </row>
    <row r="170" spans="3:12" x14ac:dyDescent="0.2">
      <c r="C170" s="70"/>
      <c r="D170" s="70"/>
      <c r="E170" s="70"/>
      <c r="F170" s="70"/>
      <c r="G170" s="70"/>
      <c r="H170" s="70"/>
      <c r="I170" s="70"/>
      <c r="J170" s="70"/>
      <c r="K170" s="70"/>
      <c r="L170" s="70"/>
    </row>
    <row r="171" spans="3:12" x14ac:dyDescent="0.2">
      <c r="C171" s="70"/>
      <c r="D171" s="70"/>
      <c r="E171" s="70"/>
      <c r="F171" s="70"/>
      <c r="G171" s="70"/>
      <c r="H171" s="70"/>
      <c r="I171" s="70"/>
      <c r="J171" s="70"/>
      <c r="K171" s="70"/>
      <c r="L171" s="70"/>
    </row>
    <row r="172" spans="3:12" x14ac:dyDescent="0.2">
      <c r="C172" s="70"/>
      <c r="D172" s="70"/>
      <c r="E172" s="70"/>
      <c r="F172" s="70"/>
      <c r="G172" s="70"/>
      <c r="H172" s="70"/>
      <c r="I172" s="70"/>
      <c r="J172" s="70"/>
      <c r="K172" s="70"/>
      <c r="L172" s="70"/>
    </row>
    <row r="173" spans="3:12" x14ac:dyDescent="0.2">
      <c r="C173" s="70"/>
      <c r="D173" s="70"/>
      <c r="E173" s="70"/>
      <c r="F173" s="70"/>
      <c r="G173" s="70"/>
      <c r="H173" s="70"/>
      <c r="I173" s="70"/>
      <c r="J173" s="70"/>
      <c r="K173" s="70"/>
      <c r="L173" s="70"/>
    </row>
    <row r="174" spans="3:12" x14ac:dyDescent="0.2">
      <c r="C174" s="70"/>
      <c r="D174" s="70"/>
      <c r="E174" s="70"/>
      <c r="F174" s="70"/>
      <c r="G174" s="70"/>
      <c r="H174" s="70"/>
      <c r="I174" s="70"/>
      <c r="J174" s="70"/>
      <c r="K174" s="70"/>
      <c r="L174" s="70"/>
    </row>
    <row r="175" spans="3:12" x14ac:dyDescent="0.2">
      <c r="C175" s="70"/>
      <c r="D175" s="70"/>
      <c r="E175" s="70"/>
      <c r="F175" s="70"/>
      <c r="G175" s="70"/>
      <c r="H175" s="70"/>
      <c r="I175" s="70"/>
      <c r="J175" s="70"/>
      <c r="K175" s="70"/>
      <c r="L175" s="70"/>
    </row>
    <row r="176" spans="3:12" x14ac:dyDescent="0.2">
      <c r="C176" s="70"/>
      <c r="D176" s="70"/>
      <c r="E176" s="70"/>
      <c r="F176" s="70"/>
      <c r="G176" s="70"/>
      <c r="H176" s="70"/>
      <c r="I176" s="70"/>
      <c r="J176" s="70"/>
      <c r="K176" s="70"/>
      <c r="L176" s="70"/>
    </row>
    <row r="177" spans="3:12" x14ac:dyDescent="0.2">
      <c r="C177" s="70"/>
      <c r="D177" s="70"/>
      <c r="E177" s="70"/>
      <c r="F177" s="70"/>
      <c r="G177" s="70"/>
      <c r="H177" s="70"/>
      <c r="I177" s="70"/>
      <c r="J177" s="70"/>
      <c r="K177" s="70"/>
      <c r="L177" s="70"/>
    </row>
    <row r="178" spans="3:12" x14ac:dyDescent="0.2">
      <c r="C178" s="70"/>
      <c r="D178" s="70"/>
      <c r="E178" s="70"/>
      <c r="F178" s="70"/>
      <c r="G178" s="70"/>
      <c r="H178" s="70"/>
      <c r="I178" s="70"/>
      <c r="J178" s="70"/>
      <c r="K178" s="70"/>
      <c r="L178" s="70"/>
    </row>
    <row r="179" spans="3:12" x14ac:dyDescent="0.2">
      <c r="C179" s="70"/>
      <c r="D179" s="70"/>
      <c r="E179" s="70"/>
      <c r="F179" s="70"/>
      <c r="G179" s="70"/>
      <c r="H179" s="70"/>
      <c r="I179" s="70"/>
      <c r="J179" s="70"/>
      <c r="K179" s="70"/>
      <c r="L179" s="70"/>
    </row>
    <row r="180" spans="3:12" x14ac:dyDescent="0.2">
      <c r="C180" s="70"/>
      <c r="D180" s="70"/>
      <c r="E180" s="70"/>
      <c r="F180" s="70"/>
      <c r="G180" s="70"/>
      <c r="H180" s="70"/>
      <c r="I180" s="70"/>
      <c r="J180" s="70"/>
      <c r="K180" s="70"/>
      <c r="L180" s="70"/>
    </row>
    <row r="181" spans="3:12" x14ac:dyDescent="0.2">
      <c r="C181" s="70"/>
      <c r="D181" s="70"/>
      <c r="E181" s="70"/>
      <c r="F181" s="70"/>
      <c r="G181" s="70"/>
      <c r="H181" s="70"/>
      <c r="I181" s="70"/>
      <c r="J181" s="70"/>
      <c r="K181" s="70"/>
      <c r="L181" s="70"/>
    </row>
    <row r="182" spans="3:12" x14ac:dyDescent="0.2">
      <c r="C182" s="70"/>
      <c r="D182" s="70"/>
      <c r="E182" s="70"/>
      <c r="F182" s="70"/>
      <c r="G182" s="70"/>
      <c r="H182" s="70"/>
      <c r="I182" s="70"/>
      <c r="J182" s="70"/>
      <c r="K182" s="70"/>
      <c r="L182" s="70"/>
    </row>
    <row r="183" spans="3:12" x14ac:dyDescent="0.2">
      <c r="C183" s="70"/>
      <c r="D183" s="70"/>
      <c r="E183" s="70"/>
      <c r="F183" s="70"/>
      <c r="G183" s="70"/>
      <c r="H183" s="70"/>
      <c r="I183" s="70"/>
      <c r="J183" s="70"/>
      <c r="K183" s="70"/>
      <c r="L183" s="70"/>
    </row>
    <row r="184" spans="3:12" x14ac:dyDescent="0.2">
      <c r="C184" s="70"/>
      <c r="D184" s="70"/>
      <c r="E184" s="70"/>
      <c r="F184" s="70"/>
      <c r="G184" s="70"/>
      <c r="H184" s="70"/>
      <c r="I184" s="70"/>
      <c r="J184" s="70"/>
      <c r="K184" s="70"/>
      <c r="L184" s="70"/>
    </row>
    <row r="185" spans="3:12" x14ac:dyDescent="0.2">
      <c r="C185" s="70"/>
      <c r="D185" s="70"/>
      <c r="E185" s="70"/>
      <c r="F185" s="70"/>
      <c r="G185" s="70"/>
      <c r="H185" s="70"/>
      <c r="I185" s="70"/>
      <c r="J185" s="70"/>
      <c r="K185" s="70"/>
      <c r="L185" s="70"/>
    </row>
    <row r="186" spans="3:12" x14ac:dyDescent="0.2">
      <c r="C186" s="70"/>
      <c r="D186" s="70"/>
      <c r="E186" s="70"/>
      <c r="F186" s="70"/>
      <c r="G186" s="70"/>
      <c r="H186" s="70"/>
      <c r="I186" s="70"/>
      <c r="J186" s="70"/>
      <c r="K186" s="70"/>
      <c r="L186" s="70"/>
    </row>
    <row r="187" spans="3:12" x14ac:dyDescent="0.2">
      <c r="C187" s="70"/>
      <c r="D187" s="70"/>
      <c r="E187" s="70"/>
      <c r="F187" s="70"/>
      <c r="G187" s="70"/>
      <c r="H187" s="70"/>
      <c r="I187" s="70"/>
      <c r="J187" s="70"/>
      <c r="K187" s="70"/>
      <c r="L187" s="70"/>
    </row>
    <row r="188" spans="3:12" x14ac:dyDescent="0.2">
      <c r="C188" s="70"/>
      <c r="D188" s="70"/>
      <c r="E188" s="70"/>
      <c r="F188" s="70"/>
      <c r="G188" s="70"/>
      <c r="H188" s="70"/>
      <c r="I188" s="70"/>
      <c r="J188" s="70"/>
      <c r="K188" s="70"/>
      <c r="L188" s="70"/>
    </row>
    <row r="189" spans="3:12" x14ac:dyDescent="0.2">
      <c r="C189" s="70"/>
      <c r="D189" s="70"/>
      <c r="E189" s="70"/>
      <c r="F189" s="70"/>
      <c r="G189" s="70"/>
      <c r="H189" s="70"/>
      <c r="I189" s="70"/>
      <c r="J189" s="70"/>
      <c r="K189" s="70"/>
      <c r="L189" s="70"/>
    </row>
    <row r="190" spans="3:12" x14ac:dyDescent="0.2">
      <c r="C190" s="70"/>
      <c r="D190" s="70"/>
      <c r="E190" s="70"/>
      <c r="F190" s="70"/>
      <c r="G190" s="70"/>
      <c r="H190" s="70"/>
      <c r="I190" s="70"/>
      <c r="J190" s="70"/>
      <c r="K190" s="70"/>
      <c r="L190" s="70"/>
    </row>
    <row r="191" spans="3:12" x14ac:dyDescent="0.2">
      <c r="C191" s="70"/>
      <c r="D191" s="70"/>
      <c r="E191" s="70"/>
      <c r="F191" s="70"/>
      <c r="G191" s="70"/>
      <c r="H191" s="70"/>
      <c r="I191" s="70"/>
      <c r="J191" s="70"/>
      <c r="K191" s="70"/>
      <c r="L191" s="70"/>
    </row>
    <row r="192" spans="3:12" x14ac:dyDescent="0.2">
      <c r="C192" s="70"/>
      <c r="D192" s="70"/>
      <c r="E192" s="70"/>
      <c r="F192" s="70"/>
      <c r="G192" s="70"/>
      <c r="H192" s="70"/>
      <c r="I192" s="70"/>
      <c r="J192" s="70"/>
      <c r="K192" s="70"/>
      <c r="L192" s="70"/>
    </row>
    <row r="193" spans="3:12" x14ac:dyDescent="0.2">
      <c r="C193" s="70"/>
      <c r="D193" s="70"/>
      <c r="E193" s="70"/>
      <c r="F193" s="70"/>
      <c r="G193" s="70"/>
      <c r="H193" s="70"/>
      <c r="I193" s="70"/>
      <c r="J193" s="70"/>
      <c r="K193" s="70"/>
      <c r="L193" s="70"/>
    </row>
    <row r="194" spans="3:12" x14ac:dyDescent="0.2">
      <c r="C194" s="70"/>
      <c r="D194" s="70"/>
      <c r="E194" s="70"/>
      <c r="F194" s="70"/>
      <c r="G194" s="70"/>
      <c r="H194" s="70"/>
      <c r="I194" s="70"/>
      <c r="J194" s="70"/>
      <c r="K194" s="70"/>
      <c r="L194" s="70"/>
    </row>
    <row r="195" spans="3:12" x14ac:dyDescent="0.2">
      <c r="C195" s="70"/>
      <c r="D195" s="70"/>
      <c r="E195" s="70"/>
      <c r="F195" s="70"/>
      <c r="G195" s="70"/>
      <c r="H195" s="70"/>
      <c r="I195" s="70"/>
      <c r="J195" s="70"/>
      <c r="K195" s="70"/>
      <c r="L195" s="70"/>
    </row>
    <row r="196" spans="3:12" x14ac:dyDescent="0.2">
      <c r="C196" s="70"/>
      <c r="D196" s="70"/>
      <c r="E196" s="70"/>
      <c r="F196" s="70"/>
      <c r="G196" s="70"/>
      <c r="H196" s="70"/>
      <c r="I196" s="70"/>
      <c r="J196" s="70"/>
      <c r="K196" s="70"/>
      <c r="L196" s="70"/>
    </row>
    <row r="197" spans="3:12" x14ac:dyDescent="0.2">
      <c r="C197" s="70"/>
      <c r="D197" s="70"/>
      <c r="E197" s="70"/>
      <c r="F197" s="70"/>
      <c r="G197" s="70"/>
      <c r="H197" s="70"/>
      <c r="I197" s="70"/>
      <c r="J197" s="70"/>
      <c r="K197" s="70"/>
      <c r="L197" s="70"/>
    </row>
    <row r="198" spans="3:12" x14ac:dyDescent="0.2">
      <c r="C198" s="70"/>
      <c r="D198" s="70"/>
      <c r="E198" s="70"/>
      <c r="F198" s="70"/>
      <c r="G198" s="70"/>
      <c r="H198" s="70"/>
      <c r="I198" s="70"/>
      <c r="J198" s="70"/>
      <c r="K198" s="70"/>
      <c r="L198" s="70"/>
    </row>
    <row r="199" spans="3:12" x14ac:dyDescent="0.2">
      <c r="C199" s="70"/>
      <c r="D199" s="70"/>
      <c r="E199" s="70"/>
      <c r="F199" s="70"/>
      <c r="G199" s="70"/>
      <c r="H199" s="70"/>
      <c r="I199" s="70"/>
      <c r="J199" s="70"/>
      <c r="K199" s="70"/>
      <c r="L199" s="70"/>
    </row>
    <row r="200" spans="3:12" x14ac:dyDescent="0.2">
      <c r="C200" s="70"/>
      <c r="D200" s="70"/>
      <c r="E200" s="70"/>
      <c r="F200" s="70"/>
      <c r="G200" s="70"/>
      <c r="H200" s="70"/>
      <c r="I200" s="70"/>
      <c r="J200" s="70"/>
      <c r="K200" s="70"/>
      <c r="L200" s="70"/>
    </row>
    <row r="201" spans="3:12" x14ac:dyDescent="0.2">
      <c r="C201" s="70"/>
      <c r="D201" s="70"/>
      <c r="E201" s="70"/>
      <c r="F201" s="70"/>
      <c r="G201" s="70"/>
      <c r="H201" s="70"/>
      <c r="I201" s="70"/>
      <c r="J201" s="70"/>
      <c r="K201" s="70"/>
      <c r="L201" s="70"/>
    </row>
    <row r="202" spans="3:12" x14ac:dyDescent="0.2">
      <c r="C202" s="70"/>
      <c r="D202" s="70"/>
      <c r="E202" s="70"/>
      <c r="F202" s="70"/>
      <c r="G202" s="70"/>
      <c r="H202" s="70"/>
      <c r="I202" s="70"/>
      <c r="J202" s="70"/>
      <c r="K202" s="70"/>
      <c r="L202" s="70"/>
    </row>
    <row r="203" spans="3:12" x14ac:dyDescent="0.2">
      <c r="C203" s="70"/>
      <c r="D203" s="70"/>
      <c r="E203" s="70"/>
      <c r="F203" s="70"/>
      <c r="G203" s="70"/>
      <c r="H203" s="70"/>
      <c r="I203" s="70"/>
      <c r="J203" s="70"/>
      <c r="K203" s="70"/>
      <c r="L203" s="70"/>
    </row>
    <row r="204" spans="3:12" x14ac:dyDescent="0.2">
      <c r="C204" s="70"/>
      <c r="D204" s="70"/>
      <c r="E204" s="70"/>
      <c r="F204" s="70"/>
      <c r="G204" s="70"/>
      <c r="H204" s="70"/>
      <c r="I204" s="70"/>
      <c r="J204" s="70"/>
      <c r="K204" s="70"/>
      <c r="L204" s="70"/>
    </row>
    <row r="205" spans="3:12" x14ac:dyDescent="0.2">
      <c r="C205" s="70"/>
      <c r="D205" s="70"/>
      <c r="E205" s="70"/>
      <c r="F205" s="70"/>
      <c r="G205" s="70"/>
      <c r="H205" s="70"/>
      <c r="I205" s="70"/>
      <c r="J205" s="70"/>
      <c r="K205" s="70"/>
      <c r="L205" s="70"/>
    </row>
    <row r="206" spans="3:12" x14ac:dyDescent="0.2">
      <c r="C206" s="70"/>
      <c r="D206" s="70"/>
      <c r="E206" s="70"/>
      <c r="F206" s="70"/>
      <c r="G206" s="70"/>
      <c r="H206" s="70"/>
      <c r="I206" s="70"/>
      <c r="J206" s="70"/>
      <c r="K206" s="70"/>
      <c r="L206" s="70"/>
    </row>
    <row r="207" spans="3:12" x14ac:dyDescent="0.2">
      <c r="C207" s="70"/>
      <c r="D207" s="70"/>
      <c r="E207" s="70"/>
      <c r="F207" s="70"/>
      <c r="G207" s="70"/>
      <c r="H207" s="70"/>
      <c r="I207" s="70"/>
      <c r="J207" s="70"/>
      <c r="K207" s="70"/>
      <c r="L207" s="70"/>
    </row>
    <row r="208" spans="3:12" x14ac:dyDescent="0.2">
      <c r="C208" s="70"/>
      <c r="D208" s="70"/>
      <c r="E208" s="70"/>
      <c r="F208" s="70"/>
      <c r="G208" s="70"/>
      <c r="H208" s="70"/>
      <c r="I208" s="70"/>
      <c r="J208" s="70"/>
      <c r="K208" s="70"/>
      <c r="L208" s="70"/>
    </row>
    <row r="209" spans="3:12" x14ac:dyDescent="0.2">
      <c r="C209" s="70"/>
      <c r="D209" s="70"/>
      <c r="E209" s="70"/>
      <c r="F209" s="70"/>
      <c r="G209" s="70"/>
      <c r="H209" s="70"/>
      <c r="I209" s="70"/>
      <c r="J209" s="70"/>
      <c r="K209" s="70"/>
      <c r="L209" s="70"/>
    </row>
    <row r="210" spans="3:12" x14ac:dyDescent="0.2">
      <c r="C210" s="70"/>
      <c r="D210" s="70"/>
      <c r="E210" s="70"/>
      <c r="F210" s="70"/>
      <c r="G210" s="70"/>
      <c r="H210" s="70"/>
      <c r="I210" s="70"/>
      <c r="J210" s="70"/>
      <c r="K210" s="70"/>
      <c r="L210" s="70"/>
    </row>
    <row r="211" spans="3:12" x14ac:dyDescent="0.2">
      <c r="C211" s="70"/>
      <c r="D211" s="70"/>
      <c r="E211" s="70"/>
      <c r="F211" s="70"/>
      <c r="G211" s="70"/>
      <c r="H211" s="70"/>
      <c r="I211" s="70"/>
      <c r="J211" s="70"/>
      <c r="K211" s="70"/>
      <c r="L211" s="70"/>
    </row>
    <row r="212" spans="3:12" x14ac:dyDescent="0.2">
      <c r="C212" s="70"/>
      <c r="D212" s="70"/>
      <c r="E212" s="70"/>
      <c r="F212" s="70"/>
      <c r="G212" s="70"/>
      <c r="H212" s="70"/>
      <c r="I212" s="70"/>
      <c r="J212" s="70"/>
      <c r="K212" s="70"/>
      <c r="L212" s="70"/>
    </row>
    <row r="213" spans="3:12" x14ac:dyDescent="0.2">
      <c r="C213" s="70"/>
      <c r="D213" s="70"/>
      <c r="E213" s="70"/>
      <c r="F213" s="70"/>
      <c r="G213" s="70"/>
      <c r="H213" s="70"/>
      <c r="I213" s="70"/>
      <c r="J213" s="70"/>
      <c r="K213" s="70"/>
      <c r="L213" s="70"/>
    </row>
    <row r="214" spans="3:12" x14ac:dyDescent="0.2">
      <c r="C214" s="70"/>
      <c r="D214" s="70"/>
      <c r="E214" s="70"/>
      <c r="F214" s="70"/>
      <c r="G214" s="70"/>
      <c r="H214" s="70"/>
      <c r="I214" s="70"/>
      <c r="J214" s="70"/>
      <c r="K214" s="70"/>
      <c r="L214" s="70"/>
    </row>
    <row r="215" spans="3:12" x14ac:dyDescent="0.2">
      <c r="C215" s="70"/>
      <c r="D215" s="70"/>
      <c r="E215" s="70"/>
      <c r="F215" s="70"/>
      <c r="G215" s="70"/>
      <c r="H215" s="70"/>
      <c r="I215" s="70"/>
      <c r="J215" s="70"/>
      <c r="K215" s="70"/>
      <c r="L215" s="70"/>
    </row>
    <row r="216" spans="3:12" x14ac:dyDescent="0.2">
      <c r="C216" s="70"/>
      <c r="D216" s="70"/>
      <c r="E216" s="70"/>
      <c r="F216" s="70"/>
      <c r="G216" s="70"/>
      <c r="H216" s="70"/>
      <c r="I216" s="70"/>
      <c r="J216" s="70"/>
      <c r="K216" s="70"/>
      <c r="L216" s="70"/>
    </row>
    <row r="217" spans="3:12" x14ac:dyDescent="0.2">
      <c r="C217" s="70"/>
      <c r="D217" s="70"/>
      <c r="E217" s="70"/>
      <c r="F217" s="70"/>
      <c r="G217" s="70"/>
      <c r="H217" s="70"/>
      <c r="I217" s="70"/>
      <c r="J217" s="70"/>
      <c r="K217" s="70"/>
      <c r="L217" s="70"/>
    </row>
    <row r="218" spans="3:12" x14ac:dyDescent="0.2">
      <c r="C218" s="70"/>
      <c r="D218" s="70"/>
      <c r="E218" s="70"/>
      <c r="F218" s="70"/>
      <c r="G218" s="70"/>
      <c r="H218" s="70"/>
      <c r="I218" s="70"/>
      <c r="J218" s="70"/>
      <c r="K218" s="70"/>
      <c r="L218" s="70"/>
    </row>
  </sheetData>
  <mergeCells count="18">
    <mergeCell ref="B3:B4"/>
    <mergeCell ref="C3:L3"/>
    <mergeCell ref="M3:V3"/>
    <mergeCell ref="C4:E4"/>
    <mergeCell ref="F4:K4"/>
    <mergeCell ref="L4:L5"/>
    <mergeCell ref="H1:I1"/>
    <mergeCell ref="W3:AF3"/>
    <mergeCell ref="AG3:AP3"/>
    <mergeCell ref="M4:O4"/>
    <mergeCell ref="P4:U4"/>
    <mergeCell ref="V4:V5"/>
    <mergeCell ref="W4:Y4"/>
    <mergeCell ref="Z4:AE4"/>
    <mergeCell ref="AF4:AF5"/>
    <mergeCell ref="AG4:AI4"/>
    <mergeCell ref="AJ4:AO4"/>
    <mergeCell ref="AP4:AP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3" width="8.88671875" style="71" customWidth="1"/>
    <col min="4" max="4" width="8.109375" style="71" customWidth="1"/>
    <col min="5" max="5" width="10.109375" style="71" bestFit="1" customWidth="1"/>
    <col min="6" max="6" width="9.6640625" style="71" bestFit="1" customWidth="1"/>
    <col min="7" max="7" width="9.109375" style="71" bestFit="1" customWidth="1"/>
    <col min="8" max="11" width="9" style="71"/>
    <col min="12" max="12" width="9.6640625" style="71" customWidth="1"/>
    <col min="13" max="22" width="8.77734375" style="71" customWidth="1"/>
    <col min="23" max="42" width="9.6640625" style="71" customWidth="1"/>
    <col min="43" max="16384" width="9" style="71"/>
  </cols>
  <sheetData>
    <row r="1" spans="2:43" ht="24" customHeight="1" x14ac:dyDescent="0.2">
      <c r="B1" s="10" t="s">
        <v>56</v>
      </c>
      <c r="F1" s="63">
        <f>第１表!F2</f>
        <v>6</v>
      </c>
      <c r="G1" s="16">
        <f>第１表!G2</f>
        <v>10</v>
      </c>
      <c r="H1" s="529">
        <f>IF(G1&lt;3,G1-2+12,G1-2)</f>
        <v>8</v>
      </c>
      <c r="I1" s="529"/>
    </row>
    <row r="2" spans="2:43" ht="24" customHeight="1" thickBot="1" x14ac:dyDescent="0.25">
      <c r="B2" s="10" t="s">
        <v>156</v>
      </c>
      <c r="F2" s="10" t="s">
        <v>137</v>
      </c>
    </row>
    <row r="3" spans="2:43" ht="21" customHeight="1" x14ac:dyDescent="0.2">
      <c r="B3" s="523"/>
      <c r="C3" s="520" t="s">
        <v>57</v>
      </c>
      <c r="D3" s="521"/>
      <c r="E3" s="521"/>
      <c r="F3" s="521"/>
      <c r="G3" s="521"/>
      <c r="H3" s="521"/>
      <c r="I3" s="521"/>
      <c r="J3" s="521"/>
      <c r="K3" s="521"/>
      <c r="L3" s="521"/>
      <c r="M3" s="520" t="s">
        <v>58</v>
      </c>
      <c r="N3" s="526"/>
      <c r="O3" s="526"/>
      <c r="P3" s="526"/>
      <c r="Q3" s="526"/>
      <c r="R3" s="526"/>
      <c r="S3" s="526"/>
      <c r="T3" s="526"/>
      <c r="U3" s="526"/>
      <c r="V3" s="526"/>
      <c r="W3" s="520" t="s">
        <v>59</v>
      </c>
      <c r="X3" s="521"/>
      <c r="Y3" s="521"/>
      <c r="Z3" s="521"/>
      <c r="AA3" s="521"/>
      <c r="AB3" s="521"/>
      <c r="AC3" s="521"/>
      <c r="AD3" s="521"/>
      <c r="AE3" s="521"/>
      <c r="AF3" s="521"/>
      <c r="AG3" s="520" t="s">
        <v>148</v>
      </c>
      <c r="AH3" s="521"/>
      <c r="AI3" s="521"/>
      <c r="AJ3" s="521"/>
      <c r="AK3" s="521"/>
      <c r="AL3" s="521"/>
      <c r="AM3" s="521"/>
      <c r="AN3" s="521"/>
      <c r="AO3" s="521"/>
      <c r="AP3" s="522"/>
    </row>
    <row r="4" spans="2:43" ht="21" customHeight="1" x14ac:dyDescent="0.2">
      <c r="B4" s="525"/>
      <c r="C4" s="503" t="s">
        <v>61</v>
      </c>
      <c r="D4" s="504"/>
      <c r="E4" s="505"/>
      <c r="F4" s="506" t="s">
        <v>62</v>
      </c>
      <c r="G4" s="507"/>
      <c r="H4" s="507"/>
      <c r="I4" s="507"/>
      <c r="J4" s="507"/>
      <c r="K4" s="508"/>
      <c r="L4" s="517" t="s">
        <v>52</v>
      </c>
      <c r="M4" s="503" t="s">
        <v>61</v>
      </c>
      <c r="N4" s="504"/>
      <c r="O4" s="505"/>
      <c r="P4" s="506" t="s">
        <v>62</v>
      </c>
      <c r="Q4" s="507"/>
      <c r="R4" s="507"/>
      <c r="S4" s="507"/>
      <c r="T4" s="507"/>
      <c r="U4" s="508"/>
      <c r="V4" s="509" t="s">
        <v>52</v>
      </c>
      <c r="W4" s="503" t="s">
        <v>61</v>
      </c>
      <c r="X4" s="504"/>
      <c r="Y4" s="505"/>
      <c r="Z4" s="506" t="s">
        <v>62</v>
      </c>
      <c r="AA4" s="507"/>
      <c r="AB4" s="507"/>
      <c r="AC4" s="507"/>
      <c r="AD4" s="507"/>
      <c r="AE4" s="508"/>
      <c r="AF4" s="517" t="s">
        <v>52</v>
      </c>
      <c r="AG4" s="503" t="s">
        <v>61</v>
      </c>
      <c r="AH4" s="504"/>
      <c r="AI4" s="505"/>
      <c r="AJ4" s="506" t="s">
        <v>62</v>
      </c>
      <c r="AK4" s="507"/>
      <c r="AL4" s="507"/>
      <c r="AM4" s="507"/>
      <c r="AN4" s="507"/>
      <c r="AO4" s="508"/>
      <c r="AP4" s="509" t="s">
        <v>52</v>
      </c>
    </row>
    <row r="5" spans="2:43" ht="30" customHeight="1" thickBot="1" x14ac:dyDescent="0.25">
      <c r="B5" s="72" t="s">
        <v>42</v>
      </c>
      <c r="C5" s="229" t="s">
        <v>43</v>
      </c>
      <c r="D5" s="230" t="s">
        <v>44</v>
      </c>
      <c r="E5" s="230" t="s">
        <v>45</v>
      </c>
      <c r="F5" s="231" t="s">
        <v>47</v>
      </c>
      <c r="G5" s="232" t="s">
        <v>48</v>
      </c>
      <c r="H5" s="232" t="s">
        <v>49</v>
      </c>
      <c r="I5" s="233" t="s">
        <v>50</v>
      </c>
      <c r="J5" s="230" t="s">
        <v>51</v>
      </c>
      <c r="K5" s="234" t="s">
        <v>95</v>
      </c>
      <c r="L5" s="518"/>
      <c r="M5" s="229" t="s">
        <v>43</v>
      </c>
      <c r="N5" s="230" t="s">
        <v>44</v>
      </c>
      <c r="O5" s="234" t="s">
        <v>45</v>
      </c>
      <c r="P5" s="235" t="s">
        <v>47</v>
      </c>
      <c r="Q5" s="232" t="s">
        <v>48</v>
      </c>
      <c r="R5" s="232" t="s">
        <v>49</v>
      </c>
      <c r="S5" s="233" t="s">
        <v>50</v>
      </c>
      <c r="T5" s="230" t="s">
        <v>51</v>
      </c>
      <c r="U5" s="234" t="s">
        <v>45</v>
      </c>
      <c r="V5" s="510"/>
      <c r="W5" s="229" t="s">
        <v>43</v>
      </c>
      <c r="X5" s="230" t="s">
        <v>44</v>
      </c>
      <c r="Y5" s="230" t="s">
        <v>45</v>
      </c>
      <c r="Z5" s="231" t="s">
        <v>47</v>
      </c>
      <c r="AA5" s="232" t="s">
        <v>48</v>
      </c>
      <c r="AB5" s="232" t="s">
        <v>49</v>
      </c>
      <c r="AC5" s="233" t="s">
        <v>50</v>
      </c>
      <c r="AD5" s="230" t="s">
        <v>51</v>
      </c>
      <c r="AE5" s="234" t="s">
        <v>45</v>
      </c>
      <c r="AF5" s="518"/>
      <c r="AG5" s="229" t="s">
        <v>43</v>
      </c>
      <c r="AH5" s="230" t="s">
        <v>44</v>
      </c>
      <c r="AI5" s="230" t="s">
        <v>45</v>
      </c>
      <c r="AJ5" s="231" t="s">
        <v>47</v>
      </c>
      <c r="AK5" s="232" t="s">
        <v>48</v>
      </c>
      <c r="AL5" s="232" t="s">
        <v>49</v>
      </c>
      <c r="AM5" s="233" t="s">
        <v>50</v>
      </c>
      <c r="AN5" s="230" t="s">
        <v>51</v>
      </c>
      <c r="AO5" s="234" t="s">
        <v>45</v>
      </c>
      <c r="AP5" s="510"/>
    </row>
    <row r="6" spans="2:43" ht="21" customHeight="1" x14ac:dyDescent="0.2">
      <c r="B6" s="84" t="s">
        <v>4</v>
      </c>
      <c r="C6" s="211">
        <v>0</v>
      </c>
      <c r="D6" s="213">
        <v>0</v>
      </c>
      <c r="E6" s="213">
        <v>0</v>
      </c>
      <c r="F6" s="214">
        <v>11</v>
      </c>
      <c r="G6" s="212">
        <v>49</v>
      </c>
      <c r="H6" s="212">
        <v>305</v>
      </c>
      <c r="I6" s="212">
        <v>431</v>
      </c>
      <c r="J6" s="213">
        <v>282</v>
      </c>
      <c r="K6" s="236">
        <v>1078</v>
      </c>
      <c r="L6" s="237">
        <v>1078</v>
      </c>
      <c r="M6" s="211">
        <v>0</v>
      </c>
      <c r="N6" s="213">
        <v>0</v>
      </c>
      <c r="O6" s="236">
        <v>0</v>
      </c>
      <c r="P6" s="216">
        <v>68</v>
      </c>
      <c r="Q6" s="212">
        <v>141</v>
      </c>
      <c r="R6" s="212">
        <v>208</v>
      </c>
      <c r="S6" s="212">
        <v>265</v>
      </c>
      <c r="T6" s="213">
        <v>127</v>
      </c>
      <c r="U6" s="236">
        <v>809</v>
      </c>
      <c r="V6" s="215">
        <v>809</v>
      </c>
      <c r="W6" s="216">
        <v>0</v>
      </c>
      <c r="X6" s="213">
        <v>0</v>
      </c>
      <c r="Y6" s="213">
        <v>0</v>
      </c>
      <c r="Z6" s="214">
        <v>0</v>
      </c>
      <c r="AA6" s="212">
        <v>0</v>
      </c>
      <c r="AB6" s="212">
        <v>0</v>
      </c>
      <c r="AC6" s="212">
        <v>0</v>
      </c>
      <c r="AD6" s="213">
        <v>0</v>
      </c>
      <c r="AE6" s="236">
        <v>0</v>
      </c>
      <c r="AF6" s="237">
        <v>0</v>
      </c>
      <c r="AG6" s="211">
        <v>0</v>
      </c>
      <c r="AH6" s="213">
        <v>0</v>
      </c>
      <c r="AI6" s="213">
        <v>0</v>
      </c>
      <c r="AJ6" s="214">
        <v>0</v>
      </c>
      <c r="AK6" s="212">
        <v>2</v>
      </c>
      <c r="AL6" s="212">
        <v>3</v>
      </c>
      <c r="AM6" s="212">
        <v>14</v>
      </c>
      <c r="AN6" s="213">
        <v>23</v>
      </c>
      <c r="AO6" s="236">
        <v>42</v>
      </c>
      <c r="AP6" s="238">
        <v>42</v>
      </c>
      <c r="AQ6" s="239"/>
    </row>
    <row r="7" spans="2:43" ht="21" customHeight="1" x14ac:dyDescent="0.2">
      <c r="B7" s="95" t="s">
        <v>5</v>
      </c>
      <c r="C7" s="217">
        <v>0</v>
      </c>
      <c r="D7" s="219">
        <v>0</v>
      </c>
      <c r="E7" s="219">
        <v>0</v>
      </c>
      <c r="F7" s="220">
        <v>9</v>
      </c>
      <c r="G7" s="218">
        <v>36</v>
      </c>
      <c r="H7" s="218">
        <v>159</v>
      </c>
      <c r="I7" s="218">
        <v>195</v>
      </c>
      <c r="J7" s="219">
        <v>118</v>
      </c>
      <c r="K7" s="240">
        <v>517</v>
      </c>
      <c r="L7" s="241">
        <v>517</v>
      </c>
      <c r="M7" s="217">
        <v>0</v>
      </c>
      <c r="N7" s="219">
        <v>0</v>
      </c>
      <c r="O7" s="240">
        <v>0</v>
      </c>
      <c r="P7" s="222">
        <v>37</v>
      </c>
      <c r="Q7" s="218">
        <v>73</v>
      </c>
      <c r="R7" s="218">
        <v>104</v>
      </c>
      <c r="S7" s="218">
        <v>134</v>
      </c>
      <c r="T7" s="219">
        <v>71</v>
      </c>
      <c r="U7" s="240">
        <v>419</v>
      </c>
      <c r="V7" s="221">
        <v>419</v>
      </c>
      <c r="W7" s="222">
        <v>0</v>
      </c>
      <c r="X7" s="219">
        <v>0</v>
      </c>
      <c r="Y7" s="219">
        <v>0</v>
      </c>
      <c r="Z7" s="220">
        <v>0</v>
      </c>
      <c r="AA7" s="218">
        <v>0</v>
      </c>
      <c r="AB7" s="218">
        <v>0</v>
      </c>
      <c r="AC7" s="218">
        <v>0</v>
      </c>
      <c r="AD7" s="219">
        <v>0</v>
      </c>
      <c r="AE7" s="240">
        <v>0</v>
      </c>
      <c r="AF7" s="241">
        <v>0</v>
      </c>
      <c r="AG7" s="217">
        <v>0</v>
      </c>
      <c r="AH7" s="219">
        <v>0</v>
      </c>
      <c r="AI7" s="219">
        <v>0</v>
      </c>
      <c r="AJ7" s="220">
        <v>0</v>
      </c>
      <c r="AK7" s="218">
        <v>0</v>
      </c>
      <c r="AL7" s="218">
        <v>0</v>
      </c>
      <c r="AM7" s="218">
        <v>6</v>
      </c>
      <c r="AN7" s="219">
        <v>6</v>
      </c>
      <c r="AO7" s="240">
        <v>12</v>
      </c>
      <c r="AP7" s="242">
        <v>12</v>
      </c>
      <c r="AQ7" s="239"/>
    </row>
    <row r="8" spans="2:43" ht="21" customHeight="1" x14ac:dyDescent="0.2">
      <c r="B8" s="106" t="s">
        <v>6</v>
      </c>
      <c r="C8" s="217">
        <v>0</v>
      </c>
      <c r="D8" s="219">
        <v>0</v>
      </c>
      <c r="E8" s="219">
        <v>0</v>
      </c>
      <c r="F8" s="220">
        <v>2</v>
      </c>
      <c r="G8" s="218">
        <v>7</v>
      </c>
      <c r="H8" s="218">
        <v>32</v>
      </c>
      <c r="I8" s="218">
        <v>54</v>
      </c>
      <c r="J8" s="219">
        <v>37</v>
      </c>
      <c r="K8" s="240">
        <v>132</v>
      </c>
      <c r="L8" s="241">
        <v>132</v>
      </c>
      <c r="M8" s="217">
        <v>0</v>
      </c>
      <c r="N8" s="219">
        <v>0</v>
      </c>
      <c r="O8" s="240">
        <v>0</v>
      </c>
      <c r="P8" s="222">
        <v>9</v>
      </c>
      <c r="Q8" s="218">
        <v>18</v>
      </c>
      <c r="R8" s="218">
        <v>26</v>
      </c>
      <c r="S8" s="218">
        <v>36</v>
      </c>
      <c r="T8" s="219">
        <v>16</v>
      </c>
      <c r="U8" s="240">
        <v>105</v>
      </c>
      <c r="V8" s="221">
        <v>105</v>
      </c>
      <c r="W8" s="222">
        <v>0</v>
      </c>
      <c r="X8" s="219">
        <v>0</v>
      </c>
      <c r="Y8" s="219">
        <v>0</v>
      </c>
      <c r="Z8" s="220">
        <v>0</v>
      </c>
      <c r="AA8" s="218">
        <v>0</v>
      </c>
      <c r="AB8" s="218">
        <v>0</v>
      </c>
      <c r="AC8" s="218">
        <v>0</v>
      </c>
      <c r="AD8" s="219">
        <v>0</v>
      </c>
      <c r="AE8" s="240">
        <v>0</v>
      </c>
      <c r="AF8" s="241">
        <v>0</v>
      </c>
      <c r="AG8" s="217">
        <v>0</v>
      </c>
      <c r="AH8" s="219">
        <v>0</v>
      </c>
      <c r="AI8" s="219">
        <v>0</v>
      </c>
      <c r="AJ8" s="220">
        <v>0</v>
      </c>
      <c r="AK8" s="218">
        <v>1</v>
      </c>
      <c r="AL8" s="218">
        <v>0</v>
      </c>
      <c r="AM8" s="218">
        <v>2</v>
      </c>
      <c r="AN8" s="219">
        <v>1</v>
      </c>
      <c r="AO8" s="240">
        <v>4</v>
      </c>
      <c r="AP8" s="242">
        <v>4</v>
      </c>
      <c r="AQ8" s="239"/>
    </row>
    <row r="9" spans="2:43" ht="21" customHeight="1" x14ac:dyDescent="0.2">
      <c r="B9" s="106" t="s">
        <v>14</v>
      </c>
      <c r="C9" s="217">
        <v>0</v>
      </c>
      <c r="D9" s="219">
        <v>0</v>
      </c>
      <c r="E9" s="219">
        <v>0</v>
      </c>
      <c r="F9" s="220">
        <v>0</v>
      </c>
      <c r="G9" s="218">
        <v>0</v>
      </c>
      <c r="H9" s="218">
        <v>21</v>
      </c>
      <c r="I9" s="218">
        <v>41</v>
      </c>
      <c r="J9" s="219">
        <v>22</v>
      </c>
      <c r="K9" s="240">
        <v>84</v>
      </c>
      <c r="L9" s="241">
        <v>84</v>
      </c>
      <c r="M9" s="217">
        <v>0</v>
      </c>
      <c r="N9" s="219">
        <v>0</v>
      </c>
      <c r="O9" s="240">
        <v>0</v>
      </c>
      <c r="P9" s="222">
        <v>2</v>
      </c>
      <c r="Q9" s="218">
        <v>9</v>
      </c>
      <c r="R9" s="218">
        <v>5</v>
      </c>
      <c r="S9" s="218">
        <v>14</v>
      </c>
      <c r="T9" s="219">
        <v>3</v>
      </c>
      <c r="U9" s="240">
        <v>33</v>
      </c>
      <c r="V9" s="221">
        <v>33</v>
      </c>
      <c r="W9" s="222">
        <v>0</v>
      </c>
      <c r="X9" s="219">
        <v>0</v>
      </c>
      <c r="Y9" s="219">
        <v>0</v>
      </c>
      <c r="Z9" s="220">
        <v>0</v>
      </c>
      <c r="AA9" s="218">
        <v>0</v>
      </c>
      <c r="AB9" s="218">
        <v>0</v>
      </c>
      <c r="AC9" s="218">
        <v>0</v>
      </c>
      <c r="AD9" s="219">
        <v>0</v>
      </c>
      <c r="AE9" s="240">
        <v>0</v>
      </c>
      <c r="AF9" s="241">
        <v>0</v>
      </c>
      <c r="AG9" s="217">
        <v>0</v>
      </c>
      <c r="AH9" s="219">
        <v>0</v>
      </c>
      <c r="AI9" s="219">
        <v>0</v>
      </c>
      <c r="AJ9" s="220">
        <v>0</v>
      </c>
      <c r="AK9" s="218">
        <v>0</v>
      </c>
      <c r="AL9" s="218">
        <v>2</v>
      </c>
      <c r="AM9" s="218">
        <v>2</v>
      </c>
      <c r="AN9" s="219">
        <v>4</v>
      </c>
      <c r="AO9" s="240">
        <v>8</v>
      </c>
      <c r="AP9" s="242">
        <v>8</v>
      </c>
      <c r="AQ9" s="239"/>
    </row>
    <row r="10" spans="2:43" ht="21" customHeight="1" x14ac:dyDescent="0.2">
      <c r="B10" s="106" t="s">
        <v>7</v>
      </c>
      <c r="C10" s="217">
        <v>0</v>
      </c>
      <c r="D10" s="219">
        <v>0</v>
      </c>
      <c r="E10" s="219">
        <v>0</v>
      </c>
      <c r="F10" s="220">
        <v>0</v>
      </c>
      <c r="G10" s="218">
        <v>0</v>
      </c>
      <c r="H10" s="218">
        <v>9</v>
      </c>
      <c r="I10" s="218">
        <v>16</v>
      </c>
      <c r="J10" s="219">
        <v>8</v>
      </c>
      <c r="K10" s="240">
        <v>33</v>
      </c>
      <c r="L10" s="241">
        <v>33</v>
      </c>
      <c r="M10" s="217">
        <v>0</v>
      </c>
      <c r="N10" s="219">
        <v>0</v>
      </c>
      <c r="O10" s="240">
        <v>0</v>
      </c>
      <c r="P10" s="222">
        <v>1</v>
      </c>
      <c r="Q10" s="218">
        <v>4</v>
      </c>
      <c r="R10" s="218">
        <v>6</v>
      </c>
      <c r="S10" s="218">
        <v>8</v>
      </c>
      <c r="T10" s="219">
        <v>4</v>
      </c>
      <c r="U10" s="240">
        <v>23</v>
      </c>
      <c r="V10" s="221">
        <v>23</v>
      </c>
      <c r="W10" s="222">
        <v>0</v>
      </c>
      <c r="X10" s="219">
        <v>0</v>
      </c>
      <c r="Y10" s="219">
        <v>0</v>
      </c>
      <c r="Z10" s="220">
        <v>0</v>
      </c>
      <c r="AA10" s="218">
        <v>0</v>
      </c>
      <c r="AB10" s="218">
        <v>0</v>
      </c>
      <c r="AC10" s="218">
        <v>0</v>
      </c>
      <c r="AD10" s="219">
        <v>0</v>
      </c>
      <c r="AE10" s="240">
        <v>0</v>
      </c>
      <c r="AF10" s="241">
        <v>0</v>
      </c>
      <c r="AG10" s="217">
        <v>0</v>
      </c>
      <c r="AH10" s="219">
        <v>0</v>
      </c>
      <c r="AI10" s="219">
        <v>0</v>
      </c>
      <c r="AJ10" s="220">
        <v>0</v>
      </c>
      <c r="AK10" s="218">
        <v>0</v>
      </c>
      <c r="AL10" s="218">
        <v>0</v>
      </c>
      <c r="AM10" s="218">
        <v>0</v>
      </c>
      <c r="AN10" s="219">
        <v>0</v>
      </c>
      <c r="AO10" s="240">
        <v>0</v>
      </c>
      <c r="AP10" s="242">
        <v>0</v>
      </c>
      <c r="AQ10" s="239"/>
    </row>
    <row r="11" spans="2:43" ht="21" customHeight="1" x14ac:dyDescent="0.2">
      <c r="B11" s="106" t="s">
        <v>8</v>
      </c>
      <c r="C11" s="217">
        <v>0</v>
      </c>
      <c r="D11" s="219">
        <v>0</v>
      </c>
      <c r="E11" s="219">
        <v>0</v>
      </c>
      <c r="F11" s="220">
        <v>0</v>
      </c>
      <c r="G11" s="218">
        <v>1</v>
      </c>
      <c r="H11" s="218">
        <v>6</v>
      </c>
      <c r="I11" s="218">
        <v>6</v>
      </c>
      <c r="J11" s="219">
        <v>9</v>
      </c>
      <c r="K11" s="240">
        <v>22</v>
      </c>
      <c r="L11" s="241">
        <v>22</v>
      </c>
      <c r="M11" s="217">
        <v>0</v>
      </c>
      <c r="N11" s="219">
        <v>0</v>
      </c>
      <c r="O11" s="240">
        <v>0</v>
      </c>
      <c r="P11" s="222">
        <v>2</v>
      </c>
      <c r="Q11" s="218">
        <v>4</v>
      </c>
      <c r="R11" s="218">
        <v>6</v>
      </c>
      <c r="S11" s="218">
        <v>5</v>
      </c>
      <c r="T11" s="219">
        <v>1</v>
      </c>
      <c r="U11" s="240">
        <v>18</v>
      </c>
      <c r="V11" s="221">
        <v>18</v>
      </c>
      <c r="W11" s="222">
        <v>0</v>
      </c>
      <c r="X11" s="219">
        <v>0</v>
      </c>
      <c r="Y11" s="219">
        <v>0</v>
      </c>
      <c r="Z11" s="220">
        <v>0</v>
      </c>
      <c r="AA11" s="218">
        <v>0</v>
      </c>
      <c r="AB11" s="218">
        <v>0</v>
      </c>
      <c r="AC11" s="218">
        <v>0</v>
      </c>
      <c r="AD11" s="219">
        <v>0</v>
      </c>
      <c r="AE11" s="240">
        <v>0</v>
      </c>
      <c r="AF11" s="241">
        <v>0</v>
      </c>
      <c r="AG11" s="217">
        <v>0</v>
      </c>
      <c r="AH11" s="219">
        <v>0</v>
      </c>
      <c r="AI11" s="219">
        <v>0</v>
      </c>
      <c r="AJ11" s="220">
        <v>0</v>
      </c>
      <c r="AK11" s="218">
        <v>0</v>
      </c>
      <c r="AL11" s="218">
        <v>0</v>
      </c>
      <c r="AM11" s="218">
        <v>0</v>
      </c>
      <c r="AN11" s="219">
        <v>0</v>
      </c>
      <c r="AO11" s="240">
        <v>0</v>
      </c>
      <c r="AP11" s="242">
        <v>0</v>
      </c>
      <c r="AQ11" s="239"/>
    </row>
    <row r="12" spans="2:43" ht="21" customHeight="1" x14ac:dyDescent="0.2">
      <c r="B12" s="106" t="s">
        <v>9</v>
      </c>
      <c r="C12" s="217">
        <v>0</v>
      </c>
      <c r="D12" s="219">
        <v>0</v>
      </c>
      <c r="E12" s="219">
        <v>0</v>
      </c>
      <c r="F12" s="220">
        <v>0</v>
      </c>
      <c r="G12" s="218">
        <v>0</v>
      </c>
      <c r="H12" s="218">
        <v>11</v>
      </c>
      <c r="I12" s="218">
        <v>19</v>
      </c>
      <c r="J12" s="219">
        <v>13</v>
      </c>
      <c r="K12" s="240">
        <v>43</v>
      </c>
      <c r="L12" s="241">
        <v>43</v>
      </c>
      <c r="M12" s="217">
        <v>0</v>
      </c>
      <c r="N12" s="219">
        <v>0</v>
      </c>
      <c r="O12" s="240">
        <v>0</v>
      </c>
      <c r="P12" s="222">
        <v>3</v>
      </c>
      <c r="Q12" s="218">
        <v>6</v>
      </c>
      <c r="R12" s="218">
        <v>6</v>
      </c>
      <c r="S12" s="218">
        <v>4</v>
      </c>
      <c r="T12" s="219">
        <v>7</v>
      </c>
      <c r="U12" s="240">
        <v>26</v>
      </c>
      <c r="V12" s="221">
        <v>26</v>
      </c>
      <c r="W12" s="222">
        <v>0</v>
      </c>
      <c r="X12" s="219">
        <v>0</v>
      </c>
      <c r="Y12" s="219">
        <v>0</v>
      </c>
      <c r="Z12" s="220">
        <v>0</v>
      </c>
      <c r="AA12" s="218">
        <v>0</v>
      </c>
      <c r="AB12" s="218">
        <v>0</v>
      </c>
      <c r="AC12" s="218">
        <v>0</v>
      </c>
      <c r="AD12" s="219">
        <v>0</v>
      </c>
      <c r="AE12" s="240">
        <v>0</v>
      </c>
      <c r="AF12" s="241">
        <v>0</v>
      </c>
      <c r="AG12" s="217">
        <v>0</v>
      </c>
      <c r="AH12" s="219">
        <v>0</v>
      </c>
      <c r="AI12" s="219">
        <v>0</v>
      </c>
      <c r="AJ12" s="220">
        <v>0</v>
      </c>
      <c r="AK12" s="218">
        <v>0</v>
      </c>
      <c r="AL12" s="218">
        <v>0</v>
      </c>
      <c r="AM12" s="218">
        <v>0</v>
      </c>
      <c r="AN12" s="219">
        <v>0</v>
      </c>
      <c r="AO12" s="240">
        <v>0</v>
      </c>
      <c r="AP12" s="242">
        <v>0</v>
      </c>
      <c r="AQ12" s="239"/>
    </row>
    <row r="13" spans="2:43" ht="21" customHeight="1" x14ac:dyDescent="0.2">
      <c r="B13" s="106" t="s">
        <v>10</v>
      </c>
      <c r="C13" s="217">
        <v>0</v>
      </c>
      <c r="D13" s="219">
        <v>0</v>
      </c>
      <c r="E13" s="219">
        <v>0</v>
      </c>
      <c r="F13" s="220">
        <v>0</v>
      </c>
      <c r="G13" s="218">
        <v>0</v>
      </c>
      <c r="H13" s="218">
        <v>9</v>
      </c>
      <c r="I13" s="218">
        <v>19</v>
      </c>
      <c r="J13" s="219">
        <v>16</v>
      </c>
      <c r="K13" s="240">
        <v>44</v>
      </c>
      <c r="L13" s="241">
        <v>44</v>
      </c>
      <c r="M13" s="217">
        <v>0</v>
      </c>
      <c r="N13" s="219">
        <v>0</v>
      </c>
      <c r="O13" s="240">
        <v>0</v>
      </c>
      <c r="P13" s="222">
        <v>3</v>
      </c>
      <c r="Q13" s="218">
        <v>2</v>
      </c>
      <c r="R13" s="218">
        <v>6</v>
      </c>
      <c r="S13" s="218">
        <v>15</v>
      </c>
      <c r="T13" s="219">
        <v>2</v>
      </c>
      <c r="U13" s="240">
        <v>28</v>
      </c>
      <c r="V13" s="221">
        <v>28</v>
      </c>
      <c r="W13" s="222">
        <v>0</v>
      </c>
      <c r="X13" s="219">
        <v>0</v>
      </c>
      <c r="Y13" s="219">
        <v>0</v>
      </c>
      <c r="Z13" s="220">
        <v>0</v>
      </c>
      <c r="AA13" s="218">
        <v>0</v>
      </c>
      <c r="AB13" s="218">
        <v>0</v>
      </c>
      <c r="AC13" s="218">
        <v>0</v>
      </c>
      <c r="AD13" s="219">
        <v>0</v>
      </c>
      <c r="AE13" s="240">
        <v>0</v>
      </c>
      <c r="AF13" s="241">
        <v>0</v>
      </c>
      <c r="AG13" s="217">
        <v>0</v>
      </c>
      <c r="AH13" s="219">
        <v>0</v>
      </c>
      <c r="AI13" s="219">
        <v>0</v>
      </c>
      <c r="AJ13" s="220">
        <v>0</v>
      </c>
      <c r="AK13" s="218">
        <v>0</v>
      </c>
      <c r="AL13" s="218">
        <v>1</v>
      </c>
      <c r="AM13" s="218">
        <v>0</v>
      </c>
      <c r="AN13" s="219">
        <v>2</v>
      </c>
      <c r="AO13" s="240">
        <v>3</v>
      </c>
      <c r="AP13" s="242">
        <v>3</v>
      </c>
      <c r="AQ13" s="239"/>
    </row>
    <row r="14" spans="2:43" ht="21" customHeight="1" x14ac:dyDescent="0.2">
      <c r="B14" s="106" t="s">
        <v>11</v>
      </c>
      <c r="C14" s="217">
        <v>0</v>
      </c>
      <c r="D14" s="219">
        <v>0</v>
      </c>
      <c r="E14" s="219">
        <v>0</v>
      </c>
      <c r="F14" s="220">
        <v>0</v>
      </c>
      <c r="G14" s="218">
        <v>0</v>
      </c>
      <c r="H14" s="218">
        <v>6</v>
      </c>
      <c r="I14" s="218">
        <v>7</v>
      </c>
      <c r="J14" s="219">
        <v>6</v>
      </c>
      <c r="K14" s="240">
        <v>19</v>
      </c>
      <c r="L14" s="241">
        <v>19</v>
      </c>
      <c r="M14" s="217">
        <v>0</v>
      </c>
      <c r="N14" s="219">
        <v>0</v>
      </c>
      <c r="O14" s="240">
        <v>0</v>
      </c>
      <c r="P14" s="222">
        <v>0</v>
      </c>
      <c r="Q14" s="218">
        <v>2</v>
      </c>
      <c r="R14" s="218">
        <v>7</v>
      </c>
      <c r="S14" s="218">
        <v>3</v>
      </c>
      <c r="T14" s="219">
        <v>1</v>
      </c>
      <c r="U14" s="240">
        <v>13</v>
      </c>
      <c r="V14" s="221">
        <v>13</v>
      </c>
      <c r="W14" s="222">
        <v>0</v>
      </c>
      <c r="X14" s="219">
        <v>0</v>
      </c>
      <c r="Y14" s="219">
        <v>0</v>
      </c>
      <c r="Z14" s="220">
        <v>0</v>
      </c>
      <c r="AA14" s="218">
        <v>0</v>
      </c>
      <c r="AB14" s="218">
        <v>0</v>
      </c>
      <c r="AC14" s="218">
        <v>0</v>
      </c>
      <c r="AD14" s="219">
        <v>0</v>
      </c>
      <c r="AE14" s="240">
        <v>0</v>
      </c>
      <c r="AF14" s="241">
        <v>0</v>
      </c>
      <c r="AG14" s="217">
        <v>0</v>
      </c>
      <c r="AH14" s="219">
        <v>0</v>
      </c>
      <c r="AI14" s="219">
        <v>0</v>
      </c>
      <c r="AJ14" s="220">
        <v>0</v>
      </c>
      <c r="AK14" s="218">
        <v>0</v>
      </c>
      <c r="AL14" s="218">
        <v>0</v>
      </c>
      <c r="AM14" s="218">
        <v>0</v>
      </c>
      <c r="AN14" s="219">
        <v>2</v>
      </c>
      <c r="AO14" s="240">
        <v>2</v>
      </c>
      <c r="AP14" s="242">
        <v>2</v>
      </c>
      <c r="AQ14" s="239"/>
    </row>
    <row r="15" spans="2:43" ht="21" customHeight="1" x14ac:dyDescent="0.2">
      <c r="B15" s="106" t="s">
        <v>12</v>
      </c>
      <c r="C15" s="217">
        <v>0</v>
      </c>
      <c r="D15" s="219">
        <v>0</v>
      </c>
      <c r="E15" s="219">
        <v>0</v>
      </c>
      <c r="F15" s="220">
        <v>0</v>
      </c>
      <c r="G15" s="218">
        <v>0</v>
      </c>
      <c r="H15" s="218">
        <v>2</v>
      </c>
      <c r="I15" s="218">
        <v>13</v>
      </c>
      <c r="J15" s="219">
        <v>4</v>
      </c>
      <c r="K15" s="240">
        <v>19</v>
      </c>
      <c r="L15" s="241">
        <v>19</v>
      </c>
      <c r="M15" s="217">
        <v>0</v>
      </c>
      <c r="N15" s="219">
        <v>0</v>
      </c>
      <c r="O15" s="240">
        <v>0</v>
      </c>
      <c r="P15" s="222">
        <v>1</v>
      </c>
      <c r="Q15" s="218">
        <v>4</v>
      </c>
      <c r="R15" s="218">
        <v>6</v>
      </c>
      <c r="S15" s="218">
        <v>11</v>
      </c>
      <c r="T15" s="219">
        <v>1</v>
      </c>
      <c r="U15" s="240">
        <v>23</v>
      </c>
      <c r="V15" s="221">
        <v>23</v>
      </c>
      <c r="W15" s="222">
        <v>0</v>
      </c>
      <c r="X15" s="219">
        <v>0</v>
      </c>
      <c r="Y15" s="219">
        <v>0</v>
      </c>
      <c r="Z15" s="220">
        <v>0</v>
      </c>
      <c r="AA15" s="218">
        <v>0</v>
      </c>
      <c r="AB15" s="218">
        <v>0</v>
      </c>
      <c r="AC15" s="218">
        <v>0</v>
      </c>
      <c r="AD15" s="219">
        <v>0</v>
      </c>
      <c r="AE15" s="240">
        <v>0</v>
      </c>
      <c r="AF15" s="241">
        <v>0</v>
      </c>
      <c r="AG15" s="217">
        <v>0</v>
      </c>
      <c r="AH15" s="219">
        <v>0</v>
      </c>
      <c r="AI15" s="219">
        <v>0</v>
      </c>
      <c r="AJ15" s="220">
        <v>0</v>
      </c>
      <c r="AK15" s="218">
        <v>0</v>
      </c>
      <c r="AL15" s="218">
        <v>0</v>
      </c>
      <c r="AM15" s="218">
        <v>2</v>
      </c>
      <c r="AN15" s="219">
        <v>0</v>
      </c>
      <c r="AO15" s="240">
        <v>2</v>
      </c>
      <c r="AP15" s="242">
        <v>2</v>
      </c>
      <c r="AQ15" s="239"/>
    </row>
    <row r="16" spans="2:43" ht="21" customHeight="1" x14ac:dyDescent="0.2">
      <c r="B16" s="106" t="s">
        <v>13</v>
      </c>
      <c r="C16" s="217">
        <v>0</v>
      </c>
      <c r="D16" s="219">
        <v>0</v>
      </c>
      <c r="E16" s="219">
        <v>0</v>
      </c>
      <c r="F16" s="220">
        <v>0</v>
      </c>
      <c r="G16" s="218">
        <v>0</v>
      </c>
      <c r="H16" s="218">
        <v>3</v>
      </c>
      <c r="I16" s="218">
        <v>4</v>
      </c>
      <c r="J16" s="219">
        <v>4</v>
      </c>
      <c r="K16" s="240">
        <v>11</v>
      </c>
      <c r="L16" s="241">
        <v>11</v>
      </c>
      <c r="M16" s="217">
        <v>0</v>
      </c>
      <c r="N16" s="219">
        <v>0</v>
      </c>
      <c r="O16" s="240">
        <v>0</v>
      </c>
      <c r="P16" s="222">
        <v>0</v>
      </c>
      <c r="Q16" s="218">
        <v>1</v>
      </c>
      <c r="R16" s="218">
        <v>1</v>
      </c>
      <c r="S16" s="218">
        <v>3</v>
      </c>
      <c r="T16" s="219">
        <v>2</v>
      </c>
      <c r="U16" s="240">
        <v>7</v>
      </c>
      <c r="V16" s="221">
        <v>7</v>
      </c>
      <c r="W16" s="222">
        <v>0</v>
      </c>
      <c r="X16" s="219">
        <v>0</v>
      </c>
      <c r="Y16" s="219">
        <v>0</v>
      </c>
      <c r="Z16" s="220">
        <v>0</v>
      </c>
      <c r="AA16" s="218">
        <v>0</v>
      </c>
      <c r="AB16" s="218">
        <v>0</v>
      </c>
      <c r="AC16" s="218">
        <v>0</v>
      </c>
      <c r="AD16" s="219">
        <v>0</v>
      </c>
      <c r="AE16" s="240">
        <v>0</v>
      </c>
      <c r="AF16" s="241">
        <v>0</v>
      </c>
      <c r="AG16" s="217">
        <v>0</v>
      </c>
      <c r="AH16" s="219">
        <v>0</v>
      </c>
      <c r="AI16" s="219">
        <v>0</v>
      </c>
      <c r="AJ16" s="220">
        <v>0</v>
      </c>
      <c r="AK16" s="218">
        <v>0</v>
      </c>
      <c r="AL16" s="218">
        <v>0</v>
      </c>
      <c r="AM16" s="218">
        <v>0</v>
      </c>
      <c r="AN16" s="219">
        <v>0</v>
      </c>
      <c r="AO16" s="240">
        <v>0</v>
      </c>
      <c r="AP16" s="242">
        <v>0</v>
      </c>
      <c r="AQ16" s="239"/>
    </row>
    <row r="17" spans="2:43" ht="21" customHeight="1" x14ac:dyDescent="0.2">
      <c r="B17" s="106" t="s">
        <v>15</v>
      </c>
      <c r="C17" s="217">
        <v>0</v>
      </c>
      <c r="D17" s="219">
        <v>0</v>
      </c>
      <c r="E17" s="219">
        <v>0</v>
      </c>
      <c r="F17" s="220">
        <v>0</v>
      </c>
      <c r="G17" s="218">
        <v>0</v>
      </c>
      <c r="H17" s="218">
        <v>1</v>
      </c>
      <c r="I17" s="218">
        <v>2</v>
      </c>
      <c r="J17" s="219">
        <v>2</v>
      </c>
      <c r="K17" s="240">
        <v>5</v>
      </c>
      <c r="L17" s="241">
        <v>5</v>
      </c>
      <c r="M17" s="217">
        <v>0</v>
      </c>
      <c r="N17" s="219">
        <v>0</v>
      </c>
      <c r="O17" s="240">
        <v>0</v>
      </c>
      <c r="P17" s="222">
        <v>0</v>
      </c>
      <c r="Q17" s="218">
        <v>0</v>
      </c>
      <c r="R17" s="218">
        <v>2</v>
      </c>
      <c r="S17" s="218">
        <v>0</v>
      </c>
      <c r="T17" s="219">
        <v>0</v>
      </c>
      <c r="U17" s="240">
        <v>2</v>
      </c>
      <c r="V17" s="221">
        <v>2</v>
      </c>
      <c r="W17" s="222">
        <v>0</v>
      </c>
      <c r="X17" s="219">
        <v>0</v>
      </c>
      <c r="Y17" s="219">
        <v>0</v>
      </c>
      <c r="Z17" s="220">
        <v>0</v>
      </c>
      <c r="AA17" s="218">
        <v>0</v>
      </c>
      <c r="AB17" s="218">
        <v>0</v>
      </c>
      <c r="AC17" s="218">
        <v>0</v>
      </c>
      <c r="AD17" s="219">
        <v>0</v>
      </c>
      <c r="AE17" s="240">
        <v>0</v>
      </c>
      <c r="AF17" s="241">
        <v>0</v>
      </c>
      <c r="AG17" s="217">
        <v>0</v>
      </c>
      <c r="AH17" s="219">
        <v>0</v>
      </c>
      <c r="AI17" s="219">
        <v>0</v>
      </c>
      <c r="AJ17" s="220">
        <v>0</v>
      </c>
      <c r="AK17" s="218">
        <v>0</v>
      </c>
      <c r="AL17" s="218">
        <v>0</v>
      </c>
      <c r="AM17" s="218">
        <v>0</v>
      </c>
      <c r="AN17" s="219">
        <v>0</v>
      </c>
      <c r="AO17" s="240">
        <v>0</v>
      </c>
      <c r="AP17" s="242">
        <v>0</v>
      </c>
      <c r="AQ17" s="239"/>
    </row>
    <row r="18" spans="2:43" ht="21" customHeight="1" x14ac:dyDescent="0.2">
      <c r="B18" s="106" t="s">
        <v>16</v>
      </c>
      <c r="C18" s="217">
        <v>0</v>
      </c>
      <c r="D18" s="219">
        <v>0</v>
      </c>
      <c r="E18" s="219">
        <v>0</v>
      </c>
      <c r="F18" s="220">
        <v>0</v>
      </c>
      <c r="G18" s="218">
        <v>0</v>
      </c>
      <c r="H18" s="218">
        <v>6</v>
      </c>
      <c r="I18" s="218">
        <v>9</v>
      </c>
      <c r="J18" s="219">
        <v>6</v>
      </c>
      <c r="K18" s="240">
        <v>21</v>
      </c>
      <c r="L18" s="241">
        <v>21</v>
      </c>
      <c r="M18" s="217">
        <v>0</v>
      </c>
      <c r="N18" s="219">
        <v>0</v>
      </c>
      <c r="O18" s="240">
        <v>0</v>
      </c>
      <c r="P18" s="222">
        <v>0</v>
      </c>
      <c r="Q18" s="218">
        <v>1</v>
      </c>
      <c r="R18" s="218">
        <v>4</v>
      </c>
      <c r="S18" s="218">
        <v>3</v>
      </c>
      <c r="T18" s="219">
        <v>1</v>
      </c>
      <c r="U18" s="240">
        <v>9</v>
      </c>
      <c r="V18" s="221">
        <v>9</v>
      </c>
      <c r="W18" s="222">
        <v>0</v>
      </c>
      <c r="X18" s="219">
        <v>0</v>
      </c>
      <c r="Y18" s="219">
        <v>0</v>
      </c>
      <c r="Z18" s="220">
        <v>0</v>
      </c>
      <c r="AA18" s="218">
        <v>0</v>
      </c>
      <c r="AB18" s="218">
        <v>0</v>
      </c>
      <c r="AC18" s="218">
        <v>0</v>
      </c>
      <c r="AD18" s="219">
        <v>0</v>
      </c>
      <c r="AE18" s="240">
        <v>0</v>
      </c>
      <c r="AF18" s="241">
        <v>0</v>
      </c>
      <c r="AG18" s="217">
        <v>0</v>
      </c>
      <c r="AH18" s="219">
        <v>0</v>
      </c>
      <c r="AI18" s="219">
        <v>0</v>
      </c>
      <c r="AJ18" s="220">
        <v>0</v>
      </c>
      <c r="AK18" s="218">
        <v>0</v>
      </c>
      <c r="AL18" s="218">
        <v>0</v>
      </c>
      <c r="AM18" s="218">
        <v>0</v>
      </c>
      <c r="AN18" s="219">
        <v>1</v>
      </c>
      <c r="AO18" s="240">
        <v>1</v>
      </c>
      <c r="AP18" s="242">
        <v>1</v>
      </c>
      <c r="AQ18" s="239"/>
    </row>
    <row r="19" spans="2:43" ht="21" customHeight="1" x14ac:dyDescent="0.2">
      <c r="B19" s="106" t="s">
        <v>17</v>
      </c>
      <c r="C19" s="217">
        <v>0</v>
      </c>
      <c r="D19" s="219">
        <v>0</v>
      </c>
      <c r="E19" s="219">
        <v>0</v>
      </c>
      <c r="F19" s="220">
        <v>0</v>
      </c>
      <c r="G19" s="218">
        <v>1</v>
      </c>
      <c r="H19" s="218">
        <v>5</v>
      </c>
      <c r="I19" s="218">
        <v>7</v>
      </c>
      <c r="J19" s="219">
        <v>7</v>
      </c>
      <c r="K19" s="240">
        <v>20</v>
      </c>
      <c r="L19" s="241">
        <v>20</v>
      </c>
      <c r="M19" s="217">
        <v>0</v>
      </c>
      <c r="N19" s="219">
        <v>0</v>
      </c>
      <c r="O19" s="240">
        <v>0</v>
      </c>
      <c r="P19" s="222">
        <v>1</v>
      </c>
      <c r="Q19" s="218">
        <v>5</v>
      </c>
      <c r="R19" s="218">
        <v>14</v>
      </c>
      <c r="S19" s="218">
        <v>9</v>
      </c>
      <c r="T19" s="219">
        <v>4</v>
      </c>
      <c r="U19" s="240">
        <v>33</v>
      </c>
      <c r="V19" s="221">
        <v>33</v>
      </c>
      <c r="W19" s="222">
        <v>0</v>
      </c>
      <c r="X19" s="219">
        <v>0</v>
      </c>
      <c r="Y19" s="219">
        <v>0</v>
      </c>
      <c r="Z19" s="220">
        <v>0</v>
      </c>
      <c r="AA19" s="218">
        <v>0</v>
      </c>
      <c r="AB19" s="218">
        <v>0</v>
      </c>
      <c r="AC19" s="218">
        <v>0</v>
      </c>
      <c r="AD19" s="219">
        <v>0</v>
      </c>
      <c r="AE19" s="240">
        <v>0</v>
      </c>
      <c r="AF19" s="241">
        <v>0</v>
      </c>
      <c r="AG19" s="217">
        <v>0</v>
      </c>
      <c r="AH19" s="219">
        <v>0</v>
      </c>
      <c r="AI19" s="219">
        <v>0</v>
      </c>
      <c r="AJ19" s="220">
        <v>0</v>
      </c>
      <c r="AK19" s="218">
        <v>0</v>
      </c>
      <c r="AL19" s="218">
        <v>0</v>
      </c>
      <c r="AM19" s="218">
        <v>0</v>
      </c>
      <c r="AN19" s="219">
        <v>1</v>
      </c>
      <c r="AO19" s="240">
        <v>1</v>
      </c>
      <c r="AP19" s="242">
        <v>1</v>
      </c>
      <c r="AQ19" s="239"/>
    </row>
    <row r="20" spans="2:43" ht="21" customHeight="1" x14ac:dyDescent="0.2">
      <c r="B20" s="106" t="s">
        <v>18</v>
      </c>
      <c r="C20" s="217">
        <v>0</v>
      </c>
      <c r="D20" s="219">
        <v>0</v>
      </c>
      <c r="E20" s="219">
        <v>0</v>
      </c>
      <c r="F20" s="220">
        <v>0</v>
      </c>
      <c r="G20" s="218">
        <v>1</v>
      </c>
      <c r="H20" s="218">
        <v>8</v>
      </c>
      <c r="I20" s="218">
        <v>7</v>
      </c>
      <c r="J20" s="219">
        <v>10</v>
      </c>
      <c r="K20" s="240">
        <v>26</v>
      </c>
      <c r="L20" s="241">
        <v>26</v>
      </c>
      <c r="M20" s="217">
        <v>0</v>
      </c>
      <c r="N20" s="219">
        <v>0</v>
      </c>
      <c r="O20" s="240">
        <v>0</v>
      </c>
      <c r="P20" s="222">
        <v>2</v>
      </c>
      <c r="Q20" s="218">
        <v>0</v>
      </c>
      <c r="R20" s="218">
        <v>4</v>
      </c>
      <c r="S20" s="218">
        <v>4</v>
      </c>
      <c r="T20" s="219">
        <v>3</v>
      </c>
      <c r="U20" s="240">
        <v>13</v>
      </c>
      <c r="V20" s="221">
        <v>13</v>
      </c>
      <c r="W20" s="222">
        <v>0</v>
      </c>
      <c r="X20" s="219">
        <v>0</v>
      </c>
      <c r="Y20" s="219">
        <v>0</v>
      </c>
      <c r="Z20" s="220">
        <v>0</v>
      </c>
      <c r="AA20" s="218">
        <v>0</v>
      </c>
      <c r="AB20" s="218">
        <v>0</v>
      </c>
      <c r="AC20" s="218">
        <v>0</v>
      </c>
      <c r="AD20" s="219">
        <v>0</v>
      </c>
      <c r="AE20" s="240">
        <v>0</v>
      </c>
      <c r="AF20" s="241">
        <v>0</v>
      </c>
      <c r="AG20" s="217">
        <v>0</v>
      </c>
      <c r="AH20" s="219">
        <v>0</v>
      </c>
      <c r="AI20" s="219">
        <v>0</v>
      </c>
      <c r="AJ20" s="220">
        <v>0</v>
      </c>
      <c r="AK20" s="218">
        <v>0</v>
      </c>
      <c r="AL20" s="218">
        <v>0</v>
      </c>
      <c r="AM20" s="218">
        <v>0</v>
      </c>
      <c r="AN20" s="219">
        <v>1</v>
      </c>
      <c r="AO20" s="240">
        <v>1</v>
      </c>
      <c r="AP20" s="242">
        <v>1</v>
      </c>
      <c r="AQ20" s="239"/>
    </row>
    <row r="21" spans="2:43" ht="21" customHeight="1" x14ac:dyDescent="0.2">
      <c r="B21" s="106" t="s">
        <v>19</v>
      </c>
      <c r="C21" s="217">
        <v>0</v>
      </c>
      <c r="D21" s="219">
        <v>0</v>
      </c>
      <c r="E21" s="219">
        <v>0</v>
      </c>
      <c r="F21" s="220">
        <v>0</v>
      </c>
      <c r="G21" s="218">
        <v>0</v>
      </c>
      <c r="H21" s="218">
        <v>4</v>
      </c>
      <c r="I21" s="218">
        <v>3</v>
      </c>
      <c r="J21" s="219">
        <v>2</v>
      </c>
      <c r="K21" s="240">
        <v>9</v>
      </c>
      <c r="L21" s="241">
        <v>9</v>
      </c>
      <c r="M21" s="217">
        <v>0</v>
      </c>
      <c r="N21" s="219">
        <v>0</v>
      </c>
      <c r="O21" s="240">
        <v>0</v>
      </c>
      <c r="P21" s="222">
        <v>0</v>
      </c>
      <c r="Q21" s="218">
        <v>2</v>
      </c>
      <c r="R21" s="218">
        <v>4</v>
      </c>
      <c r="S21" s="218">
        <v>2</v>
      </c>
      <c r="T21" s="219">
        <v>1</v>
      </c>
      <c r="U21" s="240">
        <v>9</v>
      </c>
      <c r="V21" s="221">
        <v>9</v>
      </c>
      <c r="W21" s="222">
        <v>0</v>
      </c>
      <c r="X21" s="219">
        <v>0</v>
      </c>
      <c r="Y21" s="219">
        <v>0</v>
      </c>
      <c r="Z21" s="220">
        <v>0</v>
      </c>
      <c r="AA21" s="218">
        <v>0</v>
      </c>
      <c r="AB21" s="218">
        <v>0</v>
      </c>
      <c r="AC21" s="218">
        <v>0</v>
      </c>
      <c r="AD21" s="219">
        <v>0</v>
      </c>
      <c r="AE21" s="240">
        <v>0</v>
      </c>
      <c r="AF21" s="241">
        <v>0</v>
      </c>
      <c r="AG21" s="217">
        <v>0</v>
      </c>
      <c r="AH21" s="219">
        <v>0</v>
      </c>
      <c r="AI21" s="219">
        <v>0</v>
      </c>
      <c r="AJ21" s="220">
        <v>0</v>
      </c>
      <c r="AK21" s="218">
        <v>0</v>
      </c>
      <c r="AL21" s="218">
        <v>0</v>
      </c>
      <c r="AM21" s="218">
        <v>0</v>
      </c>
      <c r="AN21" s="219">
        <v>0</v>
      </c>
      <c r="AO21" s="240">
        <v>0</v>
      </c>
      <c r="AP21" s="242">
        <v>0</v>
      </c>
      <c r="AQ21" s="239"/>
    </row>
    <row r="22" spans="2:43" ht="21" customHeight="1" x14ac:dyDescent="0.2">
      <c r="B22" s="106" t="s">
        <v>20</v>
      </c>
      <c r="C22" s="217">
        <v>0</v>
      </c>
      <c r="D22" s="219">
        <v>0</v>
      </c>
      <c r="E22" s="219">
        <v>0</v>
      </c>
      <c r="F22" s="220">
        <v>0</v>
      </c>
      <c r="G22" s="218">
        <v>2</v>
      </c>
      <c r="H22" s="218">
        <v>2</v>
      </c>
      <c r="I22" s="218">
        <v>7</v>
      </c>
      <c r="J22" s="219">
        <v>6</v>
      </c>
      <c r="K22" s="240">
        <v>17</v>
      </c>
      <c r="L22" s="241">
        <v>17</v>
      </c>
      <c r="M22" s="217">
        <v>0</v>
      </c>
      <c r="N22" s="219">
        <v>0</v>
      </c>
      <c r="O22" s="240">
        <v>0</v>
      </c>
      <c r="P22" s="222">
        <v>1</v>
      </c>
      <c r="Q22" s="218">
        <v>1</v>
      </c>
      <c r="R22" s="218">
        <v>0</v>
      </c>
      <c r="S22" s="218">
        <v>4</v>
      </c>
      <c r="T22" s="219">
        <v>0</v>
      </c>
      <c r="U22" s="240">
        <v>6</v>
      </c>
      <c r="V22" s="221">
        <v>6</v>
      </c>
      <c r="W22" s="222">
        <v>0</v>
      </c>
      <c r="X22" s="219">
        <v>0</v>
      </c>
      <c r="Y22" s="219">
        <v>0</v>
      </c>
      <c r="Z22" s="220">
        <v>0</v>
      </c>
      <c r="AA22" s="218">
        <v>0</v>
      </c>
      <c r="AB22" s="218">
        <v>0</v>
      </c>
      <c r="AC22" s="218">
        <v>0</v>
      </c>
      <c r="AD22" s="219">
        <v>0</v>
      </c>
      <c r="AE22" s="240">
        <v>0</v>
      </c>
      <c r="AF22" s="241">
        <v>0</v>
      </c>
      <c r="AG22" s="217">
        <v>0</v>
      </c>
      <c r="AH22" s="219">
        <v>0</v>
      </c>
      <c r="AI22" s="219">
        <v>0</v>
      </c>
      <c r="AJ22" s="220">
        <v>0</v>
      </c>
      <c r="AK22" s="218">
        <v>0</v>
      </c>
      <c r="AL22" s="218">
        <v>0</v>
      </c>
      <c r="AM22" s="218">
        <v>0</v>
      </c>
      <c r="AN22" s="219">
        <v>0</v>
      </c>
      <c r="AO22" s="240">
        <v>0</v>
      </c>
      <c r="AP22" s="242">
        <v>0</v>
      </c>
      <c r="AQ22" s="239"/>
    </row>
    <row r="23" spans="2:43" ht="21" customHeight="1" x14ac:dyDescent="0.2">
      <c r="B23" s="106" t="s">
        <v>21</v>
      </c>
      <c r="C23" s="217">
        <v>0</v>
      </c>
      <c r="D23" s="219">
        <v>0</v>
      </c>
      <c r="E23" s="219">
        <v>0</v>
      </c>
      <c r="F23" s="220">
        <v>0</v>
      </c>
      <c r="G23" s="218">
        <v>0</v>
      </c>
      <c r="H23" s="218">
        <v>5</v>
      </c>
      <c r="I23" s="218">
        <v>7</v>
      </c>
      <c r="J23" s="219">
        <v>1</v>
      </c>
      <c r="K23" s="240">
        <v>13</v>
      </c>
      <c r="L23" s="241">
        <v>13</v>
      </c>
      <c r="M23" s="217">
        <v>0</v>
      </c>
      <c r="N23" s="219">
        <v>0</v>
      </c>
      <c r="O23" s="240">
        <v>0</v>
      </c>
      <c r="P23" s="222">
        <v>0</v>
      </c>
      <c r="Q23" s="218">
        <v>4</v>
      </c>
      <c r="R23" s="218">
        <v>1</v>
      </c>
      <c r="S23" s="218">
        <v>1</v>
      </c>
      <c r="T23" s="219">
        <v>0</v>
      </c>
      <c r="U23" s="240">
        <v>6</v>
      </c>
      <c r="V23" s="221">
        <v>6</v>
      </c>
      <c r="W23" s="222">
        <v>0</v>
      </c>
      <c r="X23" s="219">
        <v>0</v>
      </c>
      <c r="Y23" s="219">
        <v>0</v>
      </c>
      <c r="Z23" s="220">
        <v>0</v>
      </c>
      <c r="AA23" s="218">
        <v>0</v>
      </c>
      <c r="AB23" s="218">
        <v>0</v>
      </c>
      <c r="AC23" s="218">
        <v>0</v>
      </c>
      <c r="AD23" s="219">
        <v>0</v>
      </c>
      <c r="AE23" s="240">
        <v>0</v>
      </c>
      <c r="AF23" s="241">
        <v>0</v>
      </c>
      <c r="AG23" s="217">
        <v>0</v>
      </c>
      <c r="AH23" s="219">
        <v>0</v>
      </c>
      <c r="AI23" s="219">
        <v>0</v>
      </c>
      <c r="AJ23" s="220">
        <v>0</v>
      </c>
      <c r="AK23" s="218">
        <v>0</v>
      </c>
      <c r="AL23" s="218">
        <v>0</v>
      </c>
      <c r="AM23" s="218">
        <v>1</v>
      </c>
      <c r="AN23" s="219">
        <v>0</v>
      </c>
      <c r="AO23" s="240">
        <v>1</v>
      </c>
      <c r="AP23" s="242">
        <v>1</v>
      </c>
      <c r="AQ23" s="239"/>
    </row>
    <row r="24" spans="2:43" ht="21" customHeight="1" x14ac:dyDescent="0.2">
      <c r="B24" s="106" t="s">
        <v>22</v>
      </c>
      <c r="C24" s="217">
        <v>0</v>
      </c>
      <c r="D24" s="219">
        <v>0</v>
      </c>
      <c r="E24" s="219">
        <v>0</v>
      </c>
      <c r="F24" s="220">
        <v>0</v>
      </c>
      <c r="G24" s="218">
        <v>1</v>
      </c>
      <c r="H24" s="218">
        <v>1</v>
      </c>
      <c r="I24" s="218">
        <v>0</v>
      </c>
      <c r="J24" s="219">
        <v>0</v>
      </c>
      <c r="K24" s="240">
        <v>2</v>
      </c>
      <c r="L24" s="241">
        <v>2</v>
      </c>
      <c r="M24" s="217">
        <v>0</v>
      </c>
      <c r="N24" s="219">
        <v>0</v>
      </c>
      <c r="O24" s="240">
        <v>0</v>
      </c>
      <c r="P24" s="222">
        <v>0</v>
      </c>
      <c r="Q24" s="218">
        <v>2</v>
      </c>
      <c r="R24" s="218">
        <v>0</v>
      </c>
      <c r="S24" s="218">
        <v>1</v>
      </c>
      <c r="T24" s="219">
        <v>1</v>
      </c>
      <c r="U24" s="240">
        <v>4</v>
      </c>
      <c r="V24" s="221">
        <v>4</v>
      </c>
      <c r="W24" s="222">
        <v>0</v>
      </c>
      <c r="X24" s="219">
        <v>0</v>
      </c>
      <c r="Y24" s="219">
        <v>0</v>
      </c>
      <c r="Z24" s="220">
        <v>0</v>
      </c>
      <c r="AA24" s="218">
        <v>0</v>
      </c>
      <c r="AB24" s="218">
        <v>0</v>
      </c>
      <c r="AC24" s="218">
        <v>0</v>
      </c>
      <c r="AD24" s="219">
        <v>0</v>
      </c>
      <c r="AE24" s="240">
        <v>0</v>
      </c>
      <c r="AF24" s="241">
        <v>0</v>
      </c>
      <c r="AG24" s="217">
        <v>0</v>
      </c>
      <c r="AH24" s="219">
        <v>0</v>
      </c>
      <c r="AI24" s="219">
        <v>0</v>
      </c>
      <c r="AJ24" s="220">
        <v>0</v>
      </c>
      <c r="AK24" s="218">
        <v>0</v>
      </c>
      <c r="AL24" s="218">
        <v>0</v>
      </c>
      <c r="AM24" s="218">
        <v>0</v>
      </c>
      <c r="AN24" s="219">
        <v>0</v>
      </c>
      <c r="AO24" s="240">
        <v>0</v>
      </c>
      <c r="AP24" s="242">
        <v>0</v>
      </c>
      <c r="AQ24" s="239"/>
    </row>
    <row r="25" spans="2:43" ht="21" customHeight="1" x14ac:dyDescent="0.2">
      <c r="B25" s="106" t="s">
        <v>23</v>
      </c>
      <c r="C25" s="217">
        <v>0</v>
      </c>
      <c r="D25" s="219">
        <v>0</v>
      </c>
      <c r="E25" s="219">
        <v>0</v>
      </c>
      <c r="F25" s="220">
        <v>0</v>
      </c>
      <c r="G25" s="218">
        <v>0</v>
      </c>
      <c r="H25" s="218">
        <v>4</v>
      </c>
      <c r="I25" s="218">
        <v>3</v>
      </c>
      <c r="J25" s="219">
        <v>2</v>
      </c>
      <c r="K25" s="240">
        <v>9</v>
      </c>
      <c r="L25" s="241">
        <v>9</v>
      </c>
      <c r="M25" s="217">
        <v>0</v>
      </c>
      <c r="N25" s="219">
        <v>0</v>
      </c>
      <c r="O25" s="240">
        <v>0</v>
      </c>
      <c r="P25" s="222">
        <v>0</v>
      </c>
      <c r="Q25" s="218">
        <v>0</v>
      </c>
      <c r="R25" s="218">
        <v>0</v>
      </c>
      <c r="S25" s="218">
        <v>0</v>
      </c>
      <c r="T25" s="219">
        <v>2</v>
      </c>
      <c r="U25" s="240">
        <v>2</v>
      </c>
      <c r="V25" s="221">
        <v>2</v>
      </c>
      <c r="W25" s="222">
        <v>0</v>
      </c>
      <c r="X25" s="219">
        <v>0</v>
      </c>
      <c r="Y25" s="219">
        <v>0</v>
      </c>
      <c r="Z25" s="220">
        <v>0</v>
      </c>
      <c r="AA25" s="218">
        <v>0</v>
      </c>
      <c r="AB25" s="218">
        <v>0</v>
      </c>
      <c r="AC25" s="218">
        <v>0</v>
      </c>
      <c r="AD25" s="219">
        <v>0</v>
      </c>
      <c r="AE25" s="240">
        <v>0</v>
      </c>
      <c r="AF25" s="241">
        <v>0</v>
      </c>
      <c r="AG25" s="217">
        <v>0</v>
      </c>
      <c r="AH25" s="219">
        <v>0</v>
      </c>
      <c r="AI25" s="219">
        <v>0</v>
      </c>
      <c r="AJ25" s="220">
        <v>0</v>
      </c>
      <c r="AK25" s="218">
        <v>0</v>
      </c>
      <c r="AL25" s="218">
        <v>0</v>
      </c>
      <c r="AM25" s="218">
        <v>0</v>
      </c>
      <c r="AN25" s="219">
        <v>1</v>
      </c>
      <c r="AO25" s="240">
        <v>1</v>
      </c>
      <c r="AP25" s="242">
        <v>1</v>
      </c>
      <c r="AQ25" s="239"/>
    </row>
    <row r="26" spans="2:43" ht="21" customHeight="1" x14ac:dyDescent="0.2">
      <c r="B26" s="106" t="s">
        <v>24</v>
      </c>
      <c r="C26" s="217">
        <v>0</v>
      </c>
      <c r="D26" s="219">
        <v>0</v>
      </c>
      <c r="E26" s="219">
        <v>0</v>
      </c>
      <c r="F26" s="220">
        <v>0</v>
      </c>
      <c r="G26" s="218">
        <v>0</v>
      </c>
      <c r="H26" s="218">
        <v>2</v>
      </c>
      <c r="I26" s="218">
        <v>4</v>
      </c>
      <c r="J26" s="219">
        <v>0</v>
      </c>
      <c r="K26" s="240">
        <v>6</v>
      </c>
      <c r="L26" s="241">
        <v>6</v>
      </c>
      <c r="M26" s="217">
        <v>0</v>
      </c>
      <c r="N26" s="219">
        <v>0</v>
      </c>
      <c r="O26" s="240">
        <v>0</v>
      </c>
      <c r="P26" s="222">
        <v>1</v>
      </c>
      <c r="Q26" s="218">
        <v>0</v>
      </c>
      <c r="R26" s="218">
        <v>1</v>
      </c>
      <c r="S26" s="218">
        <v>0</v>
      </c>
      <c r="T26" s="219">
        <v>1</v>
      </c>
      <c r="U26" s="240">
        <v>3</v>
      </c>
      <c r="V26" s="221">
        <v>3</v>
      </c>
      <c r="W26" s="222">
        <v>0</v>
      </c>
      <c r="X26" s="219">
        <v>0</v>
      </c>
      <c r="Y26" s="219">
        <v>0</v>
      </c>
      <c r="Z26" s="220">
        <v>0</v>
      </c>
      <c r="AA26" s="218">
        <v>0</v>
      </c>
      <c r="AB26" s="218">
        <v>0</v>
      </c>
      <c r="AC26" s="218">
        <v>0</v>
      </c>
      <c r="AD26" s="219">
        <v>0</v>
      </c>
      <c r="AE26" s="240">
        <v>0</v>
      </c>
      <c r="AF26" s="241">
        <v>0</v>
      </c>
      <c r="AG26" s="217">
        <v>0</v>
      </c>
      <c r="AH26" s="219">
        <v>0</v>
      </c>
      <c r="AI26" s="219">
        <v>0</v>
      </c>
      <c r="AJ26" s="220">
        <v>0</v>
      </c>
      <c r="AK26" s="218">
        <v>0</v>
      </c>
      <c r="AL26" s="218">
        <v>0</v>
      </c>
      <c r="AM26" s="218">
        <v>0</v>
      </c>
      <c r="AN26" s="219">
        <v>0</v>
      </c>
      <c r="AO26" s="240">
        <v>0</v>
      </c>
      <c r="AP26" s="242">
        <v>0</v>
      </c>
      <c r="AQ26" s="239"/>
    </row>
    <row r="27" spans="2:43" ht="21" customHeight="1" x14ac:dyDescent="0.2">
      <c r="B27" s="106" t="s">
        <v>25</v>
      </c>
      <c r="C27" s="217">
        <v>0</v>
      </c>
      <c r="D27" s="219">
        <v>0</v>
      </c>
      <c r="E27" s="219">
        <v>0</v>
      </c>
      <c r="F27" s="220">
        <v>0</v>
      </c>
      <c r="G27" s="218">
        <v>0</v>
      </c>
      <c r="H27" s="218">
        <v>3</v>
      </c>
      <c r="I27" s="218">
        <v>2</v>
      </c>
      <c r="J27" s="219">
        <v>3</v>
      </c>
      <c r="K27" s="240">
        <v>8</v>
      </c>
      <c r="L27" s="241">
        <v>8</v>
      </c>
      <c r="M27" s="217">
        <v>0</v>
      </c>
      <c r="N27" s="219">
        <v>0</v>
      </c>
      <c r="O27" s="240">
        <v>0</v>
      </c>
      <c r="P27" s="222">
        <v>2</v>
      </c>
      <c r="Q27" s="218">
        <v>3</v>
      </c>
      <c r="R27" s="218">
        <v>1</v>
      </c>
      <c r="S27" s="218">
        <v>2</v>
      </c>
      <c r="T27" s="219">
        <v>3</v>
      </c>
      <c r="U27" s="240">
        <v>11</v>
      </c>
      <c r="V27" s="221">
        <v>11</v>
      </c>
      <c r="W27" s="222">
        <v>0</v>
      </c>
      <c r="X27" s="219">
        <v>0</v>
      </c>
      <c r="Y27" s="219">
        <v>0</v>
      </c>
      <c r="Z27" s="220">
        <v>0</v>
      </c>
      <c r="AA27" s="218">
        <v>0</v>
      </c>
      <c r="AB27" s="218">
        <v>0</v>
      </c>
      <c r="AC27" s="218">
        <v>0</v>
      </c>
      <c r="AD27" s="219">
        <v>0</v>
      </c>
      <c r="AE27" s="240">
        <v>0</v>
      </c>
      <c r="AF27" s="241">
        <v>0</v>
      </c>
      <c r="AG27" s="217">
        <v>0</v>
      </c>
      <c r="AH27" s="219">
        <v>0</v>
      </c>
      <c r="AI27" s="219">
        <v>0</v>
      </c>
      <c r="AJ27" s="220">
        <v>0</v>
      </c>
      <c r="AK27" s="218">
        <v>0</v>
      </c>
      <c r="AL27" s="218">
        <v>0</v>
      </c>
      <c r="AM27" s="218">
        <v>0</v>
      </c>
      <c r="AN27" s="219">
        <v>0</v>
      </c>
      <c r="AO27" s="240">
        <v>0</v>
      </c>
      <c r="AP27" s="242">
        <v>0</v>
      </c>
      <c r="AQ27" s="239"/>
    </row>
    <row r="28" spans="2:43" ht="21" customHeight="1" x14ac:dyDescent="0.2">
      <c r="B28" s="106" t="s">
        <v>26</v>
      </c>
      <c r="C28" s="217">
        <v>0</v>
      </c>
      <c r="D28" s="219">
        <v>0</v>
      </c>
      <c r="E28" s="219">
        <v>0</v>
      </c>
      <c r="F28" s="220">
        <v>0</v>
      </c>
      <c r="G28" s="218">
        <v>0</v>
      </c>
      <c r="H28" s="218">
        <v>1</v>
      </c>
      <c r="I28" s="218">
        <v>0</v>
      </c>
      <c r="J28" s="219">
        <v>0</v>
      </c>
      <c r="K28" s="240">
        <v>1</v>
      </c>
      <c r="L28" s="241">
        <v>1</v>
      </c>
      <c r="M28" s="217">
        <v>0</v>
      </c>
      <c r="N28" s="219">
        <v>0</v>
      </c>
      <c r="O28" s="240">
        <v>0</v>
      </c>
      <c r="P28" s="222">
        <v>0</v>
      </c>
      <c r="Q28" s="218">
        <v>0</v>
      </c>
      <c r="R28" s="218">
        <v>0</v>
      </c>
      <c r="S28" s="218">
        <v>3</v>
      </c>
      <c r="T28" s="219">
        <v>0</v>
      </c>
      <c r="U28" s="240">
        <v>3</v>
      </c>
      <c r="V28" s="221">
        <v>3</v>
      </c>
      <c r="W28" s="222">
        <v>0</v>
      </c>
      <c r="X28" s="219">
        <v>0</v>
      </c>
      <c r="Y28" s="219">
        <v>0</v>
      </c>
      <c r="Z28" s="220">
        <v>0</v>
      </c>
      <c r="AA28" s="218">
        <v>0</v>
      </c>
      <c r="AB28" s="218">
        <v>0</v>
      </c>
      <c r="AC28" s="218">
        <v>0</v>
      </c>
      <c r="AD28" s="219">
        <v>0</v>
      </c>
      <c r="AE28" s="240">
        <v>0</v>
      </c>
      <c r="AF28" s="241">
        <v>0</v>
      </c>
      <c r="AG28" s="217">
        <v>0</v>
      </c>
      <c r="AH28" s="219">
        <v>0</v>
      </c>
      <c r="AI28" s="219">
        <v>0</v>
      </c>
      <c r="AJ28" s="220">
        <v>0</v>
      </c>
      <c r="AK28" s="218">
        <v>0</v>
      </c>
      <c r="AL28" s="218">
        <v>0</v>
      </c>
      <c r="AM28" s="218">
        <v>0</v>
      </c>
      <c r="AN28" s="219">
        <v>0</v>
      </c>
      <c r="AO28" s="240">
        <v>0</v>
      </c>
      <c r="AP28" s="242">
        <v>0</v>
      </c>
      <c r="AQ28" s="239"/>
    </row>
    <row r="29" spans="2:43" ht="21" customHeight="1" x14ac:dyDescent="0.2">
      <c r="B29" s="106" t="s">
        <v>27</v>
      </c>
      <c r="C29" s="217">
        <v>0</v>
      </c>
      <c r="D29" s="219">
        <v>0</v>
      </c>
      <c r="E29" s="219">
        <v>0</v>
      </c>
      <c r="F29" s="220">
        <v>0</v>
      </c>
      <c r="G29" s="218">
        <v>0</v>
      </c>
      <c r="H29" s="218">
        <v>0</v>
      </c>
      <c r="I29" s="218">
        <v>1</v>
      </c>
      <c r="J29" s="219">
        <v>2</v>
      </c>
      <c r="K29" s="240">
        <v>3</v>
      </c>
      <c r="L29" s="241">
        <v>3</v>
      </c>
      <c r="M29" s="217">
        <v>0</v>
      </c>
      <c r="N29" s="219">
        <v>0</v>
      </c>
      <c r="O29" s="240">
        <v>0</v>
      </c>
      <c r="P29" s="222">
        <v>1</v>
      </c>
      <c r="Q29" s="218">
        <v>0</v>
      </c>
      <c r="R29" s="218">
        <v>1</v>
      </c>
      <c r="S29" s="218">
        <v>0</v>
      </c>
      <c r="T29" s="219">
        <v>1</v>
      </c>
      <c r="U29" s="240">
        <v>3</v>
      </c>
      <c r="V29" s="221">
        <v>3</v>
      </c>
      <c r="W29" s="222">
        <v>0</v>
      </c>
      <c r="X29" s="219">
        <v>0</v>
      </c>
      <c r="Y29" s="219">
        <v>0</v>
      </c>
      <c r="Z29" s="220">
        <v>0</v>
      </c>
      <c r="AA29" s="218">
        <v>0</v>
      </c>
      <c r="AB29" s="218">
        <v>0</v>
      </c>
      <c r="AC29" s="218">
        <v>0</v>
      </c>
      <c r="AD29" s="219">
        <v>0</v>
      </c>
      <c r="AE29" s="240">
        <v>0</v>
      </c>
      <c r="AF29" s="241">
        <v>0</v>
      </c>
      <c r="AG29" s="217">
        <v>0</v>
      </c>
      <c r="AH29" s="219">
        <v>0</v>
      </c>
      <c r="AI29" s="219">
        <v>0</v>
      </c>
      <c r="AJ29" s="220">
        <v>0</v>
      </c>
      <c r="AK29" s="218">
        <v>0</v>
      </c>
      <c r="AL29" s="218">
        <v>0</v>
      </c>
      <c r="AM29" s="218">
        <v>0</v>
      </c>
      <c r="AN29" s="219">
        <v>2</v>
      </c>
      <c r="AO29" s="240">
        <v>2</v>
      </c>
      <c r="AP29" s="242">
        <v>2</v>
      </c>
      <c r="AQ29" s="239"/>
    </row>
    <row r="30" spans="2:43" ht="21" customHeight="1" x14ac:dyDescent="0.2">
      <c r="B30" s="106" t="s">
        <v>28</v>
      </c>
      <c r="C30" s="217">
        <v>0</v>
      </c>
      <c r="D30" s="219">
        <v>0</v>
      </c>
      <c r="E30" s="219">
        <v>0</v>
      </c>
      <c r="F30" s="220">
        <v>0</v>
      </c>
      <c r="G30" s="218">
        <v>0</v>
      </c>
      <c r="H30" s="218">
        <v>0</v>
      </c>
      <c r="I30" s="218">
        <v>0</v>
      </c>
      <c r="J30" s="219">
        <v>0</v>
      </c>
      <c r="K30" s="240">
        <v>0</v>
      </c>
      <c r="L30" s="241">
        <v>0</v>
      </c>
      <c r="M30" s="217">
        <v>0</v>
      </c>
      <c r="N30" s="219">
        <v>0</v>
      </c>
      <c r="O30" s="240">
        <v>0</v>
      </c>
      <c r="P30" s="222">
        <v>0</v>
      </c>
      <c r="Q30" s="218">
        <v>0</v>
      </c>
      <c r="R30" s="218">
        <v>1</v>
      </c>
      <c r="S30" s="218">
        <v>0</v>
      </c>
      <c r="T30" s="219">
        <v>0</v>
      </c>
      <c r="U30" s="240">
        <v>1</v>
      </c>
      <c r="V30" s="221">
        <v>1</v>
      </c>
      <c r="W30" s="222">
        <v>0</v>
      </c>
      <c r="X30" s="219">
        <v>0</v>
      </c>
      <c r="Y30" s="219">
        <v>0</v>
      </c>
      <c r="Z30" s="220">
        <v>0</v>
      </c>
      <c r="AA30" s="218">
        <v>0</v>
      </c>
      <c r="AB30" s="218">
        <v>0</v>
      </c>
      <c r="AC30" s="218">
        <v>0</v>
      </c>
      <c r="AD30" s="219">
        <v>0</v>
      </c>
      <c r="AE30" s="240">
        <v>0</v>
      </c>
      <c r="AF30" s="241">
        <v>0</v>
      </c>
      <c r="AG30" s="217">
        <v>0</v>
      </c>
      <c r="AH30" s="219">
        <v>0</v>
      </c>
      <c r="AI30" s="219">
        <v>0</v>
      </c>
      <c r="AJ30" s="220">
        <v>0</v>
      </c>
      <c r="AK30" s="218">
        <v>0</v>
      </c>
      <c r="AL30" s="218">
        <v>0</v>
      </c>
      <c r="AM30" s="218">
        <v>0</v>
      </c>
      <c r="AN30" s="219">
        <v>0</v>
      </c>
      <c r="AO30" s="240">
        <v>0</v>
      </c>
      <c r="AP30" s="242">
        <v>0</v>
      </c>
      <c r="AQ30" s="239"/>
    </row>
    <row r="31" spans="2:43" ht="21" customHeight="1" x14ac:dyDescent="0.2">
      <c r="B31" s="106" t="s">
        <v>29</v>
      </c>
      <c r="C31" s="217">
        <v>0</v>
      </c>
      <c r="D31" s="219">
        <v>0</v>
      </c>
      <c r="E31" s="219">
        <v>0</v>
      </c>
      <c r="F31" s="220">
        <v>0</v>
      </c>
      <c r="G31" s="218">
        <v>0</v>
      </c>
      <c r="H31" s="218">
        <v>0</v>
      </c>
      <c r="I31" s="218">
        <v>0</v>
      </c>
      <c r="J31" s="219">
        <v>0</v>
      </c>
      <c r="K31" s="240">
        <v>0</v>
      </c>
      <c r="L31" s="241">
        <v>0</v>
      </c>
      <c r="M31" s="217">
        <v>0</v>
      </c>
      <c r="N31" s="219">
        <v>0</v>
      </c>
      <c r="O31" s="240">
        <v>0</v>
      </c>
      <c r="P31" s="222">
        <v>0</v>
      </c>
      <c r="Q31" s="218">
        <v>0</v>
      </c>
      <c r="R31" s="218">
        <v>0</v>
      </c>
      <c r="S31" s="218">
        <v>0</v>
      </c>
      <c r="T31" s="219">
        <v>2</v>
      </c>
      <c r="U31" s="240">
        <v>2</v>
      </c>
      <c r="V31" s="221">
        <v>2</v>
      </c>
      <c r="W31" s="222">
        <v>0</v>
      </c>
      <c r="X31" s="219">
        <v>0</v>
      </c>
      <c r="Y31" s="219">
        <v>0</v>
      </c>
      <c r="Z31" s="220">
        <v>0</v>
      </c>
      <c r="AA31" s="218">
        <v>0</v>
      </c>
      <c r="AB31" s="218">
        <v>0</v>
      </c>
      <c r="AC31" s="218">
        <v>0</v>
      </c>
      <c r="AD31" s="219">
        <v>0</v>
      </c>
      <c r="AE31" s="240">
        <v>0</v>
      </c>
      <c r="AF31" s="241">
        <v>0</v>
      </c>
      <c r="AG31" s="217">
        <v>0</v>
      </c>
      <c r="AH31" s="219">
        <v>0</v>
      </c>
      <c r="AI31" s="219">
        <v>0</v>
      </c>
      <c r="AJ31" s="220">
        <v>0</v>
      </c>
      <c r="AK31" s="218">
        <v>0</v>
      </c>
      <c r="AL31" s="218">
        <v>0</v>
      </c>
      <c r="AM31" s="218">
        <v>0</v>
      </c>
      <c r="AN31" s="219">
        <v>0</v>
      </c>
      <c r="AO31" s="240">
        <v>0</v>
      </c>
      <c r="AP31" s="242">
        <v>0</v>
      </c>
      <c r="AQ31" s="239"/>
    </row>
    <row r="32" spans="2:43" ht="21" customHeight="1" x14ac:dyDescent="0.2">
      <c r="B32" s="106" t="s">
        <v>30</v>
      </c>
      <c r="C32" s="217">
        <v>0</v>
      </c>
      <c r="D32" s="219">
        <v>0</v>
      </c>
      <c r="E32" s="219">
        <v>0</v>
      </c>
      <c r="F32" s="220">
        <v>0</v>
      </c>
      <c r="G32" s="218">
        <v>0</v>
      </c>
      <c r="H32" s="218">
        <v>1</v>
      </c>
      <c r="I32" s="218">
        <v>1</v>
      </c>
      <c r="J32" s="219">
        <v>1</v>
      </c>
      <c r="K32" s="240">
        <v>3</v>
      </c>
      <c r="L32" s="241">
        <v>3</v>
      </c>
      <c r="M32" s="217">
        <v>0</v>
      </c>
      <c r="N32" s="219">
        <v>0</v>
      </c>
      <c r="O32" s="240">
        <v>0</v>
      </c>
      <c r="P32" s="222">
        <v>1</v>
      </c>
      <c r="Q32" s="218">
        <v>0</v>
      </c>
      <c r="R32" s="218">
        <v>0</v>
      </c>
      <c r="S32" s="218">
        <v>1</v>
      </c>
      <c r="T32" s="219">
        <v>0</v>
      </c>
      <c r="U32" s="240">
        <v>2</v>
      </c>
      <c r="V32" s="221">
        <v>2</v>
      </c>
      <c r="W32" s="222">
        <v>0</v>
      </c>
      <c r="X32" s="219">
        <v>0</v>
      </c>
      <c r="Y32" s="219">
        <v>0</v>
      </c>
      <c r="Z32" s="220">
        <v>0</v>
      </c>
      <c r="AA32" s="218">
        <v>0</v>
      </c>
      <c r="AB32" s="218">
        <v>0</v>
      </c>
      <c r="AC32" s="218">
        <v>0</v>
      </c>
      <c r="AD32" s="219">
        <v>0</v>
      </c>
      <c r="AE32" s="240">
        <v>0</v>
      </c>
      <c r="AF32" s="241">
        <v>0</v>
      </c>
      <c r="AG32" s="217">
        <v>0</v>
      </c>
      <c r="AH32" s="219">
        <v>0</v>
      </c>
      <c r="AI32" s="219">
        <v>0</v>
      </c>
      <c r="AJ32" s="220">
        <v>0</v>
      </c>
      <c r="AK32" s="218">
        <v>0</v>
      </c>
      <c r="AL32" s="218">
        <v>0</v>
      </c>
      <c r="AM32" s="218">
        <v>0</v>
      </c>
      <c r="AN32" s="219">
        <v>0</v>
      </c>
      <c r="AO32" s="240">
        <v>0</v>
      </c>
      <c r="AP32" s="242">
        <v>0</v>
      </c>
      <c r="AQ32" s="239"/>
    </row>
    <row r="33" spans="2:43" ht="21" customHeight="1" x14ac:dyDescent="0.2">
      <c r="B33" s="106" t="s">
        <v>31</v>
      </c>
      <c r="C33" s="217">
        <v>0</v>
      </c>
      <c r="D33" s="219">
        <v>0</v>
      </c>
      <c r="E33" s="219">
        <v>0</v>
      </c>
      <c r="F33" s="220">
        <v>0</v>
      </c>
      <c r="G33" s="218">
        <v>0</v>
      </c>
      <c r="H33" s="218">
        <v>3</v>
      </c>
      <c r="I33" s="218">
        <v>0</v>
      </c>
      <c r="J33" s="219">
        <v>1</v>
      </c>
      <c r="K33" s="240">
        <v>4</v>
      </c>
      <c r="L33" s="241">
        <v>4</v>
      </c>
      <c r="M33" s="217">
        <v>0</v>
      </c>
      <c r="N33" s="219">
        <v>0</v>
      </c>
      <c r="O33" s="240">
        <v>0</v>
      </c>
      <c r="P33" s="222">
        <v>0</v>
      </c>
      <c r="Q33" s="218">
        <v>0</v>
      </c>
      <c r="R33" s="218">
        <v>2</v>
      </c>
      <c r="S33" s="218">
        <v>1</v>
      </c>
      <c r="T33" s="219">
        <v>0</v>
      </c>
      <c r="U33" s="240">
        <v>3</v>
      </c>
      <c r="V33" s="221">
        <v>3</v>
      </c>
      <c r="W33" s="222">
        <v>0</v>
      </c>
      <c r="X33" s="219">
        <v>0</v>
      </c>
      <c r="Y33" s="219">
        <v>0</v>
      </c>
      <c r="Z33" s="220">
        <v>0</v>
      </c>
      <c r="AA33" s="218">
        <v>0</v>
      </c>
      <c r="AB33" s="218">
        <v>0</v>
      </c>
      <c r="AC33" s="218">
        <v>0</v>
      </c>
      <c r="AD33" s="219">
        <v>0</v>
      </c>
      <c r="AE33" s="240">
        <v>0</v>
      </c>
      <c r="AF33" s="241">
        <v>0</v>
      </c>
      <c r="AG33" s="217">
        <v>0</v>
      </c>
      <c r="AH33" s="219">
        <v>0</v>
      </c>
      <c r="AI33" s="219">
        <v>0</v>
      </c>
      <c r="AJ33" s="220">
        <v>0</v>
      </c>
      <c r="AK33" s="218">
        <v>0</v>
      </c>
      <c r="AL33" s="218">
        <v>0</v>
      </c>
      <c r="AM33" s="218">
        <v>0</v>
      </c>
      <c r="AN33" s="219">
        <v>0</v>
      </c>
      <c r="AO33" s="240">
        <v>0</v>
      </c>
      <c r="AP33" s="242">
        <v>0</v>
      </c>
      <c r="AQ33" s="239"/>
    </row>
    <row r="34" spans="2:43" ht="21" customHeight="1" x14ac:dyDescent="0.2">
      <c r="B34" s="106" t="s">
        <v>32</v>
      </c>
      <c r="C34" s="217">
        <v>0</v>
      </c>
      <c r="D34" s="219">
        <v>0</v>
      </c>
      <c r="E34" s="219">
        <v>0</v>
      </c>
      <c r="F34" s="220">
        <v>0</v>
      </c>
      <c r="G34" s="218">
        <v>0</v>
      </c>
      <c r="H34" s="218">
        <v>0</v>
      </c>
      <c r="I34" s="218">
        <v>2</v>
      </c>
      <c r="J34" s="219">
        <v>1</v>
      </c>
      <c r="K34" s="240">
        <v>3</v>
      </c>
      <c r="L34" s="241">
        <v>3</v>
      </c>
      <c r="M34" s="217">
        <v>0</v>
      </c>
      <c r="N34" s="219">
        <v>0</v>
      </c>
      <c r="O34" s="240">
        <v>0</v>
      </c>
      <c r="P34" s="222">
        <v>0</v>
      </c>
      <c r="Q34" s="218">
        <v>0</v>
      </c>
      <c r="R34" s="218">
        <v>0</v>
      </c>
      <c r="S34" s="218">
        <v>1</v>
      </c>
      <c r="T34" s="219">
        <v>0</v>
      </c>
      <c r="U34" s="240">
        <v>1</v>
      </c>
      <c r="V34" s="221">
        <v>1</v>
      </c>
      <c r="W34" s="222">
        <v>0</v>
      </c>
      <c r="X34" s="219">
        <v>0</v>
      </c>
      <c r="Y34" s="219">
        <v>0</v>
      </c>
      <c r="Z34" s="220">
        <v>0</v>
      </c>
      <c r="AA34" s="218">
        <v>0</v>
      </c>
      <c r="AB34" s="218">
        <v>0</v>
      </c>
      <c r="AC34" s="218">
        <v>0</v>
      </c>
      <c r="AD34" s="219">
        <v>0</v>
      </c>
      <c r="AE34" s="240">
        <v>0</v>
      </c>
      <c r="AF34" s="241">
        <v>0</v>
      </c>
      <c r="AG34" s="217">
        <v>0</v>
      </c>
      <c r="AH34" s="219">
        <v>0</v>
      </c>
      <c r="AI34" s="219">
        <v>0</v>
      </c>
      <c r="AJ34" s="220">
        <v>0</v>
      </c>
      <c r="AK34" s="218">
        <v>0</v>
      </c>
      <c r="AL34" s="218">
        <v>0</v>
      </c>
      <c r="AM34" s="218">
        <v>0</v>
      </c>
      <c r="AN34" s="219">
        <v>0</v>
      </c>
      <c r="AO34" s="240">
        <v>0</v>
      </c>
      <c r="AP34" s="242">
        <v>0</v>
      </c>
      <c r="AQ34" s="239"/>
    </row>
    <row r="35" spans="2:43" ht="21" customHeight="1" x14ac:dyDescent="0.2">
      <c r="B35" s="106" t="s">
        <v>33</v>
      </c>
      <c r="C35" s="217">
        <v>0</v>
      </c>
      <c r="D35" s="219">
        <v>0</v>
      </c>
      <c r="E35" s="219">
        <v>0</v>
      </c>
      <c r="F35" s="220">
        <v>0</v>
      </c>
      <c r="G35" s="218">
        <v>0</v>
      </c>
      <c r="H35" s="218">
        <v>0</v>
      </c>
      <c r="I35" s="218">
        <v>0</v>
      </c>
      <c r="J35" s="219">
        <v>0</v>
      </c>
      <c r="K35" s="240">
        <v>0</v>
      </c>
      <c r="L35" s="241">
        <v>0</v>
      </c>
      <c r="M35" s="217">
        <v>0</v>
      </c>
      <c r="N35" s="219">
        <v>0</v>
      </c>
      <c r="O35" s="240">
        <v>0</v>
      </c>
      <c r="P35" s="222">
        <v>0</v>
      </c>
      <c r="Q35" s="218">
        <v>0</v>
      </c>
      <c r="R35" s="218">
        <v>0</v>
      </c>
      <c r="S35" s="218">
        <v>0</v>
      </c>
      <c r="T35" s="219">
        <v>0</v>
      </c>
      <c r="U35" s="240">
        <v>0</v>
      </c>
      <c r="V35" s="221">
        <v>0</v>
      </c>
      <c r="W35" s="222">
        <v>0</v>
      </c>
      <c r="X35" s="219">
        <v>0</v>
      </c>
      <c r="Y35" s="219">
        <v>0</v>
      </c>
      <c r="Z35" s="220">
        <v>0</v>
      </c>
      <c r="AA35" s="218">
        <v>0</v>
      </c>
      <c r="AB35" s="218">
        <v>0</v>
      </c>
      <c r="AC35" s="218">
        <v>0</v>
      </c>
      <c r="AD35" s="219">
        <v>0</v>
      </c>
      <c r="AE35" s="240">
        <v>0</v>
      </c>
      <c r="AF35" s="241">
        <v>0</v>
      </c>
      <c r="AG35" s="217">
        <v>0</v>
      </c>
      <c r="AH35" s="219">
        <v>0</v>
      </c>
      <c r="AI35" s="219">
        <v>0</v>
      </c>
      <c r="AJ35" s="220">
        <v>0</v>
      </c>
      <c r="AK35" s="218">
        <v>1</v>
      </c>
      <c r="AL35" s="218">
        <v>0</v>
      </c>
      <c r="AM35" s="218">
        <v>1</v>
      </c>
      <c r="AN35" s="219">
        <v>2</v>
      </c>
      <c r="AO35" s="240">
        <v>4</v>
      </c>
      <c r="AP35" s="242">
        <v>4</v>
      </c>
      <c r="AQ35" s="239"/>
    </row>
    <row r="36" spans="2:43" ht="21" customHeight="1" x14ac:dyDescent="0.2">
      <c r="B36" s="106" t="s">
        <v>34</v>
      </c>
      <c r="C36" s="217">
        <v>0</v>
      </c>
      <c r="D36" s="219">
        <v>0</v>
      </c>
      <c r="E36" s="219">
        <v>0</v>
      </c>
      <c r="F36" s="220">
        <v>0</v>
      </c>
      <c r="G36" s="218">
        <v>0</v>
      </c>
      <c r="H36" s="218">
        <v>0</v>
      </c>
      <c r="I36" s="218">
        <v>1</v>
      </c>
      <c r="J36" s="219">
        <v>0</v>
      </c>
      <c r="K36" s="240">
        <v>1</v>
      </c>
      <c r="L36" s="241">
        <v>1</v>
      </c>
      <c r="M36" s="217">
        <v>0</v>
      </c>
      <c r="N36" s="219">
        <v>0</v>
      </c>
      <c r="O36" s="240">
        <v>0</v>
      </c>
      <c r="P36" s="222">
        <v>0</v>
      </c>
      <c r="Q36" s="218">
        <v>0</v>
      </c>
      <c r="R36" s="218">
        <v>0</v>
      </c>
      <c r="S36" s="218">
        <v>0</v>
      </c>
      <c r="T36" s="219">
        <v>0</v>
      </c>
      <c r="U36" s="240">
        <v>0</v>
      </c>
      <c r="V36" s="221">
        <v>0</v>
      </c>
      <c r="W36" s="222">
        <v>0</v>
      </c>
      <c r="X36" s="219">
        <v>0</v>
      </c>
      <c r="Y36" s="219">
        <v>0</v>
      </c>
      <c r="Z36" s="220">
        <v>0</v>
      </c>
      <c r="AA36" s="218">
        <v>0</v>
      </c>
      <c r="AB36" s="218">
        <v>0</v>
      </c>
      <c r="AC36" s="218">
        <v>0</v>
      </c>
      <c r="AD36" s="219">
        <v>0</v>
      </c>
      <c r="AE36" s="240">
        <v>0</v>
      </c>
      <c r="AF36" s="241">
        <v>0</v>
      </c>
      <c r="AG36" s="217">
        <v>0</v>
      </c>
      <c r="AH36" s="219">
        <v>0</v>
      </c>
      <c r="AI36" s="219">
        <v>0</v>
      </c>
      <c r="AJ36" s="220">
        <v>0</v>
      </c>
      <c r="AK36" s="218">
        <v>0</v>
      </c>
      <c r="AL36" s="218">
        <v>0</v>
      </c>
      <c r="AM36" s="218">
        <v>0</v>
      </c>
      <c r="AN36" s="219">
        <v>0</v>
      </c>
      <c r="AO36" s="240">
        <v>0</v>
      </c>
      <c r="AP36" s="242">
        <v>0</v>
      </c>
      <c r="AQ36" s="239"/>
    </row>
    <row r="37" spans="2:43" ht="21" customHeight="1" x14ac:dyDescent="0.2">
      <c r="B37" s="106" t="s">
        <v>35</v>
      </c>
      <c r="C37" s="217">
        <v>0</v>
      </c>
      <c r="D37" s="219">
        <v>0</v>
      </c>
      <c r="E37" s="219">
        <v>0</v>
      </c>
      <c r="F37" s="220">
        <v>0</v>
      </c>
      <c r="G37" s="218">
        <v>0</v>
      </c>
      <c r="H37" s="218">
        <v>0</v>
      </c>
      <c r="I37" s="218">
        <v>1</v>
      </c>
      <c r="J37" s="219">
        <v>0</v>
      </c>
      <c r="K37" s="240">
        <v>1</v>
      </c>
      <c r="L37" s="241">
        <v>1</v>
      </c>
      <c r="M37" s="217">
        <v>0</v>
      </c>
      <c r="N37" s="219">
        <v>0</v>
      </c>
      <c r="O37" s="240">
        <v>0</v>
      </c>
      <c r="P37" s="222">
        <v>1</v>
      </c>
      <c r="Q37" s="218">
        <v>0</v>
      </c>
      <c r="R37" s="218">
        <v>0</v>
      </c>
      <c r="S37" s="218">
        <v>0</v>
      </c>
      <c r="T37" s="219">
        <v>0</v>
      </c>
      <c r="U37" s="240">
        <v>1</v>
      </c>
      <c r="V37" s="221">
        <v>1</v>
      </c>
      <c r="W37" s="222">
        <v>0</v>
      </c>
      <c r="X37" s="219">
        <v>0</v>
      </c>
      <c r="Y37" s="219">
        <v>0</v>
      </c>
      <c r="Z37" s="220">
        <v>0</v>
      </c>
      <c r="AA37" s="218">
        <v>0</v>
      </c>
      <c r="AB37" s="218">
        <v>0</v>
      </c>
      <c r="AC37" s="218">
        <v>0</v>
      </c>
      <c r="AD37" s="219">
        <v>0</v>
      </c>
      <c r="AE37" s="240">
        <v>0</v>
      </c>
      <c r="AF37" s="241">
        <v>0</v>
      </c>
      <c r="AG37" s="217">
        <v>0</v>
      </c>
      <c r="AH37" s="219">
        <v>0</v>
      </c>
      <c r="AI37" s="219">
        <v>0</v>
      </c>
      <c r="AJ37" s="220">
        <v>0</v>
      </c>
      <c r="AK37" s="218">
        <v>0</v>
      </c>
      <c r="AL37" s="218">
        <v>0</v>
      </c>
      <c r="AM37" s="218">
        <v>0</v>
      </c>
      <c r="AN37" s="219">
        <v>0</v>
      </c>
      <c r="AO37" s="240">
        <v>0</v>
      </c>
      <c r="AP37" s="242">
        <v>0</v>
      </c>
      <c r="AQ37" s="239"/>
    </row>
    <row r="38" spans="2:43" ht="21" customHeight="1" x14ac:dyDescent="0.2">
      <c r="B38" s="106" t="s">
        <v>36</v>
      </c>
      <c r="C38" s="217">
        <v>0</v>
      </c>
      <c r="D38" s="219">
        <v>0</v>
      </c>
      <c r="E38" s="219">
        <v>0</v>
      </c>
      <c r="F38" s="220">
        <v>0</v>
      </c>
      <c r="G38" s="218">
        <v>0</v>
      </c>
      <c r="H38" s="218">
        <v>1</v>
      </c>
      <c r="I38" s="218">
        <v>0</v>
      </c>
      <c r="J38" s="219">
        <v>1</v>
      </c>
      <c r="K38" s="240">
        <v>2</v>
      </c>
      <c r="L38" s="241">
        <v>2</v>
      </c>
      <c r="M38" s="217">
        <v>0</v>
      </c>
      <c r="N38" s="219">
        <v>0</v>
      </c>
      <c r="O38" s="240">
        <v>0</v>
      </c>
      <c r="P38" s="222">
        <v>0</v>
      </c>
      <c r="Q38" s="218">
        <v>0</v>
      </c>
      <c r="R38" s="218">
        <v>0</v>
      </c>
      <c r="S38" s="218">
        <v>0</v>
      </c>
      <c r="T38" s="219">
        <v>0</v>
      </c>
      <c r="U38" s="240">
        <v>0</v>
      </c>
      <c r="V38" s="221">
        <v>0</v>
      </c>
      <c r="W38" s="222">
        <v>0</v>
      </c>
      <c r="X38" s="219">
        <v>0</v>
      </c>
      <c r="Y38" s="219">
        <v>0</v>
      </c>
      <c r="Z38" s="220">
        <v>0</v>
      </c>
      <c r="AA38" s="218">
        <v>0</v>
      </c>
      <c r="AB38" s="218">
        <v>0</v>
      </c>
      <c r="AC38" s="218">
        <v>0</v>
      </c>
      <c r="AD38" s="219">
        <v>0</v>
      </c>
      <c r="AE38" s="240">
        <v>0</v>
      </c>
      <c r="AF38" s="241">
        <v>0</v>
      </c>
      <c r="AG38" s="217">
        <v>0</v>
      </c>
      <c r="AH38" s="219">
        <v>0</v>
      </c>
      <c r="AI38" s="219">
        <v>0</v>
      </c>
      <c r="AJ38" s="220">
        <v>0</v>
      </c>
      <c r="AK38" s="218">
        <v>0</v>
      </c>
      <c r="AL38" s="218">
        <v>0</v>
      </c>
      <c r="AM38" s="218">
        <v>0</v>
      </c>
      <c r="AN38" s="219">
        <v>0</v>
      </c>
      <c r="AO38" s="240">
        <v>0</v>
      </c>
      <c r="AP38" s="242">
        <v>0</v>
      </c>
      <c r="AQ38" s="239"/>
    </row>
    <row r="39" spans="2:43" ht="21" customHeight="1" thickBot="1" x14ac:dyDescent="0.25">
      <c r="B39" s="108" t="s">
        <v>37</v>
      </c>
      <c r="C39" s="223">
        <v>0</v>
      </c>
      <c r="D39" s="225">
        <v>0</v>
      </c>
      <c r="E39" s="225">
        <v>0</v>
      </c>
      <c r="F39" s="226">
        <v>0</v>
      </c>
      <c r="G39" s="224">
        <v>0</v>
      </c>
      <c r="H39" s="224">
        <v>0</v>
      </c>
      <c r="I39" s="224">
        <v>0</v>
      </c>
      <c r="J39" s="225">
        <v>0</v>
      </c>
      <c r="K39" s="243">
        <v>0</v>
      </c>
      <c r="L39" s="244">
        <v>0</v>
      </c>
      <c r="M39" s="223">
        <v>0</v>
      </c>
      <c r="N39" s="225">
        <v>0</v>
      </c>
      <c r="O39" s="243">
        <v>0</v>
      </c>
      <c r="P39" s="228">
        <v>0</v>
      </c>
      <c r="Q39" s="224">
        <v>0</v>
      </c>
      <c r="R39" s="224">
        <v>0</v>
      </c>
      <c r="S39" s="224">
        <v>0</v>
      </c>
      <c r="T39" s="225">
        <v>0</v>
      </c>
      <c r="U39" s="243">
        <v>0</v>
      </c>
      <c r="V39" s="227">
        <v>0</v>
      </c>
      <c r="W39" s="228">
        <v>0</v>
      </c>
      <c r="X39" s="225">
        <v>0</v>
      </c>
      <c r="Y39" s="225">
        <v>0</v>
      </c>
      <c r="Z39" s="226">
        <v>0</v>
      </c>
      <c r="AA39" s="224">
        <v>0</v>
      </c>
      <c r="AB39" s="224">
        <v>0</v>
      </c>
      <c r="AC39" s="224">
        <v>0</v>
      </c>
      <c r="AD39" s="225">
        <v>0</v>
      </c>
      <c r="AE39" s="243">
        <v>0</v>
      </c>
      <c r="AF39" s="244">
        <v>0</v>
      </c>
      <c r="AG39" s="223">
        <v>0</v>
      </c>
      <c r="AH39" s="225">
        <v>0</v>
      </c>
      <c r="AI39" s="225">
        <v>0</v>
      </c>
      <c r="AJ39" s="226">
        <v>0</v>
      </c>
      <c r="AK39" s="224">
        <v>0</v>
      </c>
      <c r="AL39" s="224">
        <v>0</v>
      </c>
      <c r="AM39" s="224">
        <v>0</v>
      </c>
      <c r="AN39" s="225">
        <v>0</v>
      </c>
      <c r="AO39" s="243">
        <v>0</v>
      </c>
      <c r="AP39" s="245">
        <v>0</v>
      </c>
      <c r="AQ39" s="239"/>
    </row>
    <row r="40" spans="2:43" x14ac:dyDescent="0.2">
      <c r="C40" s="246"/>
      <c r="D40" s="246"/>
      <c r="E40" s="246"/>
      <c r="F40" s="246"/>
      <c r="G40" s="246"/>
      <c r="H40" s="246"/>
      <c r="I40" s="246"/>
      <c r="J40" s="246"/>
      <c r="K40" s="246"/>
      <c r="L40" s="246"/>
      <c r="M40" s="239"/>
      <c r="N40" s="239"/>
      <c r="O40" s="239"/>
      <c r="P40" s="239"/>
      <c r="Q40" s="239"/>
      <c r="R40" s="239"/>
      <c r="S40" s="239"/>
      <c r="T40" s="239"/>
      <c r="U40" s="239"/>
      <c r="V40" s="239"/>
      <c r="W40" s="239"/>
      <c r="X40" s="239"/>
      <c r="Y40" s="239"/>
      <c r="Z40" s="239"/>
      <c r="AA40" s="239"/>
      <c r="AB40" s="239"/>
      <c r="AC40" s="239"/>
      <c r="AD40" s="239"/>
      <c r="AE40" s="239"/>
      <c r="AF40" s="239"/>
      <c r="AG40" s="239"/>
      <c r="AH40" s="239"/>
      <c r="AI40" s="239"/>
      <c r="AJ40" s="239"/>
      <c r="AK40" s="239"/>
      <c r="AL40" s="239"/>
      <c r="AM40" s="239"/>
      <c r="AN40" s="239"/>
      <c r="AO40" s="239"/>
      <c r="AP40" s="239"/>
      <c r="AQ40" s="239"/>
    </row>
    <row r="41" spans="2:43" x14ac:dyDescent="0.2">
      <c r="C41" s="246"/>
      <c r="D41" s="246"/>
      <c r="E41" s="246"/>
      <c r="F41" s="246"/>
      <c r="G41" s="246"/>
      <c r="H41" s="246"/>
      <c r="I41" s="246"/>
      <c r="J41" s="246"/>
      <c r="K41" s="246"/>
      <c r="L41" s="246"/>
      <c r="M41" s="239"/>
      <c r="N41" s="239"/>
      <c r="O41" s="239"/>
      <c r="P41" s="239"/>
      <c r="Q41" s="239"/>
      <c r="R41" s="239"/>
      <c r="S41" s="239"/>
      <c r="T41" s="239"/>
      <c r="U41" s="239"/>
      <c r="V41" s="239"/>
      <c r="W41" s="239"/>
      <c r="X41" s="239"/>
      <c r="Y41" s="239"/>
      <c r="Z41" s="239"/>
      <c r="AA41" s="239"/>
      <c r="AB41" s="239"/>
      <c r="AC41" s="239"/>
      <c r="AD41" s="239"/>
      <c r="AE41" s="239"/>
      <c r="AF41" s="239"/>
      <c r="AG41" s="239"/>
      <c r="AH41" s="239"/>
      <c r="AI41" s="239"/>
      <c r="AJ41" s="239"/>
      <c r="AK41" s="239"/>
      <c r="AL41" s="239"/>
      <c r="AM41" s="239"/>
      <c r="AN41" s="239"/>
      <c r="AO41" s="239"/>
      <c r="AP41" s="239"/>
      <c r="AQ41" s="239"/>
    </row>
    <row r="42" spans="2:43" x14ac:dyDescent="0.2">
      <c r="C42" s="246"/>
      <c r="D42" s="246"/>
      <c r="E42" s="246"/>
      <c r="F42" s="246"/>
      <c r="G42" s="246"/>
      <c r="H42" s="246"/>
      <c r="I42" s="246"/>
      <c r="J42" s="246"/>
      <c r="K42" s="246"/>
      <c r="L42" s="246"/>
      <c r="M42" s="239"/>
      <c r="N42" s="239"/>
      <c r="O42" s="239"/>
      <c r="P42" s="239"/>
      <c r="Q42" s="239"/>
      <c r="R42" s="239"/>
      <c r="S42" s="239"/>
      <c r="T42" s="239"/>
      <c r="U42" s="239"/>
      <c r="V42" s="239"/>
      <c r="W42" s="239"/>
      <c r="X42" s="239"/>
      <c r="Y42" s="239"/>
      <c r="Z42" s="239"/>
      <c r="AA42" s="239"/>
      <c r="AB42" s="239"/>
      <c r="AC42" s="239"/>
      <c r="AD42" s="239"/>
      <c r="AE42" s="239"/>
      <c r="AF42" s="239"/>
      <c r="AG42" s="239"/>
      <c r="AH42" s="239"/>
      <c r="AI42" s="239"/>
      <c r="AJ42" s="239"/>
      <c r="AK42" s="239"/>
      <c r="AL42" s="239"/>
      <c r="AM42" s="239"/>
      <c r="AN42" s="239"/>
      <c r="AO42" s="239"/>
      <c r="AP42" s="239"/>
      <c r="AQ42" s="239"/>
    </row>
    <row r="43" spans="2:43" x14ac:dyDescent="0.2">
      <c r="C43" s="246"/>
      <c r="D43" s="246"/>
      <c r="E43" s="246"/>
      <c r="F43" s="246"/>
      <c r="G43" s="246"/>
      <c r="H43" s="246"/>
      <c r="I43" s="246"/>
      <c r="J43" s="246"/>
      <c r="K43" s="246"/>
      <c r="L43" s="246"/>
      <c r="M43" s="239"/>
      <c r="N43" s="239"/>
      <c r="O43" s="239"/>
      <c r="P43" s="239"/>
      <c r="Q43" s="239"/>
      <c r="R43" s="239"/>
      <c r="S43" s="239"/>
      <c r="T43" s="239"/>
      <c r="U43" s="239"/>
      <c r="V43" s="239"/>
      <c r="W43" s="239"/>
      <c r="X43" s="239"/>
      <c r="Y43" s="239"/>
      <c r="Z43" s="239"/>
      <c r="AA43" s="239"/>
      <c r="AB43" s="239"/>
      <c r="AC43" s="239"/>
      <c r="AD43" s="239"/>
      <c r="AE43" s="239"/>
      <c r="AF43" s="239"/>
      <c r="AG43" s="239"/>
      <c r="AH43" s="239"/>
      <c r="AI43" s="239"/>
      <c r="AJ43" s="239"/>
      <c r="AK43" s="239"/>
      <c r="AL43" s="239"/>
      <c r="AM43" s="239"/>
      <c r="AN43" s="239"/>
      <c r="AO43" s="239"/>
      <c r="AP43" s="239"/>
      <c r="AQ43" s="239"/>
    </row>
    <row r="44" spans="2:43" x14ac:dyDescent="0.2">
      <c r="C44" s="246"/>
      <c r="D44" s="246"/>
      <c r="E44" s="246"/>
      <c r="F44" s="246"/>
      <c r="G44" s="246"/>
      <c r="H44" s="246"/>
      <c r="I44" s="246"/>
      <c r="J44" s="246"/>
      <c r="K44" s="246"/>
      <c r="L44" s="246"/>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AP44" s="239"/>
      <c r="AQ44" s="239"/>
    </row>
    <row r="45" spans="2:43" x14ac:dyDescent="0.2">
      <c r="C45" s="70"/>
      <c r="D45" s="70"/>
      <c r="E45" s="70"/>
      <c r="F45" s="70"/>
      <c r="G45" s="70"/>
      <c r="H45" s="70"/>
      <c r="I45" s="70"/>
      <c r="J45" s="70"/>
      <c r="K45" s="70"/>
      <c r="L45" s="70"/>
    </row>
    <row r="46" spans="2:43" x14ac:dyDescent="0.2">
      <c r="C46" s="70"/>
      <c r="D46" s="70"/>
      <c r="E46" s="70"/>
      <c r="F46" s="70"/>
      <c r="G46" s="70"/>
      <c r="H46" s="70"/>
      <c r="I46" s="70"/>
      <c r="J46" s="70"/>
      <c r="K46" s="70"/>
      <c r="L46" s="70"/>
    </row>
    <row r="47" spans="2:43" x14ac:dyDescent="0.2">
      <c r="C47" s="70"/>
      <c r="D47" s="70"/>
      <c r="E47" s="70"/>
      <c r="F47" s="70"/>
      <c r="G47" s="70"/>
      <c r="H47" s="70"/>
      <c r="I47" s="70"/>
      <c r="J47" s="70"/>
      <c r="K47" s="70"/>
      <c r="L47" s="70"/>
    </row>
    <row r="48" spans="2:43" x14ac:dyDescent="0.2">
      <c r="C48" s="70"/>
      <c r="D48" s="70"/>
      <c r="E48" s="70"/>
      <c r="F48" s="70"/>
      <c r="G48" s="70"/>
      <c r="H48" s="70"/>
      <c r="I48" s="70"/>
      <c r="J48" s="70"/>
      <c r="K48" s="70"/>
      <c r="L48" s="70"/>
    </row>
    <row r="49" spans="3:12" x14ac:dyDescent="0.2">
      <c r="C49" s="70"/>
      <c r="D49" s="70"/>
      <c r="E49" s="70"/>
      <c r="F49" s="70"/>
      <c r="G49" s="70"/>
      <c r="H49" s="70"/>
      <c r="I49" s="70"/>
      <c r="J49" s="70"/>
      <c r="K49" s="70"/>
      <c r="L49" s="70"/>
    </row>
    <row r="50" spans="3:12" x14ac:dyDescent="0.2">
      <c r="C50" s="70"/>
      <c r="D50" s="70"/>
      <c r="E50" s="70"/>
      <c r="F50" s="70"/>
      <c r="G50" s="70"/>
      <c r="H50" s="70"/>
      <c r="I50" s="70"/>
      <c r="J50" s="70"/>
      <c r="K50" s="70"/>
      <c r="L50" s="70"/>
    </row>
    <row r="51" spans="3:12" x14ac:dyDescent="0.2">
      <c r="C51" s="70"/>
      <c r="D51" s="70"/>
      <c r="E51" s="70"/>
      <c r="F51" s="70"/>
      <c r="G51" s="70"/>
      <c r="H51" s="70"/>
      <c r="I51" s="70"/>
      <c r="J51" s="70"/>
      <c r="K51" s="70"/>
      <c r="L51" s="70"/>
    </row>
    <row r="52" spans="3:12" x14ac:dyDescent="0.2">
      <c r="C52" s="70"/>
      <c r="D52" s="70"/>
      <c r="E52" s="70"/>
      <c r="F52" s="70"/>
      <c r="G52" s="70"/>
      <c r="H52" s="70"/>
      <c r="I52" s="70"/>
      <c r="J52" s="70"/>
      <c r="K52" s="70"/>
      <c r="L52" s="70"/>
    </row>
    <row r="53" spans="3:12" x14ac:dyDescent="0.2">
      <c r="C53" s="70"/>
      <c r="D53" s="70"/>
      <c r="E53" s="70"/>
      <c r="F53" s="70"/>
      <c r="G53" s="70"/>
      <c r="H53" s="70"/>
      <c r="I53" s="70"/>
      <c r="J53" s="70"/>
      <c r="K53" s="70"/>
      <c r="L53" s="70"/>
    </row>
    <row r="54" spans="3:12" x14ac:dyDescent="0.2">
      <c r="C54" s="70"/>
      <c r="D54" s="70"/>
      <c r="E54" s="70"/>
      <c r="F54" s="70"/>
      <c r="G54" s="70"/>
      <c r="H54" s="70"/>
      <c r="I54" s="70"/>
      <c r="J54" s="70"/>
      <c r="K54" s="70"/>
      <c r="L54" s="70"/>
    </row>
    <row r="55" spans="3:12" x14ac:dyDescent="0.2">
      <c r="C55" s="70"/>
      <c r="D55" s="70"/>
      <c r="E55" s="70"/>
      <c r="F55" s="70"/>
      <c r="G55" s="70"/>
      <c r="H55" s="70"/>
      <c r="I55" s="70"/>
      <c r="J55" s="70"/>
      <c r="K55" s="70"/>
      <c r="L55" s="70"/>
    </row>
    <row r="56" spans="3:12" x14ac:dyDescent="0.2">
      <c r="C56" s="70"/>
      <c r="D56" s="70"/>
      <c r="E56" s="70"/>
      <c r="F56" s="70"/>
      <c r="G56" s="70"/>
      <c r="H56" s="70"/>
      <c r="I56" s="70"/>
      <c r="J56" s="70"/>
      <c r="K56" s="70"/>
      <c r="L56" s="70"/>
    </row>
    <row r="57" spans="3:12" x14ac:dyDescent="0.2">
      <c r="C57" s="70"/>
      <c r="D57" s="70"/>
      <c r="E57" s="70"/>
      <c r="F57" s="70"/>
      <c r="G57" s="70"/>
      <c r="H57" s="70"/>
      <c r="I57" s="70"/>
      <c r="J57" s="70"/>
      <c r="K57" s="70"/>
      <c r="L57" s="70"/>
    </row>
    <row r="58" spans="3:12" x14ac:dyDescent="0.2">
      <c r="C58" s="70"/>
      <c r="D58" s="70"/>
      <c r="E58" s="70"/>
      <c r="F58" s="70"/>
      <c r="G58" s="70"/>
      <c r="H58" s="70"/>
      <c r="I58" s="70"/>
      <c r="J58" s="70"/>
      <c r="K58" s="70"/>
      <c r="L58" s="70"/>
    </row>
    <row r="59" spans="3:12" x14ac:dyDescent="0.2">
      <c r="C59" s="70"/>
      <c r="D59" s="70"/>
      <c r="E59" s="70"/>
      <c r="F59" s="70"/>
      <c r="G59" s="70"/>
      <c r="H59" s="70"/>
      <c r="I59" s="70"/>
      <c r="J59" s="70"/>
      <c r="K59" s="70"/>
      <c r="L59" s="70"/>
    </row>
    <row r="60" spans="3:12" x14ac:dyDescent="0.2">
      <c r="C60" s="70"/>
      <c r="D60" s="70"/>
      <c r="E60" s="70"/>
      <c r="F60" s="70"/>
      <c r="G60" s="70"/>
      <c r="H60" s="70"/>
      <c r="I60" s="70"/>
      <c r="J60" s="70"/>
      <c r="K60" s="70"/>
      <c r="L60" s="70"/>
    </row>
    <row r="61" spans="3:12" x14ac:dyDescent="0.2">
      <c r="C61" s="70"/>
      <c r="D61" s="70"/>
      <c r="E61" s="70"/>
      <c r="F61" s="70"/>
      <c r="G61" s="70"/>
      <c r="H61" s="70"/>
      <c r="I61" s="70"/>
      <c r="J61" s="70"/>
      <c r="K61" s="70"/>
      <c r="L61" s="70"/>
    </row>
    <row r="62" spans="3:12" x14ac:dyDescent="0.2">
      <c r="C62" s="70"/>
      <c r="D62" s="70"/>
      <c r="E62" s="70"/>
      <c r="F62" s="70"/>
      <c r="G62" s="70"/>
      <c r="H62" s="70"/>
      <c r="I62" s="70"/>
      <c r="J62" s="70"/>
      <c r="K62" s="70"/>
      <c r="L62" s="70"/>
    </row>
    <row r="63" spans="3:12" x14ac:dyDescent="0.2">
      <c r="C63" s="70"/>
      <c r="D63" s="70"/>
      <c r="E63" s="70"/>
      <c r="F63" s="70"/>
      <c r="G63" s="70"/>
      <c r="H63" s="70"/>
      <c r="I63" s="70"/>
      <c r="J63" s="70"/>
      <c r="K63" s="70"/>
      <c r="L63" s="70"/>
    </row>
    <row r="64" spans="3:12" x14ac:dyDescent="0.2">
      <c r="C64" s="70"/>
      <c r="D64" s="70"/>
      <c r="E64" s="70"/>
      <c r="F64" s="70"/>
      <c r="G64" s="70"/>
      <c r="H64" s="70"/>
      <c r="I64" s="70"/>
      <c r="J64" s="70"/>
      <c r="K64" s="70"/>
      <c r="L64" s="70"/>
    </row>
    <row r="65" spans="3:12" x14ac:dyDescent="0.2">
      <c r="C65" s="70"/>
      <c r="D65" s="70"/>
      <c r="E65" s="70"/>
      <c r="F65" s="70"/>
      <c r="G65" s="70"/>
      <c r="H65" s="70"/>
      <c r="I65" s="70"/>
      <c r="J65" s="70"/>
      <c r="K65" s="70"/>
      <c r="L65" s="70"/>
    </row>
    <row r="66" spans="3:12" x14ac:dyDescent="0.2">
      <c r="C66" s="70"/>
      <c r="D66" s="70"/>
      <c r="E66" s="70"/>
      <c r="F66" s="70"/>
      <c r="G66" s="70"/>
      <c r="H66" s="70"/>
      <c r="I66" s="70"/>
      <c r="J66" s="70"/>
      <c r="K66" s="70"/>
      <c r="L66" s="70"/>
    </row>
    <row r="67" spans="3:12" x14ac:dyDescent="0.2">
      <c r="C67" s="70"/>
      <c r="D67" s="70"/>
      <c r="E67" s="70"/>
      <c r="F67" s="70"/>
      <c r="G67" s="70"/>
      <c r="H67" s="70"/>
      <c r="I67" s="70"/>
      <c r="J67" s="70"/>
      <c r="K67" s="70"/>
      <c r="L67" s="70"/>
    </row>
    <row r="68" spans="3:12" x14ac:dyDescent="0.2">
      <c r="C68" s="70"/>
      <c r="D68" s="70"/>
      <c r="E68" s="70"/>
      <c r="F68" s="70"/>
      <c r="G68" s="70"/>
      <c r="H68" s="70"/>
      <c r="I68" s="70"/>
      <c r="J68" s="70"/>
      <c r="K68" s="70"/>
      <c r="L68" s="70"/>
    </row>
    <row r="69" spans="3:12" x14ac:dyDescent="0.2">
      <c r="C69" s="70"/>
      <c r="D69" s="70"/>
      <c r="E69" s="70"/>
      <c r="F69" s="70"/>
      <c r="G69" s="70"/>
      <c r="H69" s="70"/>
      <c r="I69" s="70"/>
      <c r="J69" s="70"/>
      <c r="K69" s="70"/>
      <c r="L69" s="70"/>
    </row>
    <row r="70" spans="3:12" x14ac:dyDescent="0.2">
      <c r="C70" s="70"/>
      <c r="D70" s="70"/>
      <c r="E70" s="70"/>
      <c r="F70" s="70"/>
      <c r="G70" s="70"/>
      <c r="H70" s="70"/>
      <c r="I70" s="70"/>
      <c r="J70" s="70"/>
      <c r="K70" s="70"/>
      <c r="L70" s="70"/>
    </row>
    <row r="71" spans="3:12" x14ac:dyDescent="0.2">
      <c r="C71" s="70"/>
      <c r="D71" s="70"/>
      <c r="E71" s="70"/>
      <c r="F71" s="70"/>
      <c r="G71" s="70"/>
      <c r="H71" s="70"/>
      <c r="I71" s="70"/>
      <c r="J71" s="70"/>
      <c r="K71" s="70"/>
      <c r="L71" s="70"/>
    </row>
    <row r="72" spans="3:12" x14ac:dyDescent="0.2">
      <c r="C72" s="70"/>
      <c r="D72" s="70"/>
      <c r="E72" s="70"/>
      <c r="F72" s="70"/>
      <c r="G72" s="70"/>
      <c r="H72" s="70"/>
      <c r="I72" s="70"/>
      <c r="J72" s="70"/>
      <c r="K72" s="70"/>
      <c r="L72" s="70"/>
    </row>
    <row r="73" spans="3:12" x14ac:dyDescent="0.2">
      <c r="C73" s="70"/>
      <c r="D73" s="70"/>
      <c r="E73" s="70"/>
      <c r="F73" s="70"/>
      <c r="G73" s="70"/>
      <c r="H73" s="70"/>
      <c r="I73" s="70"/>
      <c r="J73" s="70"/>
      <c r="K73" s="70"/>
      <c r="L73" s="70"/>
    </row>
    <row r="74" spans="3:12" x14ac:dyDescent="0.2">
      <c r="C74" s="70"/>
      <c r="D74" s="70"/>
      <c r="E74" s="70"/>
      <c r="F74" s="70"/>
      <c r="G74" s="70"/>
      <c r="H74" s="70"/>
      <c r="I74" s="70"/>
      <c r="J74" s="70"/>
      <c r="K74" s="70"/>
      <c r="L74" s="70"/>
    </row>
    <row r="75" spans="3:12" x14ac:dyDescent="0.2">
      <c r="C75" s="70"/>
      <c r="D75" s="70"/>
      <c r="E75" s="70"/>
      <c r="F75" s="70"/>
      <c r="G75" s="70"/>
      <c r="H75" s="70"/>
      <c r="I75" s="70"/>
      <c r="J75" s="70"/>
      <c r="K75" s="70"/>
      <c r="L75" s="70"/>
    </row>
    <row r="76" spans="3:12" x14ac:dyDescent="0.2">
      <c r="C76" s="70"/>
      <c r="D76" s="70"/>
      <c r="E76" s="70"/>
      <c r="F76" s="70"/>
      <c r="G76" s="70"/>
      <c r="H76" s="70"/>
      <c r="I76" s="70"/>
      <c r="J76" s="70"/>
      <c r="K76" s="70"/>
      <c r="L76" s="70"/>
    </row>
    <row r="77" spans="3:12" x14ac:dyDescent="0.2">
      <c r="C77" s="70"/>
      <c r="D77" s="70"/>
      <c r="E77" s="70"/>
      <c r="F77" s="70"/>
      <c r="G77" s="70"/>
      <c r="H77" s="70"/>
      <c r="I77" s="70"/>
      <c r="J77" s="70"/>
      <c r="K77" s="70"/>
      <c r="L77" s="70"/>
    </row>
    <row r="78" spans="3:12" x14ac:dyDescent="0.2">
      <c r="C78" s="70"/>
      <c r="D78" s="70"/>
      <c r="E78" s="70"/>
      <c r="F78" s="70"/>
      <c r="G78" s="70"/>
      <c r="H78" s="70"/>
      <c r="I78" s="70"/>
      <c r="J78" s="70"/>
      <c r="K78" s="70"/>
      <c r="L78" s="70"/>
    </row>
    <row r="79" spans="3:12" x14ac:dyDescent="0.2">
      <c r="C79" s="70"/>
      <c r="D79" s="70"/>
      <c r="E79" s="70"/>
      <c r="F79" s="70"/>
      <c r="G79" s="70"/>
      <c r="H79" s="70"/>
      <c r="I79" s="70"/>
      <c r="J79" s="70"/>
      <c r="K79" s="70"/>
      <c r="L79" s="70"/>
    </row>
    <row r="80" spans="3:12" x14ac:dyDescent="0.2">
      <c r="C80" s="70"/>
      <c r="D80" s="70"/>
      <c r="E80" s="70"/>
      <c r="F80" s="70"/>
      <c r="G80" s="70"/>
      <c r="H80" s="70"/>
      <c r="I80" s="70"/>
      <c r="J80" s="70"/>
      <c r="K80" s="70"/>
      <c r="L80" s="70"/>
    </row>
    <row r="81" spans="3:12" x14ac:dyDescent="0.2">
      <c r="C81" s="70"/>
      <c r="D81" s="70"/>
      <c r="E81" s="70"/>
      <c r="F81" s="70"/>
      <c r="G81" s="70"/>
      <c r="H81" s="70"/>
      <c r="I81" s="70"/>
      <c r="J81" s="70"/>
      <c r="K81" s="70"/>
      <c r="L81" s="70"/>
    </row>
    <row r="82" spans="3:12" x14ac:dyDescent="0.2">
      <c r="C82" s="70"/>
      <c r="D82" s="70"/>
      <c r="E82" s="70"/>
      <c r="F82" s="70"/>
      <c r="G82" s="70"/>
      <c r="H82" s="70"/>
      <c r="I82" s="70"/>
      <c r="J82" s="70"/>
      <c r="K82" s="70"/>
      <c r="L82" s="70"/>
    </row>
    <row r="83" spans="3:12" x14ac:dyDescent="0.2">
      <c r="C83" s="70"/>
      <c r="D83" s="70"/>
      <c r="E83" s="70"/>
      <c r="F83" s="70"/>
      <c r="G83" s="70"/>
      <c r="H83" s="70"/>
      <c r="I83" s="70"/>
      <c r="J83" s="70"/>
      <c r="K83" s="70"/>
      <c r="L83" s="70"/>
    </row>
    <row r="84" spans="3:12" x14ac:dyDescent="0.2">
      <c r="C84" s="70"/>
      <c r="D84" s="70"/>
      <c r="E84" s="70"/>
      <c r="F84" s="70"/>
      <c r="G84" s="70"/>
      <c r="H84" s="70"/>
      <c r="I84" s="70"/>
      <c r="J84" s="70"/>
      <c r="K84" s="70"/>
      <c r="L84" s="70"/>
    </row>
    <row r="85" spans="3:12" x14ac:dyDescent="0.2">
      <c r="C85" s="70"/>
      <c r="D85" s="70"/>
      <c r="E85" s="70"/>
      <c r="F85" s="70"/>
      <c r="G85" s="70"/>
      <c r="H85" s="70"/>
      <c r="I85" s="70"/>
      <c r="J85" s="70"/>
      <c r="K85" s="70"/>
      <c r="L85" s="70"/>
    </row>
    <row r="86" spans="3:12" x14ac:dyDescent="0.2">
      <c r="C86" s="70"/>
      <c r="D86" s="70"/>
      <c r="E86" s="70"/>
      <c r="F86" s="70"/>
      <c r="G86" s="70"/>
      <c r="H86" s="70"/>
      <c r="I86" s="70"/>
      <c r="J86" s="70"/>
      <c r="K86" s="70"/>
      <c r="L86" s="70"/>
    </row>
    <row r="87" spans="3:12" x14ac:dyDescent="0.2">
      <c r="C87" s="70"/>
      <c r="D87" s="70"/>
      <c r="E87" s="70"/>
      <c r="F87" s="70"/>
      <c r="G87" s="70"/>
      <c r="H87" s="70"/>
      <c r="I87" s="70"/>
      <c r="J87" s="70"/>
      <c r="K87" s="70"/>
      <c r="L87" s="70"/>
    </row>
    <row r="88" spans="3:12" x14ac:dyDescent="0.2">
      <c r="C88" s="70"/>
      <c r="D88" s="70"/>
      <c r="E88" s="70"/>
      <c r="F88" s="70"/>
      <c r="G88" s="70"/>
      <c r="H88" s="70"/>
      <c r="I88" s="70"/>
      <c r="J88" s="70"/>
      <c r="K88" s="70"/>
      <c r="L88" s="70"/>
    </row>
    <row r="89" spans="3:12" x14ac:dyDescent="0.2">
      <c r="C89" s="70"/>
      <c r="D89" s="70"/>
      <c r="E89" s="70"/>
      <c r="F89" s="70"/>
      <c r="G89" s="70"/>
      <c r="H89" s="70"/>
      <c r="I89" s="70"/>
      <c r="J89" s="70"/>
      <c r="K89" s="70"/>
      <c r="L89" s="70"/>
    </row>
    <row r="90" spans="3:12" x14ac:dyDescent="0.2">
      <c r="C90" s="70"/>
      <c r="D90" s="70"/>
      <c r="E90" s="70"/>
      <c r="F90" s="70"/>
      <c r="G90" s="70"/>
      <c r="H90" s="70"/>
      <c r="I90" s="70"/>
      <c r="J90" s="70"/>
      <c r="K90" s="70"/>
      <c r="L90" s="70"/>
    </row>
    <row r="91" spans="3:12" x14ac:dyDescent="0.2">
      <c r="C91" s="70"/>
      <c r="D91" s="70"/>
      <c r="E91" s="70"/>
      <c r="F91" s="70"/>
      <c r="G91" s="70"/>
      <c r="H91" s="70"/>
      <c r="I91" s="70"/>
      <c r="J91" s="70"/>
      <c r="K91" s="70"/>
      <c r="L91" s="70"/>
    </row>
    <row r="92" spans="3:12" x14ac:dyDescent="0.2">
      <c r="C92" s="70"/>
      <c r="D92" s="70"/>
      <c r="E92" s="70"/>
      <c r="F92" s="70"/>
      <c r="G92" s="70"/>
      <c r="H92" s="70"/>
      <c r="I92" s="70"/>
      <c r="J92" s="70"/>
      <c r="K92" s="70"/>
      <c r="L92" s="70"/>
    </row>
    <row r="93" spans="3:12" x14ac:dyDescent="0.2">
      <c r="C93" s="70"/>
      <c r="D93" s="70"/>
      <c r="E93" s="70"/>
      <c r="F93" s="70"/>
      <c r="G93" s="70"/>
      <c r="H93" s="70"/>
      <c r="I93" s="70"/>
      <c r="J93" s="70"/>
      <c r="K93" s="70"/>
      <c r="L93" s="70"/>
    </row>
    <row r="94" spans="3:12" x14ac:dyDescent="0.2">
      <c r="C94" s="70"/>
      <c r="D94" s="70"/>
      <c r="E94" s="70"/>
      <c r="F94" s="70"/>
      <c r="G94" s="70"/>
      <c r="H94" s="70"/>
      <c r="I94" s="70"/>
      <c r="J94" s="70"/>
      <c r="K94" s="70"/>
      <c r="L94" s="70"/>
    </row>
    <row r="95" spans="3:12" x14ac:dyDescent="0.2">
      <c r="C95" s="70"/>
      <c r="D95" s="70"/>
      <c r="E95" s="70"/>
      <c r="F95" s="70"/>
      <c r="G95" s="70"/>
      <c r="H95" s="70"/>
      <c r="I95" s="70"/>
      <c r="J95" s="70"/>
      <c r="K95" s="70"/>
      <c r="L95" s="70"/>
    </row>
    <row r="96" spans="3:12" x14ac:dyDescent="0.2">
      <c r="C96" s="70"/>
      <c r="D96" s="70"/>
      <c r="E96" s="70"/>
      <c r="F96" s="70"/>
      <c r="G96" s="70"/>
      <c r="H96" s="70"/>
      <c r="I96" s="70"/>
      <c r="J96" s="70"/>
      <c r="K96" s="70"/>
      <c r="L96" s="70"/>
    </row>
    <row r="97" spans="3:12" x14ac:dyDescent="0.2">
      <c r="C97" s="70"/>
      <c r="D97" s="70"/>
      <c r="E97" s="70"/>
      <c r="F97" s="70"/>
      <c r="G97" s="70"/>
      <c r="H97" s="70"/>
      <c r="I97" s="70"/>
      <c r="J97" s="70"/>
      <c r="K97" s="70"/>
      <c r="L97" s="70"/>
    </row>
    <row r="98" spans="3:12" x14ac:dyDescent="0.2">
      <c r="C98" s="70"/>
      <c r="D98" s="70"/>
      <c r="E98" s="70"/>
      <c r="F98" s="70"/>
      <c r="G98" s="70"/>
      <c r="H98" s="70"/>
      <c r="I98" s="70"/>
      <c r="J98" s="70"/>
      <c r="K98" s="70"/>
      <c r="L98" s="70"/>
    </row>
    <row r="99" spans="3:12" x14ac:dyDescent="0.2">
      <c r="C99" s="70"/>
      <c r="D99" s="70"/>
      <c r="E99" s="70"/>
      <c r="F99" s="70"/>
      <c r="G99" s="70"/>
      <c r="H99" s="70"/>
      <c r="I99" s="70"/>
      <c r="J99" s="70"/>
      <c r="K99" s="70"/>
      <c r="L99" s="70"/>
    </row>
    <row r="100" spans="3:12" x14ac:dyDescent="0.2">
      <c r="C100" s="70"/>
      <c r="D100" s="70"/>
      <c r="E100" s="70"/>
      <c r="F100" s="70"/>
      <c r="G100" s="70"/>
      <c r="H100" s="70"/>
      <c r="I100" s="70"/>
      <c r="J100" s="70"/>
      <c r="K100" s="70"/>
      <c r="L100" s="70"/>
    </row>
    <row r="101" spans="3:12" x14ac:dyDescent="0.2">
      <c r="C101" s="70"/>
      <c r="D101" s="70"/>
      <c r="E101" s="70"/>
      <c r="F101" s="70"/>
      <c r="G101" s="70"/>
      <c r="H101" s="70"/>
      <c r="I101" s="70"/>
      <c r="J101" s="70"/>
      <c r="K101" s="70"/>
      <c r="L101" s="70"/>
    </row>
    <row r="102" spans="3:12" x14ac:dyDescent="0.2">
      <c r="C102" s="70"/>
      <c r="D102" s="70"/>
      <c r="E102" s="70"/>
      <c r="F102" s="70"/>
      <c r="G102" s="70"/>
      <c r="H102" s="70"/>
      <c r="I102" s="70"/>
      <c r="J102" s="70"/>
      <c r="K102" s="70"/>
      <c r="L102" s="70"/>
    </row>
    <row r="103" spans="3:12" x14ac:dyDescent="0.2">
      <c r="C103" s="70"/>
      <c r="D103" s="70"/>
      <c r="E103" s="70"/>
      <c r="F103" s="70"/>
      <c r="G103" s="70"/>
      <c r="H103" s="70"/>
      <c r="I103" s="70"/>
      <c r="J103" s="70"/>
      <c r="K103" s="70"/>
      <c r="L103" s="70"/>
    </row>
    <row r="104" spans="3:12" x14ac:dyDescent="0.2">
      <c r="C104" s="70"/>
      <c r="D104" s="70"/>
      <c r="E104" s="70"/>
      <c r="F104" s="70"/>
      <c r="G104" s="70"/>
      <c r="H104" s="70"/>
      <c r="I104" s="70"/>
      <c r="J104" s="70"/>
      <c r="K104" s="70"/>
      <c r="L104" s="70"/>
    </row>
    <row r="105" spans="3:12" x14ac:dyDescent="0.2">
      <c r="C105" s="70"/>
      <c r="D105" s="70"/>
      <c r="E105" s="70"/>
      <c r="F105" s="70"/>
      <c r="G105" s="70"/>
      <c r="H105" s="70"/>
      <c r="I105" s="70"/>
      <c r="J105" s="70"/>
      <c r="K105" s="70"/>
      <c r="L105" s="70"/>
    </row>
    <row r="106" spans="3:12" x14ac:dyDescent="0.2">
      <c r="C106" s="70"/>
      <c r="D106" s="70"/>
      <c r="E106" s="70"/>
      <c r="F106" s="70"/>
      <c r="G106" s="70"/>
      <c r="H106" s="70"/>
      <c r="I106" s="70"/>
      <c r="J106" s="70"/>
      <c r="K106" s="70"/>
      <c r="L106" s="70"/>
    </row>
    <row r="107" spans="3:12" x14ac:dyDescent="0.2">
      <c r="C107" s="70"/>
      <c r="D107" s="70"/>
      <c r="E107" s="70"/>
      <c r="F107" s="70"/>
      <c r="G107" s="70"/>
      <c r="H107" s="70"/>
      <c r="I107" s="70"/>
      <c r="J107" s="70"/>
      <c r="K107" s="70"/>
      <c r="L107" s="70"/>
    </row>
    <row r="108" spans="3:12" x14ac:dyDescent="0.2">
      <c r="C108" s="70"/>
      <c r="D108" s="70"/>
      <c r="E108" s="70"/>
      <c r="F108" s="70"/>
      <c r="G108" s="70"/>
      <c r="H108" s="70"/>
      <c r="I108" s="70"/>
      <c r="J108" s="70"/>
      <c r="K108" s="70"/>
      <c r="L108" s="70"/>
    </row>
    <row r="109" spans="3:12" x14ac:dyDescent="0.2">
      <c r="C109" s="70"/>
      <c r="D109" s="70"/>
      <c r="E109" s="70"/>
      <c r="F109" s="70"/>
      <c r="G109" s="70"/>
      <c r="H109" s="70"/>
      <c r="I109" s="70"/>
      <c r="J109" s="70"/>
      <c r="K109" s="70"/>
      <c r="L109" s="70"/>
    </row>
    <row r="110" spans="3:12" x14ac:dyDescent="0.2">
      <c r="C110" s="70"/>
      <c r="D110" s="70"/>
      <c r="E110" s="70"/>
      <c r="F110" s="70"/>
      <c r="G110" s="70"/>
      <c r="H110" s="70"/>
      <c r="I110" s="70"/>
      <c r="J110" s="70"/>
      <c r="K110" s="70"/>
      <c r="L110" s="70"/>
    </row>
    <row r="111" spans="3:12" x14ac:dyDescent="0.2">
      <c r="C111" s="70"/>
      <c r="D111" s="70"/>
      <c r="E111" s="70"/>
      <c r="F111" s="70"/>
      <c r="G111" s="70"/>
      <c r="H111" s="70"/>
      <c r="I111" s="70"/>
      <c r="J111" s="70"/>
      <c r="K111" s="70"/>
      <c r="L111" s="70"/>
    </row>
    <row r="112" spans="3:12" x14ac:dyDescent="0.2">
      <c r="C112" s="70"/>
      <c r="D112" s="70"/>
      <c r="E112" s="70"/>
      <c r="F112" s="70"/>
      <c r="G112" s="70"/>
      <c r="H112" s="70"/>
      <c r="I112" s="70"/>
      <c r="J112" s="70"/>
      <c r="K112" s="70"/>
      <c r="L112" s="70"/>
    </row>
    <row r="113" spans="3:12" x14ac:dyDescent="0.2">
      <c r="C113" s="70"/>
      <c r="D113" s="70"/>
      <c r="E113" s="70"/>
      <c r="F113" s="70"/>
      <c r="G113" s="70"/>
      <c r="H113" s="70"/>
      <c r="I113" s="70"/>
      <c r="J113" s="70"/>
      <c r="K113" s="70"/>
      <c r="L113" s="70"/>
    </row>
    <row r="114" spans="3:12" x14ac:dyDescent="0.2">
      <c r="C114" s="70"/>
      <c r="D114" s="70"/>
      <c r="E114" s="70"/>
      <c r="F114" s="70"/>
      <c r="G114" s="70"/>
      <c r="H114" s="70"/>
      <c r="I114" s="70"/>
      <c r="J114" s="70"/>
      <c r="K114" s="70"/>
      <c r="L114" s="70"/>
    </row>
    <row r="115" spans="3:12" x14ac:dyDescent="0.2">
      <c r="C115" s="70"/>
      <c r="D115" s="70"/>
      <c r="E115" s="70"/>
      <c r="F115" s="70"/>
      <c r="G115" s="70"/>
      <c r="H115" s="70"/>
      <c r="I115" s="70"/>
      <c r="J115" s="70"/>
      <c r="K115" s="70"/>
      <c r="L115" s="70"/>
    </row>
    <row r="116" spans="3:12" x14ac:dyDescent="0.2">
      <c r="C116" s="70"/>
      <c r="D116" s="70"/>
      <c r="E116" s="70"/>
      <c r="F116" s="70"/>
      <c r="G116" s="70"/>
      <c r="H116" s="70"/>
      <c r="I116" s="70"/>
      <c r="J116" s="70"/>
      <c r="K116" s="70"/>
      <c r="L116" s="70"/>
    </row>
    <row r="117" spans="3:12" x14ac:dyDescent="0.2">
      <c r="C117" s="70"/>
      <c r="D117" s="70"/>
      <c r="E117" s="70"/>
      <c r="F117" s="70"/>
      <c r="G117" s="70"/>
      <c r="H117" s="70"/>
      <c r="I117" s="70"/>
      <c r="J117" s="70"/>
      <c r="K117" s="70"/>
      <c r="L117" s="70"/>
    </row>
    <row r="118" spans="3:12" x14ac:dyDescent="0.2">
      <c r="C118" s="70"/>
      <c r="D118" s="70"/>
      <c r="E118" s="70"/>
      <c r="F118" s="70"/>
      <c r="G118" s="70"/>
      <c r="H118" s="70"/>
      <c r="I118" s="70"/>
      <c r="J118" s="70"/>
      <c r="K118" s="70"/>
      <c r="L118" s="70"/>
    </row>
    <row r="119" spans="3:12" x14ac:dyDescent="0.2">
      <c r="C119" s="70"/>
      <c r="D119" s="70"/>
      <c r="E119" s="70"/>
      <c r="F119" s="70"/>
      <c r="G119" s="70"/>
      <c r="H119" s="70"/>
      <c r="I119" s="70"/>
      <c r="J119" s="70"/>
      <c r="K119" s="70"/>
      <c r="L119" s="70"/>
    </row>
    <row r="120" spans="3:12" x14ac:dyDescent="0.2">
      <c r="C120" s="70"/>
      <c r="D120" s="70"/>
      <c r="E120" s="70"/>
      <c r="F120" s="70"/>
      <c r="G120" s="70"/>
      <c r="H120" s="70"/>
      <c r="I120" s="70"/>
      <c r="J120" s="70"/>
      <c r="K120" s="70"/>
      <c r="L120" s="70"/>
    </row>
    <row r="121" spans="3:12" x14ac:dyDescent="0.2">
      <c r="C121" s="70"/>
      <c r="D121" s="70"/>
      <c r="E121" s="70"/>
      <c r="F121" s="70"/>
      <c r="G121" s="70"/>
      <c r="H121" s="70"/>
      <c r="I121" s="70"/>
      <c r="J121" s="70"/>
      <c r="K121" s="70"/>
      <c r="L121" s="70"/>
    </row>
    <row r="122" spans="3:12" x14ac:dyDescent="0.2">
      <c r="C122" s="70"/>
      <c r="D122" s="70"/>
      <c r="E122" s="70"/>
      <c r="F122" s="70"/>
      <c r="G122" s="70"/>
      <c r="H122" s="70"/>
      <c r="I122" s="70"/>
      <c r="J122" s="70"/>
      <c r="K122" s="70"/>
      <c r="L122" s="70"/>
    </row>
    <row r="123" spans="3:12" x14ac:dyDescent="0.2">
      <c r="C123" s="70"/>
      <c r="D123" s="70"/>
      <c r="E123" s="70"/>
      <c r="F123" s="70"/>
      <c r="G123" s="70"/>
      <c r="H123" s="70"/>
      <c r="I123" s="70"/>
      <c r="J123" s="70"/>
      <c r="K123" s="70"/>
      <c r="L123" s="70"/>
    </row>
    <row r="124" spans="3:12" x14ac:dyDescent="0.2">
      <c r="C124" s="70"/>
      <c r="D124" s="70"/>
      <c r="E124" s="70"/>
      <c r="F124" s="70"/>
      <c r="G124" s="70"/>
      <c r="H124" s="70"/>
      <c r="I124" s="70"/>
      <c r="J124" s="70"/>
      <c r="K124" s="70"/>
      <c r="L124" s="70"/>
    </row>
    <row r="125" spans="3:12" x14ac:dyDescent="0.2">
      <c r="C125" s="70"/>
      <c r="D125" s="70"/>
      <c r="E125" s="70"/>
      <c r="F125" s="70"/>
      <c r="G125" s="70"/>
      <c r="H125" s="70"/>
      <c r="I125" s="70"/>
      <c r="J125" s="70"/>
      <c r="K125" s="70"/>
      <c r="L125" s="70"/>
    </row>
    <row r="126" spans="3:12" x14ac:dyDescent="0.2">
      <c r="C126" s="70"/>
      <c r="D126" s="70"/>
      <c r="E126" s="70"/>
      <c r="F126" s="70"/>
      <c r="G126" s="70"/>
      <c r="H126" s="70"/>
      <c r="I126" s="70"/>
      <c r="J126" s="70"/>
      <c r="K126" s="70"/>
      <c r="L126" s="70"/>
    </row>
    <row r="127" spans="3:12" x14ac:dyDescent="0.2">
      <c r="C127" s="70"/>
      <c r="D127" s="70"/>
      <c r="E127" s="70"/>
      <c r="F127" s="70"/>
      <c r="G127" s="70"/>
      <c r="H127" s="70"/>
      <c r="I127" s="70"/>
      <c r="J127" s="70"/>
      <c r="K127" s="70"/>
      <c r="L127" s="70"/>
    </row>
    <row r="128" spans="3:12" x14ac:dyDescent="0.2">
      <c r="C128" s="70"/>
      <c r="D128" s="70"/>
      <c r="E128" s="70"/>
      <c r="F128" s="70"/>
      <c r="G128" s="70"/>
      <c r="H128" s="70"/>
      <c r="I128" s="70"/>
      <c r="J128" s="70"/>
      <c r="K128" s="70"/>
      <c r="L128" s="70"/>
    </row>
    <row r="129" spans="3:12" x14ac:dyDescent="0.2">
      <c r="C129" s="70"/>
      <c r="D129" s="70"/>
      <c r="E129" s="70"/>
      <c r="F129" s="70"/>
      <c r="G129" s="70"/>
      <c r="H129" s="70"/>
      <c r="I129" s="70"/>
      <c r="J129" s="70"/>
      <c r="K129" s="70"/>
      <c r="L129" s="70"/>
    </row>
    <row r="130" spans="3:12" x14ac:dyDescent="0.2">
      <c r="C130" s="70"/>
      <c r="D130" s="70"/>
      <c r="E130" s="70"/>
      <c r="F130" s="70"/>
      <c r="G130" s="70"/>
      <c r="H130" s="70"/>
      <c r="I130" s="70"/>
      <c r="J130" s="70"/>
      <c r="K130" s="70"/>
      <c r="L130" s="70"/>
    </row>
    <row r="131" spans="3:12" x14ac:dyDescent="0.2">
      <c r="C131" s="70"/>
      <c r="D131" s="70"/>
      <c r="E131" s="70"/>
      <c r="F131" s="70"/>
      <c r="G131" s="70"/>
      <c r="H131" s="70"/>
      <c r="I131" s="70"/>
      <c r="J131" s="70"/>
      <c r="K131" s="70"/>
      <c r="L131" s="70"/>
    </row>
    <row r="132" spans="3:12" x14ac:dyDescent="0.2">
      <c r="C132" s="70"/>
      <c r="D132" s="70"/>
      <c r="E132" s="70"/>
      <c r="F132" s="70"/>
      <c r="G132" s="70"/>
      <c r="H132" s="70"/>
      <c r="I132" s="70"/>
      <c r="J132" s="70"/>
      <c r="K132" s="70"/>
      <c r="L132" s="70"/>
    </row>
    <row r="133" spans="3:12" x14ac:dyDescent="0.2">
      <c r="C133" s="70"/>
      <c r="D133" s="70"/>
      <c r="E133" s="70"/>
      <c r="F133" s="70"/>
      <c r="G133" s="70"/>
      <c r="H133" s="70"/>
      <c r="I133" s="70"/>
      <c r="J133" s="70"/>
      <c r="K133" s="70"/>
      <c r="L133" s="70"/>
    </row>
    <row r="134" spans="3:12" x14ac:dyDescent="0.2">
      <c r="C134" s="70"/>
      <c r="D134" s="70"/>
      <c r="E134" s="70"/>
      <c r="F134" s="70"/>
      <c r="G134" s="70"/>
      <c r="H134" s="70"/>
      <c r="I134" s="70"/>
      <c r="J134" s="70"/>
      <c r="K134" s="70"/>
      <c r="L134" s="70"/>
    </row>
    <row r="135" spans="3:12" x14ac:dyDescent="0.2">
      <c r="C135" s="70"/>
      <c r="D135" s="70"/>
      <c r="E135" s="70"/>
      <c r="F135" s="70"/>
      <c r="G135" s="70"/>
      <c r="H135" s="70"/>
      <c r="I135" s="70"/>
      <c r="J135" s="70"/>
      <c r="K135" s="70"/>
      <c r="L135" s="70"/>
    </row>
    <row r="136" spans="3:12" x14ac:dyDescent="0.2">
      <c r="C136" s="70"/>
      <c r="D136" s="70"/>
      <c r="E136" s="70"/>
      <c r="F136" s="70"/>
      <c r="G136" s="70"/>
      <c r="H136" s="70"/>
      <c r="I136" s="70"/>
      <c r="J136" s="70"/>
      <c r="K136" s="70"/>
      <c r="L136" s="70"/>
    </row>
    <row r="137" spans="3:12" x14ac:dyDescent="0.2">
      <c r="C137" s="70"/>
      <c r="D137" s="70"/>
      <c r="E137" s="70"/>
      <c r="F137" s="70"/>
      <c r="G137" s="70"/>
      <c r="H137" s="70"/>
      <c r="I137" s="70"/>
      <c r="J137" s="70"/>
      <c r="K137" s="70"/>
      <c r="L137" s="70"/>
    </row>
    <row r="138" spans="3:12" x14ac:dyDescent="0.2">
      <c r="C138" s="70"/>
      <c r="D138" s="70"/>
      <c r="E138" s="70"/>
      <c r="F138" s="70"/>
      <c r="G138" s="70"/>
      <c r="H138" s="70"/>
      <c r="I138" s="70"/>
      <c r="J138" s="70"/>
      <c r="K138" s="70"/>
      <c r="L138" s="70"/>
    </row>
    <row r="139" spans="3:12" x14ac:dyDescent="0.2">
      <c r="C139" s="70"/>
      <c r="D139" s="70"/>
      <c r="E139" s="70"/>
      <c r="F139" s="70"/>
      <c r="G139" s="70"/>
      <c r="H139" s="70"/>
      <c r="I139" s="70"/>
      <c r="J139" s="70"/>
      <c r="K139" s="70"/>
      <c r="L139" s="70"/>
    </row>
    <row r="140" spans="3:12" x14ac:dyDescent="0.2">
      <c r="C140" s="70"/>
      <c r="D140" s="70"/>
      <c r="E140" s="70"/>
      <c r="F140" s="70"/>
      <c r="G140" s="70"/>
      <c r="H140" s="70"/>
      <c r="I140" s="70"/>
      <c r="J140" s="70"/>
      <c r="K140" s="70"/>
      <c r="L140" s="70"/>
    </row>
    <row r="141" spans="3:12" x14ac:dyDescent="0.2">
      <c r="C141" s="70"/>
      <c r="D141" s="70"/>
      <c r="E141" s="70"/>
      <c r="F141" s="70"/>
      <c r="G141" s="70"/>
      <c r="H141" s="70"/>
      <c r="I141" s="70"/>
      <c r="J141" s="70"/>
      <c r="K141" s="70"/>
      <c r="L141" s="70"/>
    </row>
    <row r="142" spans="3:12" x14ac:dyDescent="0.2">
      <c r="C142" s="70"/>
      <c r="D142" s="70"/>
      <c r="E142" s="70"/>
      <c r="F142" s="70"/>
      <c r="G142" s="70"/>
      <c r="H142" s="70"/>
      <c r="I142" s="70"/>
      <c r="J142" s="70"/>
      <c r="K142" s="70"/>
      <c r="L142" s="70"/>
    </row>
    <row r="143" spans="3:12" x14ac:dyDescent="0.2">
      <c r="C143" s="70"/>
      <c r="D143" s="70"/>
      <c r="E143" s="70"/>
      <c r="F143" s="70"/>
      <c r="G143" s="70"/>
      <c r="H143" s="70"/>
      <c r="I143" s="70"/>
      <c r="J143" s="70"/>
      <c r="K143" s="70"/>
      <c r="L143" s="70"/>
    </row>
    <row r="144" spans="3:12" x14ac:dyDescent="0.2">
      <c r="C144" s="70"/>
      <c r="D144" s="70"/>
      <c r="E144" s="70"/>
      <c r="F144" s="70"/>
      <c r="G144" s="70"/>
      <c r="H144" s="70"/>
      <c r="I144" s="70"/>
      <c r="J144" s="70"/>
      <c r="K144" s="70"/>
      <c r="L144" s="70"/>
    </row>
    <row r="145" spans="3:12" x14ac:dyDescent="0.2">
      <c r="C145" s="70"/>
      <c r="D145" s="70"/>
      <c r="E145" s="70"/>
      <c r="F145" s="70"/>
      <c r="G145" s="70"/>
      <c r="H145" s="70"/>
      <c r="I145" s="70"/>
      <c r="J145" s="70"/>
      <c r="K145" s="70"/>
      <c r="L145" s="70"/>
    </row>
    <row r="146" spans="3:12" x14ac:dyDescent="0.2">
      <c r="C146" s="70"/>
      <c r="D146" s="70"/>
      <c r="E146" s="70"/>
      <c r="F146" s="70"/>
      <c r="G146" s="70"/>
      <c r="H146" s="70"/>
      <c r="I146" s="70"/>
      <c r="J146" s="70"/>
      <c r="K146" s="70"/>
      <c r="L146" s="70"/>
    </row>
    <row r="147" spans="3:12" x14ac:dyDescent="0.2">
      <c r="C147" s="70"/>
      <c r="D147" s="70"/>
      <c r="E147" s="70"/>
      <c r="F147" s="70"/>
      <c r="G147" s="70"/>
      <c r="H147" s="70"/>
      <c r="I147" s="70"/>
      <c r="J147" s="70"/>
      <c r="K147" s="70"/>
      <c r="L147" s="70"/>
    </row>
    <row r="148" spans="3:12" x14ac:dyDescent="0.2">
      <c r="C148" s="70"/>
      <c r="D148" s="70"/>
      <c r="E148" s="70"/>
      <c r="F148" s="70"/>
      <c r="G148" s="70"/>
      <c r="H148" s="70"/>
      <c r="I148" s="70"/>
      <c r="J148" s="70"/>
      <c r="K148" s="70"/>
      <c r="L148" s="70"/>
    </row>
    <row r="149" spans="3:12" x14ac:dyDescent="0.2">
      <c r="C149" s="70"/>
      <c r="D149" s="70"/>
      <c r="E149" s="70"/>
      <c r="F149" s="70"/>
      <c r="G149" s="70"/>
      <c r="H149" s="70"/>
      <c r="I149" s="70"/>
      <c r="J149" s="70"/>
      <c r="K149" s="70"/>
      <c r="L149" s="70"/>
    </row>
    <row r="150" spans="3:12" x14ac:dyDescent="0.2">
      <c r="C150" s="70"/>
      <c r="D150" s="70"/>
      <c r="E150" s="70"/>
      <c r="F150" s="70"/>
      <c r="G150" s="70"/>
      <c r="H150" s="70"/>
      <c r="I150" s="70"/>
      <c r="J150" s="70"/>
      <c r="K150" s="70"/>
      <c r="L150" s="70"/>
    </row>
    <row r="151" spans="3:12" x14ac:dyDescent="0.2">
      <c r="C151" s="70"/>
      <c r="D151" s="70"/>
      <c r="E151" s="70"/>
      <c r="F151" s="70"/>
      <c r="G151" s="70"/>
      <c r="H151" s="70"/>
      <c r="I151" s="70"/>
      <c r="J151" s="70"/>
      <c r="K151" s="70"/>
      <c r="L151" s="70"/>
    </row>
    <row r="152" spans="3:12" x14ac:dyDescent="0.2">
      <c r="C152" s="70"/>
      <c r="D152" s="70"/>
      <c r="E152" s="70"/>
      <c r="F152" s="70"/>
      <c r="G152" s="70"/>
      <c r="H152" s="70"/>
      <c r="I152" s="70"/>
      <c r="J152" s="70"/>
      <c r="K152" s="70"/>
      <c r="L152" s="70"/>
    </row>
    <row r="153" spans="3:12" x14ac:dyDescent="0.2">
      <c r="C153" s="70"/>
      <c r="D153" s="70"/>
      <c r="E153" s="70"/>
      <c r="F153" s="70"/>
      <c r="G153" s="70"/>
      <c r="H153" s="70"/>
      <c r="I153" s="70"/>
      <c r="J153" s="70"/>
      <c r="K153" s="70"/>
      <c r="L153" s="70"/>
    </row>
    <row r="154" spans="3:12" x14ac:dyDescent="0.2">
      <c r="C154" s="70"/>
      <c r="D154" s="70"/>
      <c r="E154" s="70"/>
      <c r="F154" s="70"/>
      <c r="G154" s="70"/>
      <c r="H154" s="70"/>
      <c r="I154" s="70"/>
      <c r="J154" s="70"/>
      <c r="K154" s="70"/>
      <c r="L154" s="70"/>
    </row>
    <row r="155" spans="3:12" x14ac:dyDescent="0.2">
      <c r="C155" s="70"/>
      <c r="D155" s="70"/>
      <c r="E155" s="70"/>
      <c r="F155" s="70"/>
      <c r="G155" s="70"/>
      <c r="H155" s="70"/>
      <c r="I155" s="70"/>
      <c r="J155" s="70"/>
      <c r="K155" s="70"/>
      <c r="L155" s="70"/>
    </row>
    <row r="156" spans="3:12" x14ac:dyDescent="0.2">
      <c r="C156" s="70"/>
      <c r="D156" s="70"/>
      <c r="E156" s="70"/>
      <c r="F156" s="70"/>
      <c r="G156" s="70"/>
      <c r="H156" s="70"/>
      <c r="I156" s="70"/>
      <c r="J156" s="70"/>
      <c r="K156" s="70"/>
      <c r="L156" s="70"/>
    </row>
    <row r="157" spans="3:12" x14ac:dyDescent="0.2">
      <c r="C157" s="70"/>
      <c r="D157" s="70"/>
      <c r="E157" s="70"/>
      <c r="F157" s="70"/>
      <c r="G157" s="70"/>
      <c r="H157" s="70"/>
      <c r="I157" s="70"/>
      <c r="J157" s="70"/>
      <c r="K157" s="70"/>
      <c r="L157" s="70"/>
    </row>
    <row r="158" spans="3:12" x14ac:dyDescent="0.2">
      <c r="C158" s="70"/>
      <c r="D158" s="70"/>
      <c r="E158" s="70"/>
      <c r="F158" s="70"/>
      <c r="G158" s="70"/>
      <c r="H158" s="70"/>
      <c r="I158" s="70"/>
      <c r="J158" s="70"/>
      <c r="K158" s="70"/>
      <c r="L158" s="70"/>
    </row>
    <row r="159" spans="3:12" x14ac:dyDescent="0.2">
      <c r="C159" s="70"/>
      <c r="D159" s="70"/>
      <c r="E159" s="70"/>
      <c r="F159" s="70"/>
      <c r="G159" s="70"/>
      <c r="H159" s="70"/>
      <c r="I159" s="70"/>
      <c r="J159" s="70"/>
      <c r="K159" s="70"/>
      <c r="L159" s="70"/>
    </row>
    <row r="160" spans="3:12" x14ac:dyDescent="0.2">
      <c r="C160" s="70"/>
      <c r="D160" s="70"/>
      <c r="E160" s="70"/>
      <c r="F160" s="70"/>
      <c r="G160" s="70"/>
      <c r="H160" s="70"/>
      <c r="I160" s="70"/>
      <c r="J160" s="70"/>
      <c r="K160" s="70"/>
      <c r="L160" s="70"/>
    </row>
    <row r="161" spans="3:12" x14ac:dyDescent="0.2">
      <c r="C161" s="70"/>
      <c r="D161" s="70"/>
      <c r="E161" s="70"/>
      <c r="F161" s="70"/>
      <c r="G161" s="70"/>
      <c r="H161" s="70"/>
      <c r="I161" s="70"/>
      <c r="J161" s="70"/>
      <c r="K161" s="70"/>
      <c r="L161" s="70"/>
    </row>
    <row r="162" spans="3:12" x14ac:dyDescent="0.2">
      <c r="C162" s="70"/>
      <c r="D162" s="70"/>
      <c r="E162" s="70"/>
      <c r="F162" s="70"/>
      <c r="G162" s="70"/>
      <c r="H162" s="70"/>
      <c r="I162" s="70"/>
      <c r="J162" s="70"/>
      <c r="K162" s="70"/>
      <c r="L162" s="70"/>
    </row>
    <row r="163" spans="3:12" x14ac:dyDescent="0.2">
      <c r="C163" s="70"/>
      <c r="D163" s="70"/>
      <c r="E163" s="70"/>
      <c r="F163" s="70"/>
      <c r="G163" s="70"/>
      <c r="H163" s="70"/>
      <c r="I163" s="70"/>
      <c r="J163" s="70"/>
      <c r="K163" s="70"/>
      <c r="L163" s="70"/>
    </row>
    <row r="164" spans="3:12" x14ac:dyDescent="0.2">
      <c r="C164" s="70"/>
      <c r="D164" s="70"/>
      <c r="E164" s="70"/>
      <c r="F164" s="70"/>
      <c r="G164" s="70"/>
      <c r="H164" s="70"/>
      <c r="I164" s="70"/>
      <c r="J164" s="70"/>
      <c r="K164" s="70"/>
      <c r="L164" s="70"/>
    </row>
    <row r="165" spans="3:12" x14ac:dyDescent="0.2">
      <c r="C165" s="70"/>
      <c r="D165" s="70"/>
      <c r="E165" s="70"/>
      <c r="F165" s="70"/>
      <c r="G165" s="70"/>
      <c r="H165" s="70"/>
      <c r="I165" s="70"/>
      <c r="J165" s="70"/>
      <c r="K165" s="70"/>
      <c r="L165" s="70"/>
    </row>
    <row r="166" spans="3:12" x14ac:dyDescent="0.2">
      <c r="C166" s="70"/>
      <c r="D166" s="70"/>
      <c r="E166" s="70"/>
      <c r="F166" s="70"/>
      <c r="G166" s="70"/>
      <c r="H166" s="70"/>
      <c r="I166" s="70"/>
      <c r="J166" s="70"/>
      <c r="K166" s="70"/>
      <c r="L166" s="70"/>
    </row>
    <row r="167" spans="3:12" x14ac:dyDescent="0.2">
      <c r="C167" s="70"/>
      <c r="D167" s="70"/>
      <c r="E167" s="70"/>
      <c r="F167" s="70"/>
      <c r="G167" s="70"/>
      <c r="H167" s="70"/>
      <c r="I167" s="70"/>
      <c r="J167" s="70"/>
      <c r="K167" s="70"/>
      <c r="L167" s="70"/>
    </row>
    <row r="168" spans="3:12" x14ac:dyDescent="0.2">
      <c r="C168" s="70"/>
      <c r="D168" s="70"/>
      <c r="E168" s="70"/>
      <c r="F168" s="70"/>
      <c r="G168" s="70"/>
      <c r="H168" s="70"/>
      <c r="I168" s="70"/>
      <c r="J168" s="70"/>
      <c r="K168" s="70"/>
      <c r="L168" s="70"/>
    </row>
    <row r="169" spans="3:12" x14ac:dyDescent="0.2">
      <c r="C169" s="70"/>
      <c r="D169" s="70"/>
      <c r="E169" s="70"/>
      <c r="F169" s="70"/>
      <c r="G169" s="70"/>
      <c r="H169" s="70"/>
      <c r="I169" s="70"/>
      <c r="J169" s="70"/>
      <c r="K169" s="70"/>
      <c r="L169" s="70"/>
    </row>
    <row r="170" spans="3:12" x14ac:dyDescent="0.2">
      <c r="C170" s="70"/>
      <c r="D170" s="70"/>
      <c r="E170" s="70"/>
      <c r="F170" s="70"/>
      <c r="G170" s="70"/>
      <c r="H170" s="70"/>
      <c r="I170" s="70"/>
      <c r="J170" s="70"/>
      <c r="K170" s="70"/>
      <c r="L170" s="70"/>
    </row>
    <row r="171" spans="3:12" x14ac:dyDescent="0.2">
      <c r="C171" s="70"/>
      <c r="D171" s="70"/>
      <c r="E171" s="70"/>
      <c r="F171" s="70"/>
      <c r="G171" s="70"/>
      <c r="H171" s="70"/>
      <c r="I171" s="70"/>
      <c r="J171" s="70"/>
      <c r="K171" s="70"/>
      <c r="L171" s="70"/>
    </row>
    <row r="172" spans="3:12" x14ac:dyDescent="0.2">
      <c r="C172" s="70"/>
      <c r="D172" s="70"/>
      <c r="E172" s="70"/>
      <c r="F172" s="70"/>
      <c r="G172" s="70"/>
      <c r="H172" s="70"/>
      <c r="I172" s="70"/>
      <c r="J172" s="70"/>
      <c r="K172" s="70"/>
      <c r="L172" s="70"/>
    </row>
    <row r="173" spans="3:12" x14ac:dyDescent="0.2">
      <c r="C173" s="70"/>
      <c r="D173" s="70"/>
      <c r="E173" s="70"/>
      <c r="F173" s="70"/>
      <c r="G173" s="70"/>
      <c r="H173" s="70"/>
      <c r="I173" s="70"/>
      <c r="J173" s="70"/>
      <c r="K173" s="70"/>
      <c r="L173" s="70"/>
    </row>
    <row r="174" spans="3:12" x14ac:dyDescent="0.2">
      <c r="C174" s="70"/>
      <c r="D174" s="70"/>
      <c r="E174" s="70"/>
      <c r="F174" s="70"/>
      <c r="G174" s="70"/>
      <c r="H174" s="70"/>
      <c r="I174" s="70"/>
      <c r="J174" s="70"/>
      <c r="K174" s="70"/>
      <c r="L174" s="70"/>
    </row>
    <row r="175" spans="3:12" x14ac:dyDescent="0.2">
      <c r="C175" s="70"/>
      <c r="D175" s="70"/>
      <c r="E175" s="70"/>
      <c r="F175" s="70"/>
      <c r="G175" s="70"/>
      <c r="H175" s="70"/>
      <c r="I175" s="70"/>
      <c r="J175" s="70"/>
      <c r="K175" s="70"/>
      <c r="L175" s="70"/>
    </row>
    <row r="176" spans="3:12" x14ac:dyDescent="0.2">
      <c r="C176" s="70"/>
      <c r="D176" s="70"/>
      <c r="E176" s="70"/>
      <c r="F176" s="70"/>
      <c r="G176" s="70"/>
      <c r="H176" s="70"/>
      <c r="I176" s="70"/>
      <c r="J176" s="70"/>
      <c r="K176" s="70"/>
      <c r="L176" s="70"/>
    </row>
    <row r="177" spans="3:12" x14ac:dyDescent="0.2">
      <c r="C177" s="70"/>
      <c r="D177" s="70"/>
      <c r="E177" s="70"/>
      <c r="F177" s="70"/>
      <c r="G177" s="70"/>
      <c r="H177" s="70"/>
      <c r="I177" s="70"/>
      <c r="J177" s="70"/>
      <c r="K177" s="70"/>
      <c r="L177" s="70"/>
    </row>
    <row r="178" spans="3:12" x14ac:dyDescent="0.2">
      <c r="C178" s="70"/>
      <c r="D178" s="70"/>
      <c r="E178" s="70"/>
      <c r="F178" s="70"/>
      <c r="G178" s="70"/>
      <c r="H178" s="70"/>
      <c r="I178" s="70"/>
      <c r="J178" s="70"/>
      <c r="K178" s="70"/>
      <c r="L178" s="70"/>
    </row>
    <row r="179" spans="3:12" x14ac:dyDescent="0.2">
      <c r="C179" s="70"/>
      <c r="D179" s="70"/>
      <c r="E179" s="70"/>
      <c r="F179" s="70"/>
      <c r="G179" s="70"/>
      <c r="H179" s="70"/>
      <c r="I179" s="70"/>
      <c r="J179" s="70"/>
      <c r="K179" s="70"/>
      <c r="L179" s="70"/>
    </row>
    <row r="180" spans="3:12" x14ac:dyDescent="0.2">
      <c r="C180" s="70"/>
      <c r="D180" s="70"/>
      <c r="E180" s="70"/>
      <c r="F180" s="70"/>
      <c r="G180" s="70"/>
      <c r="H180" s="70"/>
      <c r="I180" s="70"/>
      <c r="J180" s="70"/>
      <c r="K180" s="70"/>
      <c r="L180" s="70"/>
    </row>
    <row r="181" spans="3:12" x14ac:dyDescent="0.2">
      <c r="C181" s="70"/>
      <c r="D181" s="70"/>
      <c r="E181" s="70"/>
      <c r="F181" s="70"/>
      <c r="G181" s="70"/>
      <c r="H181" s="70"/>
      <c r="I181" s="70"/>
      <c r="J181" s="70"/>
      <c r="K181" s="70"/>
      <c r="L181" s="70"/>
    </row>
    <row r="182" spans="3:12" x14ac:dyDescent="0.2">
      <c r="C182" s="70"/>
      <c r="D182" s="70"/>
      <c r="E182" s="70"/>
      <c r="F182" s="70"/>
      <c r="G182" s="70"/>
      <c r="H182" s="70"/>
      <c r="I182" s="70"/>
      <c r="J182" s="70"/>
      <c r="K182" s="70"/>
      <c r="L182" s="70"/>
    </row>
    <row r="183" spans="3:12" x14ac:dyDescent="0.2">
      <c r="C183" s="70"/>
      <c r="D183" s="70"/>
      <c r="E183" s="70"/>
      <c r="F183" s="70"/>
      <c r="G183" s="70"/>
      <c r="H183" s="70"/>
      <c r="I183" s="70"/>
      <c r="J183" s="70"/>
      <c r="K183" s="70"/>
      <c r="L183" s="70"/>
    </row>
    <row r="184" spans="3:12" x14ac:dyDescent="0.2">
      <c r="C184" s="70"/>
      <c r="D184" s="70"/>
      <c r="E184" s="70"/>
      <c r="F184" s="70"/>
      <c r="G184" s="70"/>
      <c r="H184" s="70"/>
      <c r="I184" s="70"/>
      <c r="J184" s="70"/>
      <c r="K184" s="70"/>
      <c r="L184" s="70"/>
    </row>
    <row r="185" spans="3:12" x14ac:dyDescent="0.2">
      <c r="C185" s="70"/>
      <c r="D185" s="70"/>
      <c r="E185" s="70"/>
      <c r="F185" s="70"/>
      <c r="G185" s="70"/>
      <c r="H185" s="70"/>
      <c r="I185" s="70"/>
      <c r="J185" s="70"/>
      <c r="K185" s="70"/>
      <c r="L185" s="70"/>
    </row>
    <row r="186" spans="3:12" x14ac:dyDescent="0.2">
      <c r="C186" s="70"/>
      <c r="D186" s="70"/>
      <c r="E186" s="70"/>
      <c r="F186" s="70"/>
      <c r="G186" s="70"/>
      <c r="H186" s="70"/>
      <c r="I186" s="70"/>
      <c r="J186" s="70"/>
      <c r="K186" s="70"/>
      <c r="L186" s="70"/>
    </row>
    <row r="187" spans="3:12" x14ac:dyDescent="0.2">
      <c r="C187" s="70"/>
      <c r="D187" s="70"/>
      <c r="E187" s="70"/>
      <c r="F187" s="70"/>
      <c r="G187" s="70"/>
      <c r="H187" s="70"/>
      <c r="I187" s="70"/>
      <c r="J187" s="70"/>
      <c r="K187" s="70"/>
      <c r="L187" s="70"/>
    </row>
    <row r="188" spans="3:12" x14ac:dyDescent="0.2">
      <c r="C188" s="70"/>
      <c r="D188" s="70"/>
      <c r="E188" s="70"/>
      <c r="F188" s="70"/>
      <c r="G188" s="70"/>
      <c r="H188" s="70"/>
      <c r="I188" s="70"/>
      <c r="J188" s="70"/>
      <c r="K188" s="70"/>
      <c r="L188" s="70"/>
    </row>
    <row r="189" spans="3:12" x14ac:dyDescent="0.2">
      <c r="C189" s="70"/>
      <c r="D189" s="70"/>
      <c r="E189" s="70"/>
      <c r="F189" s="70"/>
      <c r="G189" s="70"/>
      <c r="H189" s="70"/>
      <c r="I189" s="70"/>
      <c r="J189" s="70"/>
      <c r="K189" s="70"/>
      <c r="L189" s="70"/>
    </row>
    <row r="190" spans="3:12" x14ac:dyDescent="0.2">
      <c r="C190" s="70"/>
      <c r="D190" s="70"/>
      <c r="E190" s="70"/>
      <c r="F190" s="70"/>
      <c r="G190" s="70"/>
      <c r="H190" s="70"/>
      <c r="I190" s="70"/>
      <c r="J190" s="70"/>
      <c r="K190" s="70"/>
      <c r="L190" s="70"/>
    </row>
    <row r="191" spans="3:12" x14ac:dyDescent="0.2">
      <c r="C191" s="70"/>
      <c r="D191" s="70"/>
      <c r="E191" s="70"/>
      <c r="F191" s="70"/>
      <c r="G191" s="70"/>
      <c r="H191" s="70"/>
      <c r="I191" s="70"/>
      <c r="J191" s="70"/>
      <c r="K191" s="70"/>
      <c r="L191" s="70"/>
    </row>
    <row r="192" spans="3:12" x14ac:dyDescent="0.2">
      <c r="C192" s="70"/>
      <c r="D192" s="70"/>
      <c r="E192" s="70"/>
      <c r="F192" s="70"/>
      <c r="G192" s="70"/>
      <c r="H192" s="70"/>
      <c r="I192" s="70"/>
      <c r="J192" s="70"/>
      <c r="K192" s="70"/>
      <c r="L192" s="70"/>
    </row>
    <row r="193" spans="3:12" x14ac:dyDescent="0.2">
      <c r="C193" s="70"/>
      <c r="D193" s="70"/>
      <c r="E193" s="70"/>
      <c r="F193" s="70"/>
      <c r="G193" s="70"/>
      <c r="H193" s="70"/>
      <c r="I193" s="70"/>
      <c r="J193" s="70"/>
      <c r="K193" s="70"/>
      <c r="L193" s="70"/>
    </row>
    <row r="194" spans="3:12" x14ac:dyDescent="0.2">
      <c r="C194" s="70"/>
      <c r="D194" s="70"/>
      <c r="E194" s="70"/>
      <c r="F194" s="70"/>
      <c r="G194" s="70"/>
      <c r="H194" s="70"/>
      <c r="I194" s="70"/>
      <c r="J194" s="70"/>
      <c r="K194" s="70"/>
      <c r="L194" s="70"/>
    </row>
    <row r="195" spans="3:12" x14ac:dyDescent="0.2">
      <c r="C195" s="70"/>
      <c r="D195" s="70"/>
      <c r="E195" s="70"/>
      <c r="F195" s="70"/>
      <c r="G195" s="70"/>
      <c r="H195" s="70"/>
      <c r="I195" s="70"/>
      <c r="J195" s="70"/>
      <c r="K195" s="70"/>
      <c r="L195" s="70"/>
    </row>
    <row r="196" spans="3:12" x14ac:dyDescent="0.2">
      <c r="C196" s="70"/>
      <c r="D196" s="70"/>
      <c r="E196" s="70"/>
      <c r="F196" s="70"/>
      <c r="G196" s="70"/>
      <c r="H196" s="70"/>
      <c r="I196" s="70"/>
      <c r="J196" s="70"/>
      <c r="K196" s="70"/>
      <c r="L196" s="70"/>
    </row>
    <row r="197" spans="3:12" x14ac:dyDescent="0.2">
      <c r="C197" s="70"/>
      <c r="D197" s="70"/>
      <c r="E197" s="70"/>
      <c r="F197" s="70"/>
      <c r="G197" s="70"/>
      <c r="H197" s="70"/>
      <c r="I197" s="70"/>
      <c r="J197" s="70"/>
      <c r="K197" s="70"/>
      <c r="L197" s="70"/>
    </row>
    <row r="198" spans="3:12" x14ac:dyDescent="0.2">
      <c r="C198" s="70"/>
      <c r="D198" s="70"/>
      <c r="E198" s="70"/>
      <c r="F198" s="70"/>
      <c r="G198" s="70"/>
      <c r="H198" s="70"/>
      <c r="I198" s="70"/>
      <c r="J198" s="70"/>
      <c r="K198" s="70"/>
      <c r="L198" s="70"/>
    </row>
    <row r="199" spans="3:12" x14ac:dyDescent="0.2">
      <c r="C199" s="70"/>
      <c r="D199" s="70"/>
      <c r="E199" s="70"/>
      <c r="F199" s="70"/>
      <c r="G199" s="70"/>
      <c r="H199" s="70"/>
      <c r="I199" s="70"/>
      <c r="J199" s="70"/>
      <c r="K199" s="70"/>
      <c r="L199" s="70"/>
    </row>
    <row r="200" spans="3:12" x14ac:dyDescent="0.2">
      <c r="C200" s="70"/>
      <c r="D200" s="70"/>
      <c r="E200" s="70"/>
      <c r="F200" s="70"/>
      <c r="G200" s="70"/>
      <c r="H200" s="70"/>
      <c r="I200" s="70"/>
      <c r="J200" s="70"/>
      <c r="K200" s="70"/>
      <c r="L200" s="70"/>
    </row>
    <row r="201" spans="3:12" x14ac:dyDescent="0.2">
      <c r="C201" s="70"/>
      <c r="D201" s="70"/>
      <c r="E201" s="70"/>
      <c r="F201" s="70"/>
      <c r="G201" s="70"/>
      <c r="H201" s="70"/>
      <c r="I201" s="70"/>
      <c r="J201" s="70"/>
      <c r="K201" s="70"/>
      <c r="L201" s="70"/>
    </row>
    <row r="202" spans="3:12" x14ac:dyDescent="0.2">
      <c r="C202" s="70"/>
      <c r="D202" s="70"/>
      <c r="E202" s="70"/>
      <c r="F202" s="70"/>
      <c r="G202" s="70"/>
      <c r="H202" s="70"/>
      <c r="I202" s="70"/>
      <c r="J202" s="70"/>
      <c r="K202" s="70"/>
      <c r="L202" s="70"/>
    </row>
    <row r="203" spans="3:12" x14ac:dyDescent="0.2">
      <c r="C203" s="70"/>
      <c r="D203" s="70"/>
      <c r="E203" s="70"/>
      <c r="F203" s="70"/>
      <c r="G203" s="70"/>
      <c r="H203" s="70"/>
      <c r="I203" s="70"/>
      <c r="J203" s="70"/>
      <c r="K203" s="70"/>
      <c r="L203" s="70"/>
    </row>
    <row r="204" spans="3:12" x14ac:dyDescent="0.2">
      <c r="C204" s="70"/>
      <c r="D204" s="70"/>
      <c r="E204" s="70"/>
      <c r="F204" s="70"/>
      <c r="G204" s="70"/>
      <c r="H204" s="70"/>
      <c r="I204" s="70"/>
      <c r="J204" s="70"/>
      <c r="K204" s="70"/>
      <c r="L204" s="70"/>
    </row>
    <row r="205" spans="3:12" x14ac:dyDescent="0.2">
      <c r="C205" s="70"/>
      <c r="D205" s="70"/>
      <c r="E205" s="70"/>
      <c r="F205" s="70"/>
      <c r="G205" s="70"/>
      <c r="H205" s="70"/>
      <c r="I205" s="70"/>
      <c r="J205" s="70"/>
      <c r="K205" s="70"/>
      <c r="L205" s="70"/>
    </row>
    <row r="206" spans="3:12" x14ac:dyDescent="0.2">
      <c r="C206" s="70"/>
      <c r="D206" s="70"/>
      <c r="E206" s="70"/>
      <c r="F206" s="70"/>
      <c r="G206" s="70"/>
      <c r="H206" s="70"/>
      <c r="I206" s="70"/>
      <c r="J206" s="70"/>
      <c r="K206" s="70"/>
      <c r="L206" s="70"/>
    </row>
    <row r="207" spans="3:12" x14ac:dyDescent="0.2">
      <c r="C207" s="70"/>
      <c r="D207" s="70"/>
      <c r="E207" s="70"/>
      <c r="F207" s="70"/>
      <c r="G207" s="70"/>
      <c r="H207" s="70"/>
      <c r="I207" s="70"/>
      <c r="J207" s="70"/>
      <c r="K207" s="70"/>
      <c r="L207" s="70"/>
    </row>
    <row r="208" spans="3:12" x14ac:dyDescent="0.2">
      <c r="C208" s="70"/>
      <c r="D208" s="70"/>
      <c r="E208" s="70"/>
      <c r="F208" s="70"/>
      <c r="G208" s="70"/>
      <c r="H208" s="70"/>
      <c r="I208" s="70"/>
      <c r="J208" s="70"/>
      <c r="K208" s="70"/>
      <c r="L208" s="70"/>
    </row>
    <row r="209" spans="3:12" x14ac:dyDescent="0.2">
      <c r="C209" s="70"/>
      <c r="D209" s="70"/>
      <c r="E209" s="70"/>
      <c r="F209" s="70"/>
      <c r="G209" s="70"/>
      <c r="H209" s="70"/>
      <c r="I209" s="70"/>
      <c r="J209" s="70"/>
      <c r="K209" s="70"/>
      <c r="L209" s="70"/>
    </row>
    <row r="210" spans="3:12" x14ac:dyDescent="0.2">
      <c r="C210" s="70"/>
      <c r="D210" s="70"/>
      <c r="E210" s="70"/>
      <c r="F210" s="70"/>
      <c r="G210" s="70"/>
      <c r="H210" s="70"/>
      <c r="I210" s="70"/>
      <c r="J210" s="70"/>
      <c r="K210" s="70"/>
      <c r="L210" s="70"/>
    </row>
    <row r="211" spans="3:12" x14ac:dyDescent="0.2">
      <c r="C211" s="70"/>
      <c r="D211" s="70"/>
      <c r="E211" s="70"/>
      <c r="F211" s="70"/>
      <c r="G211" s="70"/>
      <c r="H211" s="70"/>
      <c r="I211" s="70"/>
      <c r="J211" s="70"/>
      <c r="K211" s="70"/>
      <c r="L211" s="70"/>
    </row>
    <row r="212" spans="3:12" x14ac:dyDescent="0.2">
      <c r="C212" s="70"/>
      <c r="D212" s="70"/>
      <c r="E212" s="70"/>
      <c r="F212" s="70"/>
      <c r="G212" s="70"/>
      <c r="H212" s="70"/>
      <c r="I212" s="70"/>
      <c r="J212" s="70"/>
      <c r="K212" s="70"/>
      <c r="L212" s="70"/>
    </row>
    <row r="213" spans="3:12" x14ac:dyDescent="0.2">
      <c r="C213" s="70"/>
      <c r="D213" s="70"/>
      <c r="E213" s="70"/>
      <c r="F213" s="70"/>
      <c r="G213" s="70"/>
      <c r="H213" s="70"/>
      <c r="I213" s="70"/>
      <c r="J213" s="70"/>
      <c r="K213" s="70"/>
      <c r="L213" s="70"/>
    </row>
    <row r="214" spans="3:12" x14ac:dyDescent="0.2">
      <c r="C214" s="70"/>
      <c r="D214" s="70"/>
      <c r="E214" s="70"/>
      <c r="F214" s="70"/>
      <c r="G214" s="70"/>
      <c r="H214" s="70"/>
      <c r="I214" s="70"/>
      <c r="J214" s="70"/>
      <c r="K214" s="70"/>
      <c r="L214" s="70"/>
    </row>
    <row r="215" spans="3:12" x14ac:dyDescent="0.2">
      <c r="C215" s="70"/>
      <c r="D215" s="70"/>
      <c r="E215" s="70"/>
      <c r="F215" s="70"/>
      <c r="G215" s="70"/>
      <c r="H215" s="70"/>
      <c r="I215" s="70"/>
      <c r="J215" s="70"/>
      <c r="K215" s="70"/>
      <c r="L215" s="70"/>
    </row>
    <row r="216" spans="3:12" x14ac:dyDescent="0.2">
      <c r="C216" s="70"/>
      <c r="D216" s="70"/>
      <c r="E216" s="70"/>
      <c r="F216" s="70"/>
      <c r="G216" s="70"/>
      <c r="H216" s="70"/>
      <c r="I216" s="70"/>
      <c r="J216" s="70"/>
      <c r="K216" s="70"/>
      <c r="L216" s="70"/>
    </row>
    <row r="217" spans="3:12" x14ac:dyDescent="0.2">
      <c r="C217" s="70"/>
      <c r="D217" s="70"/>
      <c r="E217" s="70"/>
      <c r="F217" s="70"/>
      <c r="G217" s="70"/>
      <c r="H217" s="70"/>
      <c r="I217" s="70"/>
      <c r="J217" s="70"/>
      <c r="K217" s="70"/>
      <c r="L217" s="70"/>
    </row>
    <row r="218" spans="3:12" x14ac:dyDescent="0.2">
      <c r="C218" s="70"/>
      <c r="D218" s="70"/>
      <c r="E218" s="70"/>
      <c r="F218" s="70"/>
      <c r="G218" s="70"/>
      <c r="H218" s="70"/>
      <c r="I218" s="70"/>
      <c r="J218" s="70"/>
      <c r="K218" s="70"/>
      <c r="L218" s="70"/>
    </row>
  </sheetData>
  <mergeCells count="18">
    <mergeCell ref="Z4:AE4"/>
    <mergeCell ref="AF4:AF5"/>
    <mergeCell ref="H1:I1"/>
    <mergeCell ref="AG4:AI4"/>
    <mergeCell ref="AJ4:AO4"/>
    <mergeCell ref="AP4:AP5"/>
    <mergeCell ref="B3:B4"/>
    <mergeCell ref="C3:L3"/>
    <mergeCell ref="M3:V3"/>
    <mergeCell ref="W3:AF3"/>
    <mergeCell ref="AG3:AP3"/>
    <mergeCell ref="C4:E4"/>
    <mergeCell ref="F4:K4"/>
    <mergeCell ref="L4:L5"/>
    <mergeCell ref="M4:O4"/>
    <mergeCell ref="P4:U4"/>
    <mergeCell ref="V4:V5"/>
    <mergeCell ref="W4:Y4"/>
  </mergeCells>
  <phoneticPr fontId="4"/>
  <pageMargins left="0.39370078740157483" right="0.39370078740157483" top="0.27559055118110237" bottom="0.39370078740157483" header="0.19685039370078741" footer="0.19685039370078741"/>
  <pageSetup paperSize="9" scale="35" orientation="landscape" r:id="rId1"/>
  <headerFooter alignWithMargins="0">
    <oddFooter>&amp;L&amp;20&amp;A&amp;C&amp;P/&amp;N</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F1" sqref="F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 style="71" customWidth="1"/>
    <col min="7" max="13" width="10.33203125" style="71" customWidth="1"/>
    <col min="14" max="16" width="8.88671875" style="71" customWidth="1"/>
    <col min="17" max="17" width="7.6640625" style="71" customWidth="1"/>
    <col min="18" max="24" width="10.6640625" style="71" customWidth="1"/>
    <col min="25" max="27" width="8.88671875" style="71" customWidth="1"/>
    <col min="28" max="28" width="7.6640625" style="71" customWidth="1"/>
    <col min="29" max="29" width="8.88671875" style="71" customWidth="1"/>
    <col min="30" max="30" width="10.44140625" style="71" customWidth="1"/>
    <col min="31" max="33" width="8.88671875" style="71" customWidth="1"/>
    <col min="34" max="35" width="10" style="71" customWidth="1"/>
    <col min="36" max="38" width="8.88671875" style="71" customWidth="1"/>
    <col min="39" max="39" width="7.77734375" style="71" customWidth="1"/>
    <col min="40" max="49" width="8.88671875" style="71" customWidth="1"/>
    <col min="50" max="50" width="7.77734375" style="71" customWidth="1"/>
    <col min="51" max="55" width="8.88671875" style="71" customWidth="1"/>
    <col min="56" max="57" width="10.33203125" style="71" customWidth="1"/>
    <col min="58" max="60" width="8.88671875" style="71" customWidth="1"/>
    <col min="61" max="61" width="8" style="71" customWidth="1"/>
    <col min="62" max="71" width="8.88671875" style="71" customWidth="1"/>
    <col min="72" max="72" width="7.44140625" style="71" customWidth="1"/>
    <col min="73" max="77" width="8.88671875" style="71" customWidth="1"/>
    <col min="78" max="78" width="11.77734375" style="71" customWidth="1"/>
    <col min="79" max="79" width="12" style="71" customWidth="1"/>
    <col min="80" max="82" width="8.88671875" style="247" customWidth="1"/>
    <col min="83" max="83" width="7.77734375" style="247" customWidth="1"/>
    <col min="84" max="90" width="9" style="247" customWidth="1"/>
    <col min="91" max="93" width="8.88671875" style="71" customWidth="1"/>
    <col min="94" max="94" width="7.44140625" style="71" customWidth="1"/>
    <col min="95" max="97" width="10.109375" style="71" customWidth="1"/>
    <col min="98" max="99" width="8.88671875" style="71" customWidth="1"/>
    <col min="100" max="101" width="10.21875" style="71" customWidth="1"/>
    <col min="102" max="104" width="8.88671875" style="71" customWidth="1"/>
    <col min="105" max="105" width="7.33203125" style="71" customWidth="1"/>
    <col min="106" max="110" width="8.88671875" style="71" customWidth="1"/>
    <col min="111" max="112" width="9.21875" style="71" customWidth="1"/>
    <col min="113" max="115" width="8.88671875" style="247" customWidth="1"/>
    <col min="116" max="116" width="7.33203125" style="247" customWidth="1"/>
    <col min="117" max="121" width="8.88671875" style="247" customWidth="1"/>
    <col min="122" max="123" width="9.6640625" style="247" customWidth="1"/>
    <col min="124" max="126" width="8.88671875" style="71" customWidth="1"/>
    <col min="127" max="127" width="7.77734375" style="71" customWidth="1"/>
    <col min="128" max="132" width="8.88671875" style="71" customWidth="1"/>
    <col min="133" max="134" width="9.33203125" style="71" customWidth="1"/>
    <col min="135" max="137" width="8.88671875" style="71" customWidth="1"/>
    <col min="138" max="138" width="7.44140625" style="71" customWidth="1"/>
    <col min="139" max="148" width="8.88671875" style="71" customWidth="1"/>
    <col min="149" max="149" width="7.21875" style="71" customWidth="1"/>
    <col min="150" max="159" width="8.88671875" style="71" customWidth="1"/>
    <col min="160" max="160" width="7.21875" style="71" customWidth="1"/>
    <col min="161" max="167" width="8.88671875" style="71" customWidth="1"/>
    <col min="168" max="170" width="8.88671875" style="247" customWidth="1"/>
    <col min="171" max="171" width="7.33203125" style="247" customWidth="1"/>
    <col min="172" max="176" width="8.88671875" style="247" customWidth="1"/>
    <col min="177" max="178" width="9.6640625" style="247" customWidth="1"/>
    <col min="179" max="181" width="8.88671875" style="71" customWidth="1"/>
    <col min="182" max="182" width="7.21875" style="71" customWidth="1"/>
    <col min="183" max="187" width="8.88671875" style="71" customWidth="1"/>
    <col min="188" max="189" width="9.44140625" style="71" customWidth="1"/>
    <col min="190" max="192" width="8.88671875" style="71" customWidth="1"/>
    <col min="193" max="193" width="7.77734375" style="71" customWidth="1"/>
    <col min="194" max="203" width="8.88671875" style="71" customWidth="1"/>
    <col min="204" max="204" width="7.44140625" style="71" customWidth="1"/>
    <col min="205" max="214" width="8.88671875" style="71" customWidth="1"/>
    <col min="215" max="215" width="7.33203125" style="71" customWidth="1"/>
    <col min="216" max="218" width="8.88671875" style="71" customWidth="1"/>
    <col min="219" max="219" width="10.44140625" style="71" customWidth="1"/>
    <col min="220" max="220" width="8.88671875" style="71" customWidth="1"/>
    <col min="221" max="222" width="9.6640625" style="71" customWidth="1"/>
    <col min="223" max="225" width="8.88671875" style="71" customWidth="1"/>
    <col min="226" max="226" width="7.6640625" style="71" customWidth="1"/>
    <col min="227" max="231" width="8.8867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1:409" ht="24" customHeight="1" x14ac:dyDescent="0.2">
      <c r="B1" s="10" t="s">
        <v>143</v>
      </c>
      <c r="E1" s="63">
        <f>第１表!F2</f>
        <v>6</v>
      </c>
      <c r="F1" s="418">
        <f>第１表!G2</f>
        <v>10</v>
      </c>
      <c r="G1" s="573">
        <f>IF(F1&lt;3,F1-2+12,F1-2)</f>
        <v>8</v>
      </c>
      <c r="H1" s="573"/>
      <c r="IB1" s="42"/>
      <c r="IC1" s="22"/>
      <c r="ID1" s="548"/>
      <c r="IE1" s="548"/>
    </row>
    <row r="2" spans="1:409" ht="24" customHeight="1" x14ac:dyDescent="0.2">
      <c r="B2" s="10" t="s">
        <v>144</v>
      </c>
      <c r="E2" s="19"/>
      <c r="F2" s="20"/>
      <c r="G2" s="548"/>
      <c r="H2" s="548"/>
      <c r="IB2" s="21"/>
      <c r="IC2" s="22"/>
      <c r="ID2" s="248"/>
      <c r="IE2" s="248"/>
    </row>
    <row r="3" spans="1:409" ht="24" customHeight="1" thickBot="1" x14ac:dyDescent="0.25">
      <c r="B3" s="10" t="s">
        <v>145</v>
      </c>
    </row>
    <row r="4" spans="1:409" ht="21" customHeight="1" thickBot="1" x14ac:dyDescent="0.25">
      <c r="B4" s="555" t="s">
        <v>42</v>
      </c>
      <c r="C4" s="558" t="s">
        <v>63</v>
      </c>
      <c r="D4" s="558"/>
      <c r="E4" s="558"/>
      <c r="F4" s="558"/>
      <c r="G4" s="558"/>
      <c r="H4" s="558"/>
      <c r="I4" s="558"/>
      <c r="J4" s="558"/>
      <c r="K4" s="558"/>
      <c r="L4" s="558"/>
      <c r="M4" s="558"/>
      <c r="N4" s="521"/>
      <c r="O4" s="521"/>
      <c r="P4" s="521"/>
      <c r="Q4" s="521"/>
      <c r="R4" s="521"/>
      <c r="S4" s="521"/>
      <c r="T4" s="521"/>
      <c r="U4" s="521"/>
      <c r="V4" s="521"/>
      <c r="W4" s="521"/>
      <c r="X4" s="521"/>
      <c r="Y4" s="521"/>
      <c r="Z4" s="521"/>
      <c r="AA4" s="521"/>
      <c r="AB4" s="521"/>
      <c r="AC4" s="521"/>
      <c r="AD4" s="521"/>
      <c r="AE4" s="521"/>
      <c r="AF4" s="521"/>
      <c r="AG4" s="521"/>
      <c r="AH4" s="521"/>
      <c r="AI4" s="521"/>
      <c r="AJ4" s="521"/>
      <c r="AK4" s="521"/>
      <c r="AL4" s="521"/>
      <c r="AM4" s="521"/>
      <c r="AN4" s="521"/>
      <c r="AO4" s="521"/>
      <c r="AP4" s="521"/>
      <c r="AQ4" s="521"/>
      <c r="AR4" s="521"/>
      <c r="AS4" s="521"/>
      <c r="AT4" s="521"/>
      <c r="AU4" s="521"/>
      <c r="AV4" s="521"/>
      <c r="AW4" s="521"/>
      <c r="AX4" s="521"/>
      <c r="AY4" s="521"/>
      <c r="AZ4" s="521"/>
      <c r="BA4" s="521"/>
      <c r="BB4" s="521"/>
      <c r="BC4" s="521"/>
      <c r="BD4" s="521"/>
      <c r="BE4" s="521"/>
      <c r="BF4" s="521"/>
      <c r="BG4" s="521"/>
      <c r="BH4" s="521"/>
      <c r="BI4" s="521"/>
      <c r="BJ4" s="521"/>
      <c r="BK4" s="521"/>
      <c r="BL4" s="521"/>
      <c r="BM4" s="521"/>
      <c r="BN4" s="521"/>
      <c r="BO4" s="521"/>
      <c r="BP4" s="521"/>
      <c r="BQ4" s="521"/>
      <c r="BR4" s="521"/>
      <c r="BS4" s="521"/>
      <c r="BT4" s="521"/>
      <c r="BU4" s="521"/>
      <c r="BV4" s="521"/>
      <c r="BW4" s="521"/>
      <c r="BX4" s="521"/>
      <c r="BY4" s="521"/>
      <c r="BZ4" s="521"/>
      <c r="CA4" s="521"/>
      <c r="CB4" s="521"/>
      <c r="CC4" s="521"/>
      <c r="CD4" s="521"/>
      <c r="CE4" s="521"/>
      <c r="CF4" s="521"/>
      <c r="CG4" s="521"/>
      <c r="CH4" s="521"/>
      <c r="CI4" s="521"/>
      <c r="CJ4" s="521"/>
      <c r="CK4" s="521"/>
      <c r="CL4" s="521"/>
      <c r="CM4" s="521"/>
      <c r="CN4" s="521"/>
      <c r="CO4" s="521"/>
      <c r="CP4" s="521"/>
      <c r="CQ4" s="521"/>
      <c r="CR4" s="521"/>
      <c r="CS4" s="521"/>
      <c r="CT4" s="521"/>
      <c r="CU4" s="521"/>
      <c r="CV4" s="521"/>
      <c r="CW4" s="521"/>
      <c r="CX4" s="521"/>
      <c r="CY4" s="521"/>
      <c r="CZ4" s="521"/>
      <c r="DA4" s="521"/>
      <c r="DB4" s="521"/>
      <c r="DC4" s="521"/>
      <c r="DD4" s="521"/>
      <c r="DE4" s="521"/>
      <c r="DF4" s="521"/>
      <c r="DG4" s="521"/>
      <c r="DH4" s="521"/>
      <c r="DI4" s="521"/>
      <c r="DJ4" s="521"/>
      <c r="DK4" s="521"/>
      <c r="DL4" s="521"/>
      <c r="DM4" s="521"/>
      <c r="DN4" s="521"/>
      <c r="DO4" s="521"/>
      <c r="DP4" s="521"/>
      <c r="DQ4" s="521"/>
      <c r="DR4" s="521"/>
      <c r="DS4" s="521"/>
      <c r="DT4" s="521"/>
      <c r="DU4" s="521"/>
      <c r="DV4" s="521"/>
      <c r="DW4" s="521"/>
      <c r="DX4" s="521"/>
      <c r="DY4" s="521"/>
      <c r="DZ4" s="521"/>
      <c r="EA4" s="521"/>
      <c r="EB4" s="521"/>
      <c r="EC4" s="521"/>
      <c r="ED4" s="521"/>
      <c r="EE4" s="521"/>
      <c r="EF4" s="521"/>
      <c r="EG4" s="521"/>
      <c r="EH4" s="521"/>
      <c r="EI4" s="521"/>
      <c r="EJ4" s="521"/>
      <c r="EK4" s="521"/>
      <c r="EL4" s="521"/>
      <c r="EM4" s="521"/>
      <c r="EN4" s="521"/>
      <c r="EO4" s="521"/>
      <c r="EP4" s="521"/>
      <c r="EQ4" s="521"/>
      <c r="ER4" s="521"/>
      <c r="ES4" s="521"/>
      <c r="ET4" s="521"/>
      <c r="EU4" s="521"/>
      <c r="EV4" s="521"/>
      <c r="EW4" s="521"/>
      <c r="EX4" s="521"/>
      <c r="EY4" s="521"/>
      <c r="EZ4" s="521"/>
      <c r="FA4" s="521"/>
      <c r="FB4" s="521"/>
      <c r="FC4" s="521"/>
      <c r="FD4" s="521"/>
      <c r="FE4" s="521"/>
      <c r="FF4" s="521"/>
      <c r="FG4" s="521"/>
      <c r="FH4" s="521"/>
      <c r="FI4" s="521"/>
      <c r="FJ4" s="521"/>
      <c r="FK4" s="521"/>
      <c r="FL4" s="521"/>
      <c r="FM4" s="521"/>
      <c r="FN4" s="521"/>
      <c r="FO4" s="521"/>
      <c r="FP4" s="521"/>
      <c r="FQ4" s="521"/>
      <c r="FR4" s="521"/>
      <c r="FS4" s="521"/>
      <c r="FT4" s="521"/>
      <c r="FU4" s="521"/>
      <c r="FV4" s="521"/>
      <c r="FW4" s="521"/>
      <c r="FX4" s="521"/>
      <c r="FY4" s="521"/>
      <c r="FZ4" s="521"/>
      <c r="GA4" s="521"/>
      <c r="GB4" s="521"/>
      <c r="GC4" s="521"/>
      <c r="GD4" s="521"/>
      <c r="GE4" s="521"/>
      <c r="GF4" s="521"/>
      <c r="GG4" s="521"/>
      <c r="GH4" s="521"/>
      <c r="GI4" s="521"/>
      <c r="GJ4" s="521"/>
      <c r="GK4" s="521"/>
      <c r="GL4" s="521"/>
      <c r="GM4" s="521"/>
      <c r="GN4" s="521"/>
      <c r="GO4" s="521"/>
      <c r="GP4" s="521"/>
      <c r="GQ4" s="521"/>
      <c r="GR4" s="521"/>
      <c r="GS4" s="521"/>
      <c r="GT4" s="521"/>
      <c r="GU4" s="521"/>
      <c r="GV4" s="521"/>
      <c r="GW4" s="521"/>
      <c r="GX4" s="521"/>
      <c r="GY4" s="521"/>
      <c r="GZ4" s="521"/>
      <c r="HA4" s="521"/>
      <c r="HB4" s="521"/>
      <c r="HC4" s="521"/>
      <c r="HD4" s="521"/>
      <c r="HE4" s="521"/>
      <c r="HF4" s="521"/>
      <c r="HG4" s="521"/>
      <c r="HH4" s="521"/>
      <c r="HI4" s="521"/>
      <c r="HJ4" s="521"/>
      <c r="HK4" s="521"/>
      <c r="HL4" s="521"/>
      <c r="HM4" s="521"/>
      <c r="HN4" s="521"/>
      <c r="HO4" s="521"/>
      <c r="HP4" s="521"/>
      <c r="HQ4" s="521"/>
      <c r="HR4" s="521"/>
      <c r="HS4" s="521"/>
      <c r="HT4" s="521"/>
      <c r="HU4" s="521"/>
      <c r="HV4" s="521"/>
      <c r="HW4" s="521"/>
      <c r="HX4" s="521"/>
      <c r="HY4" s="522"/>
      <c r="HZ4" s="425" t="s">
        <v>85</v>
      </c>
      <c r="IA4" s="426"/>
      <c r="IB4" s="426"/>
      <c r="IC4" s="426"/>
      <c r="ID4" s="426"/>
      <c r="IE4" s="426"/>
      <c r="IF4" s="426"/>
      <c r="IG4" s="426"/>
      <c r="IH4" s="426"/>
      <c r="II4" s="426"/>
      <c r="IJ4" s="426"/>
      <c r="IK4" s="426"/>
      <c r="IL4" s="426"/>
      <c r="IM4" s="426"/>
      <c r="IN4" s="426"/>
      <c r="IO4" s="426"/>
      <c r="IP4" s="426"/>
      <c r="IQ4" s="426"/>
      <c r="IR4" s="426"/>
      <c r="IS4" s="426"/>
      <c r="IT4" s="426"/>
      <c r="IU4" s="426"/>
      <c r="IV4" s="426"/>
      <c r="IW4" s="426"/>
      <c r="IX4" s="426"/>
      <c r="IY4" s="426"/>
      <c r="IZ4" s="426"/>
      <c r="JA4" s="426"/>
      <c r="JB4" s="426"/>
      <c r="JC4" s="426"/>
      <c r="JD4" s="426"/>
      <c r="JE4" s="426"/>
      <c r="JF4" s="426"/>
      <c r="JG4" s="426"/>
      <c r="JH4" s="426"/>
      <c r="JI4" s="426"/>
      <c r="JJ4" s="426"/>
      <c r="JK4" s="426"/>
      <c r="JL4" s="426"/>
      <c r="JM4" s="426"/>
      <c r="JN4" s="426"/>
      <c r="JO4" s="426"/>
      <c r="JP4" s="426"/>
      <c r="JQ4" s="426"/>
      <c r="JR4" s="426"/>
      <c r="JS4" s="426"/>
      <c r="JT4" s="426"/>
      <c r="JU4" s="426"/>
      <c r="JV4" s="426"/>
      <c r="JW4" s="426"/>
      <c r="JX4" s="426"/>
      <c r="JY4" s="426"/>
      <c r="JZ4" s="426"/>
      <c r="KA4" s="426"/>
      <c r="KB4" s="426"/>
      <c r="KC4" s="426"/>
      <c r="KD4" s="426"/>
      <c r="KE4" s="426"/>
      <c r="KF4" s="426"/>
      <c r="KG4" s="426"/>
      <c r="KH4" s="426"/>
      <c r="KI4" s="426"/>
      <c r="KJ4" s="426"/>
      <c r="KK4" s="426"/>
      <c r="KL4" s="426"/>
      <c r="KM4" s="426"/>
      <c r="KN4" s="426"/>
      <c r="KO4" s="426"/>
      <c r="KP4" s="426"/>
      <c r="KQ4" s="426"/>
      <c r="KR4" s="426"/>
      <c r="KS4" s="426"/>
      <c r="KT4" s="426"/>
      <c r="KU4" s="426"/>
      <c r="KV4" s="426"/>
      <c r="KW4" s="426"/>
      <c r="KX4" s="426"/>
      <c r="KY4" s="426"/>
      <c r="KZ4" s="426"/>
      <c r="LA4" s="426"/>
      <c r="LB4" s="426"/>
      <c r="LC4" s="426"/>
      <c r="LD4" s="426"/>
      <c r="LE4" s="426"/>
      <c r="LF4" s="426"/>
      <c r="LG4" s="426"/>
      <c r="LH4" s="426"/>
      <c r="LI4" s="426"/>
      <c r="LJ4" s="426"/>
      <c r="LK4" s="426"/>
      <c r="LL4" s="426"/>
      <c r="LM4" s="426"/>
      <c r="LN4" s="426"/>
      <c r="LO4" s="426"/>
      <c r="LP4" s="426"/>
      <c r="LQ4" s="426"/>
      <c r="LR4" s="426"/>
      <c r="LS4" s="426"/>
      <c r="LT4" s="426"/>
      <c r="LU4" s="426"/>
      <c r="LV4" s="426"/>
      <c r="LW4" s="426"/>
      <c r="LX4" s="426"/>
      <c r="LY4" s="426"/>
      <c r="LZ4" s="426"/>
      <c r="MA4" s="426"/>
      <c r="MB4" s="426"/>
      <c r="MC4" s="426"/>
      <c r="MD4" s="426"/>
      <c r="ME4" s="427"/>
      <c r="MF4" s="425" t="s">
        <v>86</v>
      </c>
      <c r="MG4" s="426"/>
      <c r="MH4" s="426"/>
      <c r="MI4" s="426"/>
      <c r="MJ4" s="426"/>
      <c r="MK4" s="426"/>
      <c r="ML4" s="426"/>
      <c r="MM4" s="426"/>
      <c r="MN4" s="426"/>
      <c r="MO4" s="426"/>
      <c r="MP4" s="426"/>
      <c r="MQ4" s="426"/>
      <c r="MR4" s="426"/>
      <c r="MS4" s="426"/>
      <c r="MT4" s="426"/>
      <c r="MU4" s="426"/>
      <c r="MV4" s="426"/>
      <c r="MW4" s="426"/>
      <c r="MX4" s="426"/>
      <c r="MY4" s="426"/>
      <c r="MZ4" s="426"/>
      <c r="NA4" s="426"/>
      <c r="NB4" s="426"/>
      <c r="NC4" s="426"/>
      <c r="ND4" s="426"/>
      <c r="NE4" s="426"/>
      <c r="NF4" s="426"/>
      <c r="NG4" s="426"/>
      <c r="NH4" s="426"/>
      <c r="NI4" s="426"/>
      <c r="NJ4" s="426"/>
      <c r="NK4" s="426"/>
      <c r="NL4" s="426"/>
      <c r="NM4" s="426"/>
      <c r="NN4" s="426"/>
      <c r="NO4" s="426"/>
      <c r="NP4" s="426"/>
      <c r="NQ4" s="426"/>
      <c r="NR4" s="426"/>
      <c r="NS4" s="426"/>
      <c r="NT4" s="426"/>
      <c r="NU4" s="426"/>
      <c r="NV4" s="426"/>
      <c r="NW4" s="426"/>
      <c r="NX4" s="426"/>
      <c r="NY4" s="426"/>
      <c r="NZ4" s="426"/>
      <c r="OA4" s="426"/>
      <c r="OB4" s="426"/>
      <c r="OC4" s="426"/>
      <c r="OD4" s="426"/>
      <c r="OE4" s="426"/>
      <c r="OF4" s="426"/>
      <c r="OG4" s="426"/>
      <c r="OH4" s="427"/>
      <c r="OI4" s="428" t="s">
        <v>60</v>
      </c>
      <c r="OJ4" s="429"/>
      <c r="OK4" s="429"/>
      <c r="OL4" s="429"/>
      <c r="OM4" s="429"/>
      <c r="ON4" s="429"/>
      <c r="OO4" s="429"/>
      <c r="OP4" s="429"/>
      <c r="OQ4" s="429"/>
      <c r="OR4" s="429"/>
      <c r="OS4" s="430"/>
    </row>
    <row r="5" spans="1:409" ht="21" customHeight="1" thickBot="1" x14ac:dyDescent="0.25">
      <c r="B5" s="556"/>
      <c r="C5" s="559"/>
      <c r="D5" s="559"/>
      <c r="E5" s="559"/>
      <c r="F5" s="559"/>
      <c r="G5" s="559"/>
      <c r="H5" s="559"/>
      <c r="I5" s="559"/>
      <c r="J5" s="559"/>
      <c r="K5" s="559"/>
      <c r="L5" s="559"/>
      <c r="M5" s="559"/>
      <c r="N5" s="561" t="s">
        <v>64</v>
      </c>
      <c r="O5" s="562"/>
      <c r="P5" s="562"/>
      <c r="Q5" s="562"/>
      <c r="R5" s="562"/>
      <c r="S5" s="562"/>
      <c r="T5" s="562"/>
      <c r="U5" s="562"/>
      <c r="V5" s="562"/>
      <c r="W5" s="562"/>
      <c r="X5" s="562"/>
      <c r="Y5" s="562"/>
      <c r="Z5" s="562"/>
      <c r="AA5" s="562"/>
      <c r="AB5" s="562"/>
      <c r="AC5" s="562"/>
      <c r="AD5" s="562"/>
      <c r="AE5" s="562"/>
      <c r="AF5" s="562"/>
      <c r="AG5" s="562"/>
      <c r="AH5" s="562"/>
      <c r="AI5" s="562"/>
      <c r="AJ5" s="562"/>
      <c r="AK5" s="562"/>
      <c r="AL5" s="562"/>
      <c r="AM5" s="562"/>
      <c r="AN5" s="562"/>
      <c r="AO5" s="562"/>
      <c r="AP5" s="562"/>
      <c r="AQ5" s="562"/>
      <c r="AR5" s="562"/>
      <c r="AS5" s="562"/>
      <c r="AT5" s="562"/>
      <c r="AU5" s="562"/>
      <c r="AV5" s="562"/>
      <c r="AW5" s="562"/>
      <c r="AX5" s="562"/>
      <c r="AY5" s="562"/>
      <c r="AZ5" s="562"/>
      <c r="BA5" s="562"/>
      <c r="BB5" s="562"/>
      <c r="BC5" s="562"/>
      <c r="BD5" s="562"/>
      <c r="BE5" s="562"/>
      <c r="BF5" s="562"/>
      <c r="BG5" s="562"/>
      <c r="BH5" s="562"/>
      <c r="BI5" s="562"/>
      <c r="BJ5" s="562"/>
      <c r="BK5" s="562"/>
      <c r="BL5" s="562"/>
      <c r="BM5" s="562"/>
      <c r="BN5" s="562"/>
      <c r="BO5" s="562"/>
      <c r="BP5" s="562"/>
      <c r="BQ5" s="562"/>
      <c r="BR5" s="562"/>
      <c r="BS5" s="562"/>
      <c r="BT5" s="562"/>
      <c r="BU5" s="562"/>
      <c r="BV5" s="562"/>
      <c r="BW5" s="562"/>
      <c r="BX5" s="562"/>
      <c r="BY5" s="562"/>
      <c r="BZ5" s="562"/>
      <c r="CA5" s="563"/>
      <c r="CB5" s="561" t="s">
        <v>65</v>
      </c>
      <c r="CC5" s="562"/>
      <c r="CD5" s="562"/>
      <c r="CE5" s="562"/>
      <c r="CF5" s="562"/>
      <c r="CG5" s="562"/>
      <c r="CH5" s="562"/>
      <c r="CI5" s="562"/>
      <c r="CJ5" s="562"/>
      <c r="CK5" s="562"/>
      <c r="CL5" s="562"/>
      <c r="CM5" s="562"/>
      <c r="CN5" s="562"/>
      <c r="CO5" s="562"/>
      <c r="CP5" s="562"/>
      <c r="CQ5" s="562"/>
      <c r="CR5" s="562"/>
      <c r="CS5" s="562"/>
      <c r="CT5" s="562"/>
      <c r="CU5" s="562"/>
      <c r="CV5" s="562"/>
      <c r="CW5" s="562"/>
      <c r="CX5" s="562"/>
      <c r="CY5" s="562"/>
      <c r="CZ5" s="562"/>
      <c r="DA5" s="562"/>
      <c r="DB5" s="562"/>
      <c r="DC5" s="562"/>
      <c r="DD5" s="562"/>
      <c r="DE5" s="562"/>
      <c r="DF5" s="562"/>
      <c r="DG5" s="562"/>
      <c r="DH5" s="563"/>
      <c r="DI5" s="425" t="s">
        <v>66</v>
      </c>
      <c r="DJ5" s="426"/>
      <c r="DK5" s="426"/>
      <c r="DL5" s="426"/>
      <c r="DM5" s="426"/>
      <c r="DN5" s="426"/>
      <c r="DO5" s="426"/>
      <c r="DP5" s="426"/>
      <c r="DQ5" s="426"/>
      <c r="DR5" s="426"/>
      <c r="DS5" s="426"/>
      <c r="DT5" s="426"/>
      <c r="DU5" s="426"/>
      <c r="DV5" s="426"/>
      <c r="DW5" s="426"/>
      <c r="DX5" s="426"/>
      <c r="DY5" s="426"/>
      <c r="DZ5" s="426"/>
      <c r="EA5" s="426"/>
      <c r="EB5" s="426"/>
      <c r="EC5" s="426"/>
      <c r="ED5" s="426"/>
      <c r="EE5" s="426"/>
      <c r="EF5" s="426"/>
      <c r="EG5" s="426"/>
      <c r="EH5" s="426"/>
      <c r="EI5" s="426"/>
      <c r="EJ5" s="426"/>
      <c r="EK5" s="426"/>
      <c r="EL5" s="426"/>
      <c r="EM5" s="426"/>
      <c r="EN5" s="426"/>
      <c r="EO5" s="426"/>
      <c r="EP5" s="426"/>
      <c r="EQ5" s="426"/>
      <c r="ER5" s="426"/>
      <c r="ES5" s="426"/>
      <c r="ET5" s="426"/>
      <c r="EU5" s="426"/>
      <c r="EV5" s="426"/>
      <c r="EW5" s="426"/>
      <c r="EX5" s="426"/>
      <c r="EY5" s="426"/>
      <c r="EZ5" s="426"/>
      <c r="FA5" s="426"/>
      <c r="FB5" s="426"/>
      <c r="FC5" s="426"/>
      <c r="FD5" s="426"/>
      <c r="FE5" s="426"/>
      <c r="FF5" s="426"/>
      <c r="FG5" s="426"/>
      <c r="FH5" s="426"/>
      <c r="FI5" s="426"/>
      <c r="FJ5" s="426"/>
      <c r="FK5" s="427"/>
      <c r="FL5" s="561" t="s">
        <v>67</v>
      </c>
      <c r="FM5" s="562"/>
      <c r="FN5" s="562"/>
      <c r="FO5" s="562"/>
      <c r="FP5" s="562"/>
      <c r="FQ5" s="562"/>
      <c r="FR5" s="562"/>
      <c r="FS5" s="562"/>
      <c r="FT5" s="562"/>
      <c r="FU5" s="562"/>
      <c r="FV5" s="562"/>
      <c r="FW5" s="562"/>
      <c r="FX5" s="562"/>
      <c r="FY5" s="562"/>
      <c r="FZ5" s="562"/>
      <c r="GA5" s="562"/>
      <c r="GB5" s="562"/>
      <c r="GC5" s="562"/>
      <c r="GD5" s="562"/>
      <c r="GE5" s="562"/>
      <c r="GF5" s="562"/>
      <c r="GG5" s="562"/>
      <c r="GH5" s="562"/>
      <c r="GI5" s="562"/>
      <c r="GJ5" s="562"/>
      <c r="GK5" s="562"/>
      <c r="GL5" s="562"/>
      <c r="GM5" s="562"/>
      <c r="GN5" s="562"/>
      <c r="GO5" s="562"/>
      <c r="GP5" s="562"/>
      <c r="GQ5" s="562"/>
      <c r="GR5" s="562"/>
      <c r="GS5" s="562"/>
      <c r="GT5" s="562"/>
      <c r="GU5" s="562"/>
      <c r="GV5" s="562"/>
      <c r="GW5" s="562"/>
      <c r="GX5" s="562"/>
      <c r="GY5" s="562"/>
      <c r="GZ5" s="562"/>
      <c r="HA5" s="562"/>
      <c r="HB5" s="562"/>
      <c r="HC5" s="563"/>
      <c r="HD5" s="564" t="s">
        <v>68</v>
      </c>
      <c r="HE5" s="565"/>
      <c r="HF5" s="565"/>
      <c r="HG5" s="565"/>
      <c r="HH5" s="565"/>
      <c r="HI5" s="565"/>
      <c r="HJ5" s="565"/>
      <c r="HK5" s="565"/>
      <c r="HL5" s="565"/>
      <c r="HM5" s="565"/>
      <c r="HN5" s="566"/>
      <c r="HO5" s="564" t="s">
        <v>69</v>
      </c>
      <c r="HP5" s="565"/>
      <c r="HQ5" s="565"/>
      <c r="HR5" s="565"/>
      <c r="HS5" s="565"/>
      <c r="HT5" s="565"/>
      <c r="HU5" s="565"/>
      <c r="HV5" s="565"/>
      <c r="HW5" s="565"/>
      <c r="HX5" s="565"/>
      <c r="HY5" s="566"/>
      <c r="HZ5" s="539"/>
      <c r="IA5" s="540"/>
      <c r="IB5" s="540"/>
      <c r="IC5" s="540"/>
      <c r="ID5" s="540"/>
      <c r="IE5" s="540"/>
      <c r="IF5" s="540"/>
      <c r="IG5" s="540"/>
      <c r="IH5" s="540"/>
      <c r="II5" s="540"/>
      <c r="IJ5" s="541"/>
      <c r="IK5" s="428" t="s">
        <v>94</v>
      </c>
      <c r="IL5" s="429"/>
      <c r="IM5" s="429"/>
      <c r="IN5" s="429"/>
      <c r="IO5" s="429"/>
      <c r="IP5" s="429"/>
      <c r="IQ5" s="429"/>
      <c r="IR5" s="429"/>
      <c r="IS5" s="429"/>
      <c r="IT5" s="429"/>
      <c r="IU5" s="430"/>
      <c r="IV5" s="428" t="s">
        <v>88</v>
      </c>
      <c r="IW5" s="429"/>
      <c r="IX5" s="429"/>
      <c r="IY5" s="429"/>
      <c r="IZ5" s="429"/>
      <c r="JA5" s="429"/>
      <c r="JB5" s="429"/>
      <c r="JC5" s="429"/>
      <c r="JD5" s="429"/>
      <c r="JE5" s="429"/>
      <c r="JF5" s="430"/>
      <c r="JG5" s="428" t="s">
        <v>141</v>
      </c>
      <c r="JH5" s="429"/>
      <c r="JI5" s="429"/>
      <c r="JJ5" s="429"/>
      <c r="JK5" s="429"/>
      <c r="JL5" s="429"/>
      <c r="JM5" s="429"/>
      <c r="JN5" s="429"/>
      <c r="JO5" s="429"/>
      <c r="JP5" s="429"/>
      <c r="JQ5" s="430"/>
      <c r="JR5" s="428" t="s">
        <v>90</v>
      </c>
      <c r="JS5" s="429"/>
      <c r="JT5" s="429"/>
      <c r="JU5" s="429"/>
      <c r="JV5" s="429"/>
      <c r="JW5" s="429"/>
      <c r="JX5" s="429"/>
      <c r="JY5" s="429"/>
      <c r="JZ5" s="429"/>
      <c r="KA5" s="429"/>
      <c r="KB5" s="430"/>
      <c r="KC5" s="428" t="s">
        <v>89</v>
      </c>
      <c r="KD5" s="429"/>
      <c r="KE5" s="429"/>
      <c r="KF5" s="429"/>
      <c r="KG5" s="429"/>
      <c r="KH5" s="429"/>
      <c r="KI5" s="429"/>
      <c r="KJ5" s="429"/>
      <c r="KK5" s="429"/>
      <c r="KL5" s="429"/>
      <c r="KM5" s="430"/>
      <c r="KN5" s="428" t="s">
        <v>91</v>
      </c>
      <c r="KO5" s="429"/>
      <c r="KP5" s="429"/>
      <c r="KQ5" s="429"/>
      <c r="KR5" s="429"/>
      <c r="KS5" s="429"/>
      <c r="KT5" s="429"/>
      <c r="KU5" s="429"/>
      <c r="KV5" s="429"/>
      <c r="KW5" s="429"/>
      <c r="KX5" s="430"/>
      <c r="KY5" s="428" t="s">
        <v>92</v>
      </c>
      <c r="KZ5" s="429"/>
      <c r="LA5" s="429"/>
      <c r="LB5" s="429"/>
      <c r="LC5" s="429"/>
      <c r="LD5" s="429"/>
      <c r="LE5" s="429"/>
      <c r="LF5" s="429"/>
      <c r="LG5" s="429"/>
      <c r="LH5" s="429"/>
      <c r="LI5" s="430"/>
      <c r="LJ5" s="545" t="s">
        <v>93</v>
      </c>
      <c r="LK5" s="546"/>
      <c r="LL5" s="546"/>
      <c r="LM5" s="546"/>
      <c r="LN5" s="546"/>
      <c r="LO5" s="546"/>
      <c r="LP5" s="546"/>
      <c r="LQ5" s="546"/>
      <c r="LR5" s="546"/>
      <c r="LS5" s="546"/>
      <c r="LT5" s="547"/>
      <c r="LU5" s="545" t="s">
        <v>142</v>
      </c>
      <c r="LV5" s="546"/>
      <c r="LW5" s="546"/>
      <c r="LX5" s="546"/>
      <c r="LY5" s="546"/>
      <c r="LZ5" s="546"/>
      <c r="MA5" s="546"/>
      <c r="MB5" s="546"/>
      <c r="MC5" s="546"/>
      <c r="MD5" s="546"/>
      <c r="ME5" s="547"/>
      <c r="MF5" s="539"/>
      <c r="MG5" s="540"/>
      <c r="MH5" s="540"/>
      <c r="MI5" s="540"/>
      <c r="MJ5" s="540"/>
      <c r="MK5" s="540"/>
      <c r="ML5" s="540"/>
      <c r="MM5" s="540"/>
      <c r="MN5" s="540"/>
      <c r="MO5" s="540"/>
      <c r="MP5" s="541"/>
      <c r="MQ5" s="428" t="s">
        <v>57</v>
      </c>
      <c r="MR5" s="429"/>
      <c r="MS5" s="429"/>
      <c r="MT5" s="429"/>
      <c r="MU5" s="429"/>
      <c r="MV5" s="429"/>
      <c r="MW5" s="429"/>
      <c r="MX5" s="429"/>
      <c r="MY5" s="429"/>
      <c r="MZ5" s="429"/>
      <c r="NA5" s="430"/>
      <c r="NB5" s="428" t="s">
        <v>58</v>
      </c>
      <c r="NC5" s="429"/>
      <c r="ND5" s="429"/>
      <c r="NE5" s="429"/>
      <c r="NF5" s="429"/>
      <c r="NG5" s="429"/>
      <c r="NH5" s="429"/>
      <c r="NI5" s="429"/>
      <c r="NJ5" s="429"/>
      <c r="NK5" s="429"/>
      <c r="NL5" s="430"/>
      <c r="NM5" s="428" t="s">
        <v>59</v>
      </c>
      <c r="NN5" s="429"/>
      <c r="NO5" s="429"/>
      <c r="NP5" s="429"/>
      <c r="NQ5" s="429"/>
      <c r="NR5" s="429"/>
      <c r="NS5" s="429"/>
      <c r="NT5" s="429"/>
      <c r="NU5" s="429"/>
      <c r="NV5" s="429"/>
      <c r="NW5" s="430"/>
      <c r="NX5" s="428" t="s">
        <v>148</v>
      </c>
      <c r="NY5" s="429"/>
      <c r="NZ5" s="429"/>
      <c r="OA5" s="429"/>
      <c r="OB5" s="429"/>
      <c r="OC5" s="429"/>
      <c r="OD5" s="429"/>
      <c r="OE5" s="429"/>
      <c r="OF5" s="429"/>
      <c r="OG5" s="429"/>
      <c r="OH5" s="430"/>
      <c r="OI5" s="440"/>
      <c r="OJ5" s="537"/>
      <c r="OK5" s="537"/>
      <c r="OL5" s="537"/>
      <c r="OM5" s="537"/>
      <c r="ON5" s="537"/>
      <c r="OO5" s="537"/>
      <c r="OP5" s="537"/>
      <c r="OQ5" s="537"/>
      <c r="OR5" s="537"/>
      <c r="OS5" s="538"/>
    </row>
    <row r="6" spans="1:409" ht="21" customHeight="1" thickBot="1" x14ac:dyDescent="0.25">
      <c r="B6" s="556"/>
      <c r="C6" s="560"/>
      <c r="D6" s="560"/>
      <c r="E6" s="560"/>
      <c r="F6" s="560"/>
      <c r="G6" s="560"/>
      <c r="H6" s="560"/>
      <c r="I6" s="560"/>
      <c r="J6" s="560"/>
      <c r="K6" s="560"/>
      <c r="L6" s="560"/>
      <c r="M6" s="560"/>
      <c r="N6" s="434"/>
      <c r="O6" s="435"/>
      <c r="P6" s="435"/>
      <c r="Q6" s="435"/>
      <c r="R6" s="435"/>
      <c r="S6" s="435"/>
      <c r="T6" s="435"/>
      <c r="U6" s="435"/>
      <c r="V6" s="435"/>
      <c r="W6" s="435"/>
      <c r="X6" s="436"/>
      <c r="Y6" s="437" t="s">
        <v>70</v>
      </c>
      <c r="Z6" s="438"/>
      <c r="AA6" s="438"/>
      <c r="AB6" s="438"/>
      <c r="AC6" s="438"/>
      <c r="AD6" s="438"/>
      <c r="AE6" s="438"/>
      <c r="AF6" s="438"/>
      <c r="AG6" s="438"/>
      <c r="AH6" s="438"/>
      <c r="AI6" s="439"/>
      <c r="AJ6" s="564" t="s">
        <v>71</v>
      </c>
      <c r="AK6" s="565"/>
      <c r="AL6" s="565"/>
      <c r="AM6" s="565"/>
      <c r="AN6" s="565"/>
      <c r="AO6" s="565"/>
      <c r="AP6" s="565"/>
      <c r="AQ6" s="565"/>
      <c r="AR6" s="565"/>
      <c r="AS6" s="565"/>
      <c r="AT6" s="566"/>
      <c r="AU6" s="574" t="s">
        <v>72</v>
      </c>
      <c r="AV6" s="575"/>
      <c r="AW6" s="575"/>
      <c r="AX6" s="575"/>
      <c r="AY6" s="575"/>
      <c r="AZ6" s="575"/>
      <c r="BA6" s="575"/>
      <c r="BB6" s="575"/>
      <c r="BC6" s="575"/>
      <c r="BD6" s="575"/>
      <c r="BE6" s="576"/>
      <c r="BF6" s="574" t="s">
        <v>73</v>
      </c>
      <c r="BG6" s="575"/>
      <c r="BH6" s="575"/>
      <c r="BI6" s="575"/>
      <c r="BJ6" s="575"/>
      <c r="BK6" s="575"/>
      <c r="BL6" s="575"/>
      <c r="BM6" s="575"/>
      <c r="BN6" s="575"/>
      <c r="BO6" s="575"/>
      <c r="BP6" s="576"/>
      <c r="BQ6" s="574" t="s">
        <v>74</v>
      </c>
      <c r="BR6" s="575"/>
      <c r="BS6" s="575"/>
      <c r="BT6" s="575"/>
      <c r="BU6" s="575"/>
      <c r="BV6" s="575"/>
      <c r="BW6" s="575"/>
      <c r="BX6" s="575"/>
      <c r="BY6" s="575"/>
      <c r="BZ6" s="575"/>
      <c r="CA6" s="576"/>
      <c r="CB6" s="542"/>
      <c r="CC6" s="543"/>
      <c r="CD6" s="543"/>
      <c r="CE6" s="543"/>
      <c r="CF6" s="543"/>
      <c r="CG6" s="543"/>
      <c r="CH6" s="543"/>
      <c r="CI6" s="543"/>
      <c r="CJ6" s="543"/>
      <c r="CK6" s="543"/>
      <c r="CL6" s="544"/>
      <c r="CM6" s="574" t="s">
        <v>75</v>
      </c>
      <c r="CN6" s="575"/>
      <c r="CO6" s="575"/>
      <c r="CP6" s="575"/>
      <c r="CQ6" s="575"/>
      <c r="CR6" s="575"/>
      <c r="CS6" s="575"/>
      <c r="CT6" s="575"/>
      <c r="CU6" s="575"/>
      <c r="CV6" s="575"/>
      <c r="CW6" s="576"/>
      <c r="CX6" s="574" t="s">
        <v>76</v>
      </c>
      <c r="CY6" s="575"/>
      <c r="CZ6" s="575"/>
      <c r="DA6" s="575"/>
      <c r="DB6" s="575"/>
      <c r="DC6" s="575"/>
      <c r="DD6" s="575"/>
      <c r="DE6" s="575"/>
      <c r="DF6" s="575"/>
      <c r="DG6" s="575"/>
      <c r="DH6" s="576"/>
      <c r="DI6" s="542"/>
      <c r="DJ6" s="543"/>
      <c r="DK6" s="543"/>
      <c r="DL6" s="543"/>
      <c r="DM6" s="543"/>
      <c r="DN6" s="543"/>
      <c r="DO6" s="543"/>
      <c r="DP6" s="543"/>
      <c r="DQ6" s="543"/>
      <c r="DR6" s="543"/>
      <c r="DS6" s="543"/>
      <c r="DT6" s="574" t="s">
        <v>77</v>
      </c>
      <c r="DU6" s="575"/>
      <c r="DV6" s="575"/>
      <c r="DW6" s="575"/>
      <c r="DX6" s="575"/>
      <c r="DY6" s="575"/>
      <c r="DZ6" s="575"/>
      <c r="EA6" s="575"/>
      <c r="EB6" s="575"/>
      <c r="EC6" s="575"/>
      <c r="ED6" s="576"/>
      <c r="EE6" s="574" t="s">
        <v>78</v>
      </c>
      <c r="EF6" s="575"/>
      <c r="EG6" s="575"/>
      <c r="EH6" s="575"/>
      <c r="EI6" s="575"/>
      <c r="EJ6" s="575"/>
      <c r="EK6" s="575"/>
      <c r="EL6" s="575"/>
      <c r="EM6" s="575"/>
      <c r="EN6" s="575"/>
      <c r="EO6" s="576"/>
      <c r="EP6" s="574" t="s">
        <v>79</v>
      </c>
      <c r="EQ6" s="575"/>
      <c r="ER6" s="575"/>
      <c r="ES6" s="575"/>
      <c r="ET6" s="575"/>
      <c r="EU6" s="575"/>
      <c r="EV6" s="575"/>
      <c r="EW6" s="575"/>
      <c r="EX6" s="575"/>
      <c r="EY6" s="575"/>
      <c r="EZ6" s="576"/>
      <c r="FA6" s="574" t="s">
        <v>149</v>
      </c>
      <c r="FB6" s="575"/>
      <c r="FC6" s="575"/>
      <c r="FD6" s="575"/>
      <c r="FE6" s="575"/>
      <c r="FF6" s="575"/>
      <c r="FG6" s="575"/>
      <c r="FH6" s="575"/>
      <c r="FI6" s="575"/>
      <c r="FJ6" s="575"/>
      <c r="FK6" s="576"/>
      <c r="FL6" s="542"/>
      <c r="FM6" s="543"/>
      <c r="FN6" s="543"/>
      <c r="FO6" s="543"/>
      <c r="FP6" s="543"/>
      <c r="FQ6" s="543"/>
      <c r="FR6" s="543"/>
      <c r="FS6" s="543"/>
      <c r="FT6" s="543"/>
      <c r="FU6" s="543"/>
      <c r="FV6" s="543"/>
      <c r="FW6" s="574" t="s">
        <v>80</v>
      </c>
      <c r="FX6" s="575"/>
      <c r="FY6" s="575"/>
      <c r="FZ6" s="575"/>
      <c r="GA6" s="575"/>
      <c r="GB6" s="575"/>
      <c r="GC6" s="575"/>
      <c r="GD6" s="575"/>
      <c r="GE6" s="575"/>
      <c r="GF6" s="575"/>
      <c r="GG6" s="576"/>
      <c r="GH6" s="437" t="s">
        <v>81</v>
      </c>
      <c r="GI6" s="438"/>
      <c r="GJ6" s="438"/>
      <c r="GK6" s="438"/>
      <c r="GL6" s="438"/>
      <c r="GM6" s="438"/>
      <c r="GN6" s="438"/>
      <c r="GO6" s="438"/>
      <c r="GP6" s="438"/>
      <c r="GQ6" s="438"/>
      <c r="GR6" s="439"/>
      <c r="GS6" s="437" t="s">
        <v>82</v>
      </c>
      <c r="GT6" s="438"/>
      <c r="GU6" s="438"/>
      <c r="GV6" s="438"/>
      <c r="GW6" s="438"/>
      <c r="GX6" s="438"/>
      <c r="GY6" s="438"/>
      <c r="GZ6" s="438"/>
      <c r="HA6" s="438"/>
      <c r="HB6" s="438"/>
      <c r="HC6" s="439"/>
      <c r="HD6" s="567"/>
      <c r="HE6" s="568"/>
      <c r="HF6" s="568"/>
      <c r="HG6" s="568"/>
      <c r="HH6" s="568"/>
      <c r="HI6" s="568"/>
      <c r="HJ6" s="568"/>
      <c r="HK6" s="568"/>
      <c r="HL6" s="568"/>
      <c r="HM6" s="568"/>
      <c r="HN6" s="569"/>
      <c r="HO6" s="567"/>
      <c r="HP6" s="568"/>
      <c r="HQ6" s="568"/>
      <c r="HR6" s="568"/>
      <c r="HS6" s="568"/>
      <c r="HT6" s="568"/>
      <c r="HU6" s="568"/>
      <c r="HV6" s="568"/>
      <c r="HW6" s="568"/>
      <c r="HX6" s="568"/>
      <c r="HY6" s="569"/>
      <c r="HZ6" s="542"/>
      <c r="IA6" s="543"/>
      <c r="IB6" s="543"/>
      <c r="IC6" s="543"/>
      <c r="ID6" s="543"/>
      <c r="IE6" s="543"/>
      <c r="IF6" s="543"/>
      <c r="IG6" s="543"/>
      <c r="IH6" s="543"/>
      <c r="II6" s="543"/>
      <c r="IJ6" s="544"/>
      <c r="IK6" s="434"/>
      <c r="IL6" s="435"/>
      <c r="IM6" s="435"/>
      <c r="IN6" s="435"/>
      <c r="IO6" s="435"/>
      <c r="IP6" s="435"/>
      <c r="IQ6" s="435"/>
      <c r="IR6" s="435"/>
      <c r="IS6" s="435"/>
      <c r="IT6" s="435"/>
      <c r="IU6" s="436"/>
      <c r="IV6" s="434"/>
      <c r="IW6" s="435"/>
      <c r="IX6" s="435"/>
      <c r="IY6" s="435"/>
      <c r="IZ6" s="435"/>
      <c r="JA6" s="435"/>
      <c r="JB6" s="435"/>
      <c r="JC6" s="435"/>
      <c r="JD6" s="435"/>
      <c r="JE6" s="435"/>
      <c r="JF6" s="436"/>
      <c r="JG6" s="434"/>
      <c r="JH6" s="435"/>
      <c r="JI6" s="435"/>
      <c r="JJ6" s="435"/>
      <c r="JK6" s="435"/>
      <c r="JL6" s="435"/>
      <c r="JM6" s="435"/>
      <c r="JN6" s="435"/>
      <c r="JO6" s="435"/>
      <c r="JP6" s="435"/>
      <c r="JQ6" s="436"/>
      <c r="JR6" s="434"/>
      <c r="JS6" s="435"/>
      <c r="JT6" s="435"/>
      <c r="JU6" s="435"/>
      <c r="JV6" s="435"/>
      <c r="JW6" s="435"/>
      <c r="JX6" s="435"/>
      <c r="JY6" s="435"/>
      <c r="JZ6" s="435"/>
      <c r="KA6" s="435"/>
      <c r="KB6" s="436"/>
      <c r="KC6" s="434"/>
      <c r="KD6" s="435"/>
      <c r="KE6" s="435"/>
      <c r="KF6" s="435"/>
      <c r="KG6" s="435"/>
      <c r="KH6" s="435"/>
      <c r="KI6" s="435"/>
      <c r="KJ6" s="435"/>
      <c r="KK6" s="435"/>
      <c r="KL6" s="435"/>
      <c r="KM6" s="436"/>
      <c r="KN6" s="434"/>
      <c r="KO6" s="435"/>
      <c r="KP6" s="435"/>
      <c r="KQ6" s="435"/>
      <c r="KR6" s="435"/>
      <c r="KS6" s="435"/>
      <c r="KT6" s="435"/>
      <c r="KU6" s="435"/>
      <c r="KV6" s="435"/>
      <c r="KW6" s="435"/>
      <c r="KX6" s="436"/>
      <c r="KY6" s="434"/>
      <c r="KZ6" s="435"/>
      <c r="LA6" s="435"/>
      <c r="LB6" s="435"/>
      <c r="LC6" s="435"/>
      <c r="LD6" s="435"/>
      <c r="LE6" s="435"/>
      <c r="LF6" s="435"/>
      <c r="LG6" s="435"/>
      <c r="LH6" s="435"/>
      <c r="LI6" s="436"/>
      <c r="LJ6" s="542"/>
      <c r="LK6" s="543"/>
      <c r="LL6" s="543"/>
      <c r="LM6" s="543"/>
      <c r="LN6" s="543"/>
      <c r="LO6" s="543"/>
      <c r="LP6" s="543"/>
      <c r="LQ6" s="543"/>
      <c r="LR6" s="543"/>
      <c r="LS6" s="543"/>
      <c r="LT6" s="544"/>
      <c r="LU6" s="542"/>
      <c r="LV6" s="543"/>
      <c r="LW6" s="543"/>
      <c r="LX6" s="543"/>
      <c r="LY6" s="543"/>
      <c r="LZ6" s="543"/>
      <c r="MA6" s="543"/>
      <c r="MB6" s="543"/>
      <c r="MC6" s="543"/>
      <c r="MD6" s="543"/>
      <c r="ME6" s="544"/>
      <c r="MF6" s="542"/>
      <c r="MG6" s="543"/>
      <c r="MH6" s="543"/>
      <c r="MI6" s="543"/>
      <c r="MJ6" s="543"/>
      <c r="MK6" s="543"/>
      <c r="ML6" s="543"/>
      <c r="MM6" s="543"/>
      <c r="MN6" s="543"/>
      <c r="MO6" s="543"/>
      <c r="MP6" s="544"/>
      <c r="MQ6" s="434"/>
      <c r="MR6" s="435"/>
      <c r="MS6" s="435"/>
      <c r="MT6" s="435"/>
      <c r="MU6" s="435"/>
      <c r="MV6" s="435"/>
      <c r="MW6" s="435"/>
      <c r="MX6" s="435"/>
      <c r="MY6" s="435"/>
      <c r="MZ6" s="435"/>
      <c r="NA6" s="436"/>
      <c r="NB6" s="434"/>
      <c r="NC6" s="435"/>
      <c r="ND6" s="435"/>
      <c r="NE6" s="435"/>
      <c r="NF6" s="435"/>
      <c r="NG6" s="435"/>
      <c r="NH6" s="435"/>
      <c r="NI6" s="435"/>
      <c r="NJ6" s="435"/>
      <c r="NK6" s="435"/>
      <c r="NL6" s="436"/>
      <c r="NM6" s="434"/>
      <c r="NN6" s="435"/>
      <c r="NO6" s="435"/>
      <c r="NP6" s="435"/>
      <c r="NQ6" s="435"/>
      <c r="NR6" s="435"/>
      <c r="NS6" s="435"/>
      <c r="NT6" s="435"/>
      <c r="NU6" s="435"/>
      <c r="NV6" s="435"/>
      <c r="NW6" s="436"/>
      <c r="NX6" s="434"/>
      <c r="NY6" s="435"/>
      <c r="NZ6" s="435"/>
      <c r="OA6" s="435"/>
      <c r="OB6" s="435"/>
      <c r="OC6" s="435"/>
      <c r="OD6" s="435"/>
      <c r="OE6" s="435"/>
      <c r="OF6" s="435"/>
      <c r="OG6" s="435"/>
      <c r="OH6" s="436"/>
      <c r="OI6" s="434"/>
      <c r="OJ6" s="435"/>
      <c r="OK6" s="435"/>
      <c r="OL6" s="435"/>
      <c r="OM6" s="435"/>
      <c r="ON6" s="435"/>
      <c r="OO6" s="435"/>
      <c r="OP6" s="435"/>
      <c r="OQ6" s="435"/>
      <c r="OR6" s="435"/>
      <c r="OS6" s="436"/>
    </row>
    <row r="7" spans="1:409" ht="21" customHeight="1" x14ac:dyDescent="0.2">
      <c r="B7" s="556"/>
      <c r="C7" s="507" t="s">
        <v>61</v>
      </c>
      <c r="D7" s="507"/>
      <c r="E7" s="507"/>
      <c r="F7" s="506" t="s">
        <v>62</v>
      </c>
      <c r="G7" s="507"/>
      <c r="H7" s="507"/>
      <c r="I7" s="507"/>
      <c r="J7" s="507"/>
      <c r="K7" s="507"/>
      <c r="L7" s="507"/>
      <c r="M7" s="506" t="s">
        <v>52</v>
      </c>
      <c r="N7" s="571" t="s">
        <v>61</v>
      </c>
      <c r="O7" s="507"/>
      <c r="P7" s="507"/>
      <c r="Q7" s="506" t="s">
        <v>62</v>
      </c>
      <c r="R7" s="507"/>
      <c r="S7" s="507"/>
      <c r="T7" s="507"/>
      <c r="U7" s="507"/>
      <c r="V7" s="507"/>
      <c r="W7" s="508"/>
      <c r="X7" s="534" t="s">
        <v>52</v>
      </c>
      <c r="Y7" s="434" t="s">
        <v>61</v>
      </c>
      <c r="Z7" s="435"/>
      <c r="AA7" s="516"/>
      <c r="AB7" s="515" t="s">
        <v>62</v>
      </c>
      <c r="AC7" s="435"/>
      <c r="AD7" s="435"/>
      <c r="AE7" s="435"/>
      <c r="AF7" s="435"/>
      <c r="AG7" s="435"/>
      <c r="AH7" s="516"/>
      <c r="AI7" s="436" t="s">
        <v>52</v>
      </c>
      <c r="AJ7" s="503" t="s">
        <v>61</v>
      </c>
      <c r="AK7" s="504"/>
      <c r="AL7" s="505"/>
      <c r="AM7" s="532" t="s">
        <v>62</v>
      </c>
      <c r="AN7" s="504"/>
      <c r="AO7" s="504"/>
      <c r="AP7" s="504"/>
      <c r="AQ7" s="504"/>
      <c r="AR7" s="504"/>
      <c r="AS7" s="533"/>
      <c r="AT7" s="572" t="s">
        <v>52</v>
      </c>
      <c r="AU7" s="519" t="s">
        <v>61</v>
      </c>
      <c r="AV7" s="513"/>
      <c r="AW7" s="514"/>
      <c r="AX7" s="535" t="s">
        <v>62</v>
      </c>
      <c r="AY7" s="513"/>
      <c r="AZ7" s="513"/>
      <c r="BA7" s="513"/>
      <c r="BB7" s="513"/>
      <c r="BC7" s="513"/>
      <c r="BD7" s="536"/>
      <c r="BE7" s="436" t="s">
        <v>52</v>
      </c>
      <c r="BF7" s="519" t="s">
        <v>61</v>
      </c>
      <c r="BG7" s="513"/>
      <c r="BH7" s="514"/>
      <c r="BI7" s="535" t="s">
        <v>62</v>
      </c>
      <c r="BJ7" s="513"/>
      <c r="BK7" s="513"/>
      <c r="BL7" s="513"/>
      <c r="BM7" s="513"/>
      <c r="BN7" s="513"/>
      <c r="BO7" s="536"/>
      <c r="BP7" s="436" t="s">
        <v>52</v>
      </c>
      <c r="BQ7" s="519" t="s">
        <v>61</v>
      </c>
      <c r="BR7" s="513"/>
      <c r="BS7" s="514"/>
      <c r="BT7" s="535" t="s">
        <v>62</v>
      </c>
      <c r="BU7" s="513"/>
      <c r="BV7" s="513"/>
      <c r="BW7" s="513"/>
      <c r="BX7" s="513"/>
      <c r="BY7" s="513"/>
      <c r="BZ7" s="536"/>
      <c r="CA7" s="436" t="s">
        <v>52</v>
      </c>
      <c r="CB7" s="503" t="s">
        <v>61</v>
      </c>
      <c r="CC7" s="504"/>
      <c r="CD7" s="505"/>
      <c r="CE7" s="532" t="s">
        <v>62</v>
      </c>
      <c r="CF7" s="504"/>
      <c r="CG7" s="504"/>
      <c r="CH7" s="504"/>
      <c r="CI7" s="504"/>
      <c r="CJ7" s="504"/>
      <c r="CK7" s="533"/>
      <c r="CL7" s="534" t="s">
        <v>52</v>
      </c>
      <c r="CM7" s="519" t="s">
        <v>61</v>
      </c>
      <c r="CN7" s="513"/>
      <c r="CO7" s="536"/>
      <c r="CP7" s="535" t="s">
        <v>62</v>
      </c>
      <c r="CQ7" s="513"/>
      <c r="CR7" s="513"/>
      <c r="CS7" s="513"/>
      <c r="CT7" s="513"/>
      <c r="CU7" s="513"/>
      <c r="CV7" s="536"/>
      <c r="CW7" s="530" t="s">
        <v>52</v>
      </c>
      <c r="CX7" s="519" t="s">
        <v>61</v>
      </c>
      <c r="CY7" s="513"/>
      <c r="CZ7" s="536"/>
      <c r="DA7" s="535" t="s">
        <v>62</v>
      </c>
      <c r="DB7" s="513"/>
      <c r="DC7" s="513"/>
      <c r="DD7" s="513"/>
      <c r="DE7" s="513"/>
      <c r="DF7" s="513"/>
      <c r="DG7" s="536"/>
      <c r="DH7" s="530" t="s">
        <v>52</v>
      </c>
      <c r="DI7" s="503" t="s">
        <v>61</v>
      </c>
      <c r="DJ7" s="504"/>
      <c r="DK7" s="533"/>
      <c r="DL7" s="532" t="s">
        <v>62</v>
      </c>
      <c r="DM7" s="504"/>
      <c r="DN7" s="504"/>
      <c r="DO7" s="504"/>
      <c r="DP7" s="504"/>
      <c r="DQ7" s="504"/>
      <c r="DR7" s="533"/>
      <c r="DS7" s="534" t="s">
        <v>52</v>
      </c>
      <c r="DT7" s="519" t="s">
        <v>61</v>
      </c>
      <c r="DU7" s="513"/>
      <c r="DV7" s="514"/>
      <c r="DW7" s="535" t="s">
        <v>62</v>
      </c>
      <c r="DX7" s="513"/>
      <c r="DY7" s="513"/>
      <c r="DZ7" s="513"/>
      <c r="EA7" s="513"/>
      <c r="EB7" s="513"/>
      <c r="EC7" s="536"/>
      <c r="ED7" s="436" t="s">
        <v>52</v>
      </c>
      <c r="EE7" s="519" t="s">
        <v>61</v>
      </c>
      <c r="EF7" s="513"/>
      <c r="EG7" s="514"/>
      <c r="EH7" s="535" t="s">
        <v>62</v>
      </c>
      <c r="EI7" s="513"/>
      <c r="EJ7" s="513"/>
      <c r="EK7" s="513"/>
      <c r="EL7" s="513"/>
      <c r="EM7" s="513"/>
      <c r="EN7" s="536"/>
      <c r="EO7" s="436" t="s">
        <v>52</v>
      </c>
      <c r="EP7" s="519" t="s">
        <v>61</v>
      </c>
      <c r="EQ7" s="513"/>
      <c r="ER7" s="514"/>
      <c r="ES7" s="535" t="s">
        <v>62</v>
      </c>
      <c r="ET7" s="513"/>
      <c r="EU7" s="513"/>
      <c r="EV7" s="513"/>
      <c r="EW7" s="513"/>
      <c r="EX7" s="513"/>
      <c r="EY7" s="536"/>
      <c r="EZ7" s="436" t="s">
        <v>52</v>
      </c>
      <c r="FA7" s="519" t="s">
        <v>61</v>
      </c>
      <c r="FB7" s="513"/>
      <c r="FC7" s="514"/>
      <c r="FD7" s="535" t="s">
        <v>62</v>
      </c>
      <c r="FE7" s="513"/>
      <c r="FF7" s="513"/>
      <c r="FG7" s="513"/>
      <c r="FH7" s="513"/>
      <c r="FI7" s="513"/>
      <c r="FJ7" s="536"/>
      <c r="FK7" s="436" t="s">
        <v>52</v>
      </c>
      <c r="FL7" s="503" t="s">
        <v>61</v>
      </c>
      <c r="FM7" s="504"/>
      <c r="FN7" s="505"/>
      <c r="FO7" s="532" t="s">
        <v>62</v>
      </c>
      <c r="FP7" s="504"/>
      <c r="FQ7" s="504"/>
      <c r="FR7" s="504"/>
      <c r="FS7" s="504"/>
      <c r="FT7" s="504"/>
      <c r="FU7" s="533"/>
      <c r="FV7" s="507" t="s">
        <v>52</v>
      </c>
      <c r="FW7" s="519" t="s">
        <v>61</v>
      </c>
      <c r="FX7" s="513"/>
      <c r="FY7" s="514"/>
      <c r="FZ7" s="535" t="s">
        <v>62</v>
      </c>
      <c r="GA7" s="513"/>
      <c r="GB7" s="513"/>
      <c r="GC7" s="513"/>
      <c r="GD7" s="513"/>
      <c r="GE7" s="513"/>
      <c r="GF7" s="536"/>
      <c r="GG7" s="436" t="s">
        <v>52</v>
      </c>
      <c r="GH7" s="434" t="s">
        <v>61</v>
      </c>
      <c r="GI7" s="435"/>
      <c r="GJ7" s="435"/>
      <c r="GK7" s="515" t="s">
        <v>62</v>
      </c>
      <c r="GL7" s="435"/>
      <c r="GM7" s="435"/>
      <c r="GN7" s="435"/>
      <c r="GO7" s="435"/>
      <c r="GP7" s="435"/>
      <c r="GQ7" s="516"/>
      <c r="GR7" s="553" t="s">
        <v>52</v>
      </c>
      <c r="GS7" s="434" t="s">
        <v>61</v>
      </c>
      <c r="GT7" s="435"/>
      <c r="GU7" s="516"/>
      <c r="GV7" s="515" t="s">
        <v>62</v>
      </c>
      <c r="GW7" s="435"/>
      <c r="GX7" s="435"/>
      <c r="GY7" s="435"/>
      <c r="GZ7" s="435"/>
      <c r="HA7" s="435"/>
      <c r="HB7" s="516"/>
      <c r="HC7" s="553" t="s">
        <v>52</v>
      </c>
      <c r="HD7" s="519" t="s">
        <v>61</v>
      </c>
      <c r="HE7" s="513"/>
      <c r="HF7" s="514"/>
      <c r="HG7" s="535" t="s">
        <v>62</v>
      </c>
      <c r="HH7" s="513"/>
      <c r="HI7" s="513"/>
      <c r="HJ7" s="513"/>
      <c r="HK7" s="513"/>
      <c r="HL7" s="513"/>
      <c r="HM7" s="536"/>
      <c r="HN7" s="436" t="s">
        <v>52</v>
      </c>
      <c r="HO7" s="519" t="s">
        <v>61</v>
      </c>
      <c r="HP7" s="513"/>
      <c r="HQ7" s="514"/>
      <c r="HR7" s="535" t="s">
        <v>62</v>
      </c>
      <c r="HS7" s="513"/>
      <c r="HT7" s="513"/>
      <c r="HU7" s="513"/>
      <c r="HV7" s="513"/>
      <c r="HW7" s="513"/>
      <c r="HX7" s="536"/>
      <c r="HY7" s="436" t="s">
        <v>52</v>
      </c>
      <c r="HZ7" s="503" t="s">
        <v>61</v>
      </c>
      <c r="IA7" s="504"/>
      <c r="IB7" s="505"/>
      <c r="IC7" s="532" t="s">
        <v>62</v>
      </c>
      <c r="ID7" s="504"/>
      <c r="IE7" s="504"/>
      <c r="IF7" s="504"/>
      <c r="IG7" s="504"/>
      <c r="IH7" s="504"/>
      <c r="II7" s="533"/>
      <c r="IJ7" s="507" t="s">
        <v>52</v>
      </c>
      <c r="IK7" s="519" t="s">
        <v>61</v>
      </c>
      <c r="IL7" s="513"/>
      <c r="IM7" s="514"/>
      <c r="IN7" s="535" t="s">
        <v>62</v>
      </c>
      <c r="IO7" s="513"/>
      <c r="IP7" s="513"/>
      <c r="IQ7" s="513"/>
      <c r="IR7" s="513"/>
      <c r="IS7" s="513"/>
      <c r="IT7" s="536"/>
      <c r="IU7" s="436" t="s">
        <v>52</v>
      </c>
      <c r="IV7" s="519" t="s">
        <v>61</v>
      </c>
      <c r="IW7" s="513"/>
      <c r="IX7" s="536"/>
      <c r="IY7" s="535" t="s">
        <v>62</v>
      </c>
      <c r="IZ7" s="513"/>
      <c r="JA7" s="513"/>
      <c r="JB7" s="513"/>
      <c r="JC7" s="513"/>
      <c r="JD7" s="513"/>
      <c r="JE7" s="536"/>
      <c r="JF7" s="436" t="s">
        <v>52</v>
      </c>
      <c r="JG7" s="519" t="s">
        <v>61</v>
      </c>
      <c r="JH7" s="513"/>
      <c r="JI7" s="514"/>
      <c r="JJ7" s="535" t="s">
        <v>62</v>
      </c>
      <c r="JK7" s="513"/>
      <c r="JL7" s="513"/>
      <c r="JM7" s="513"/>
      <c r="JN7" s="513"/>
      <c r="JO7" s="513"/>
      <c r="JP7" s="536"/>
      <c r="JQ7" s="530" t="s">
        <v>52</v>
      </c>
      <c r="JR7" s="519" t="s">
        <v>61</v>
      </c>
      <c r="JS7" s="513"/>
      <c r="JT7" s="514"/>
      <c r="JU7" s="535" t="s">
        <v>62</v>
      </c>
      <c r="JV7" s="513"/>
      <c r="JW7" s="513"/>
      <c r="JX7" s="513"/>
      <c r="JY7" s="513"/>
      <c r="JZ7" s="513"/>
      <c r="KA7" s="536"/>
      <c r="KB7" s="530" t="s">
        <v>52</v>
      </c>
      <c r="KC7" s="519" t="s">
        <v>61</v>
      </c>
      <c r="KD7" s="513"/>
      <c r="KE7" s="514"/>
      <c r="KF7" s="535" t="s">
        <v>62</v>
      </c>
      <c r="KG7" s="513"/>
      <c r="KH7" s="513"/>
      <c r="KI7" s="513"/>
      <c r="KJ7" s="513"/>
      <c r="KK7" s="513"/>
      <c r="KL7" s="536"/>
      <c r="KM7" s="530" t="s">
        <v>52</v>
      </c>
      <c r="KN7" s="519" t="s">
        <v>61</v>
      </c>
      <c r="KO7" s="513"/>
      <c r="KP7" s="514"/>
      <c r="KQ7" s="535" t="s">
        <v>62</v>
      </c>
      <c r="KR7" s="513"/>
      <c r="KS7" s="513"/>
      <c r="KT7" s="513"/>
      <c r="KU7" s="513"/>
      <c r="KV7" s="513"/>
      <c r="KW7" s="536"/>
      <c r="KX7" s="530" t="s">
        <v>52</v>
      </c>
      <c r="KY7" s="519" t="s">
        <v>61</v>
      </c>
      <c r="KZ7" s="513"/>
      <c r="LA7" s="514"/>
      <c r="LB7" s="535" t="s">
        <v>62</v>
      </c>
      <c r="LC7" s="513"/>
      <c r="LD7" s="513"/>
      <c r="LE7" s="513"/>
      <c r="LF7" s="513"/>
      <c r="LG7" s="513"/>
      <c r="LH7" s="536"/>
      <c r="LI7" s="530" t="s">
        <v>52</v>
      </c>
      <c r="LJ7" s="519" t="s">
        <v>61</v>
      </c>
      <c r="LK7" s="513"/>
      <c r="LL7" s="514"/>
      <c r="LM7" s="535" t="s">
        <v>62</v>
      </c>
      <c r="LN7" s="513"/>
      <c r="LO7" s="513"/>
      <c r="LP7" s="513"/>
      <c r="LQ7" s="513"/>
      <c r="LR7" s="513"/>
      <c r="LS7" s="536"/>
      <c r="LT7" s="530" t="s">
        <v>52</v>
      </c>
      <c r="LU7" s="519" t="s">
        <v>61</v>
      </c>
      <c r="LV7" s="513"/>
      <c r="LW7" s="514"/>
      <c r="LX7" s="535" t="s">
        <v>62</v>
      </c>
      <c r="LY7" s="513"/>
      <c r="LZ7" s="513"/>
      <c r="MA7" s="513"/>
      <c r="MB7" s="513"/>
      <c r="MC7" s="513"/>
      <c r="MD7" s="536"/>
      <c r="ME7" s="530" t="s">
        <v>52</v>
      </c>
      <c r="MF7" s="503" t="s">
        <v>61</v>
      </c>
      <c r="MG7" s="504"/>
      <c r="MH7" s="505"/>
      <c r="MI7" s="532" t="s">
        <v>62</v>
      </c>
      <c r="MJ7" s="504"/>
      <c r="MK7" s="504"/>
      <c r="ML7" s="504"/>
      <c r="MM7" s="504"/>
      <c r="MN7" s="504"/>
      <c r="MO7" s="533"/>
      <c r="MP7" s="534" t="s">
        <v>52</v>
      </c>
      <c r="MQ7" s="519" t="s">
        <v>61</v>
      </c>
      <c r="MR7" s="513"/>
      <c r="MS7" s="514"/>
      <c r="MT7" s="535" t="s">
        <v>62</v>
      </c>
      <c r="MU7" s="513"/>
      <c r="MV7" s="513"/>
      <c r="MW7" s="513"/>
      <c r="MX7" s="513"/>
      <c r="MY7" s="513"/>
      <c r="MZ7" s="536"/>
      <c r="NA7" s="530" t="s">
        <v>52</v>
      </c>
      <c r="NB7" s="519" t="s">
        <v>61</v>
      </c>
      <c r="NC7" s="513"/>
      <c r="ND7" s="514"/>
      <c r="NE7" s="535" t="s">
        <v>62</v>
      </c>
      <c r="NF7" s="513"/>
      <c r="NG7" s="513"/>
      <c r="NH7" s="513"/>
      <c r="NI7" s="513"/>
      <c r="NJ7" s="513"/>
      <c r="NK7" s="536"/>
      <c r="NL7" s="530" t="s">
        <v>52</v>
      </c>
      <c r="NM7" s="519" t="s">
        <v>61</v>
      </c>
      <c r="NN7" s="513"/>
      <c r="NO7" s="514"/>
      <c r="NP7" s="535" t="s">
        <v>62</v>
      </c>
      <c r="NQ7" s="513"/>
      <c r="NR7" s="513"/>
      <c r="NS7" s="513"/>
      <c r="NT7" s="513"/>
      <c r="NU7" s="513"/>
      <c r="NV7" s="536"/>
      <c r="NW7" s="530" t="s">
        <v>52</v>
      </c>
      <c r="NX7" s="519" t="s">
        <v>61</v>
      </c>
      <c r="NY7" s="513"/>
      <c r="NZ7" s="514"/>
      <c r="OA7" s="535" t="s">
        <v>62</v>
      </c>
      <c r="OB7" s="513"/>
      <c r="OC7" s="513"/>
      <c r="OD7" s="513"/>
      <c r="OE7" s="513"/>
      <c r="OF7" s="513"/>
      <c r="OG7" s="536"/>
      <c r="OH7" s="530" t="s">
        <v>52</v>
      </c>
      <c r="OI7" s="503" t="s">
        <v>61</v>
      </c>
      <c r="OJ7" s="504"/>
      <c r="OK7" s="505"/>
      <c r="OL7" s="532" t="s">
        <v>62</v>
      </c>
      <c r="OM7" s="504"/>
      <c r="ON7" s="504"/>
      <c r="OO7" s="504"/>
      <c r="OP7" s="504"/>
      <c r="OQ7" s="504"/>
      <c r="OR7" s="533"/>
      <c r="OS7" s="534" t="s">
        <v>52</v>
      </c>
    </row>
    <row r="8" spans="1:409" ht="30" customHeight="1" thickBot="1" x14ac:dyDescent="0.25">
      <c r="B8" s="557"/>
      <c r="C8" s="249" t="s">
        <v>43</v>
      </c>
      <c r="D8" s="74" t="s">
        <v>44</v>
      </c>
      <c r="E8" s="250" t="s">
        <v>45</v>
      </c>
      <c r="F8" s="76" t="s">
        <v>83</v>
      </c>
      <c r="G8" s="74" t="s">
        <v>47</v>
      </c>
      <c r="H8" s="74" t="s">
        <v>48</v>
      </c>
      <c r="I8" s="74" t="s">
        <v>49</v>
      </c>
      <c r="J8" s="74" t="s">
        <v>50</v>
      </c>
      <c r="K8" s="74" t="s">
        <v>51</v>
      </c>
      <c r="L8" s="75" t="s">
        <v>45</v>
      </c>
      <c r="M8" s="570"/>
      <c r="N8" s="73" t="s">
        <v>43</v>
      </c>
      <c r="O8" s="74" t="s">
        <v>44</v>
      </c>
      <c r="P8" s="75" t="s">
        <v>45</v>
      </c>
      <c r="Q8" s="76" t="s">
        <v>83</v>
      </c>
      <c r="R8" s="74" t="s">
        <v>47</v>
      </c>
      <c r="S8" s="74" t="s">
        <v>48</v>
      </c>
      <c r="T8" s="74" t="s">
        <v>49</v>
      </c>
      <c r="U8" s="74" t="s">
        <v>50</v>
      </c>
      <c r="V8" s="74" t="s">
        <v>51</v>
      </c>
      <c r="W8" s="75" t="s">
        <v>45</v>
      </c>
      <c r="X8" s="551"/>
      <c r="Y8" s="73" t="s">
        <v>43</v>
      </c>
      <c r="Z8" s="74" t="s">
        <v>44</v>
      </c>
      <c r="AA8" s="75" t="s">
        <v>45</v>
      </c>
      <c r="AB8" s="76" t="s">
        <v>83</v>
      </c>
      <c r="AC8" s="74" t="s">
        <v>47</v>
      </c>
      <c r="AD8" s="74" t="s">
        <v>48</v>
      </c>
      <c r="AE8" s="74" t="s">
        <v>49</v>
      </c>
      <c r="AF8" s="74" t="s">
        <v>50</v>
      </c>
      <c r="AG8" s="74" t="s">
        <v>51</v>
      </c>
      <c r="AH8" s="75" t="s">
        <v>45</v>
      </c>
      <c r="AI8" s="552"/>
      <c r="AJ8" s="73" t="s">
        <v>43</v>
      </c>
      <c r="AK8" s="74" t="s">
        <v>44</v>
      </c>
      <c r="AL8" s="250" t="s">
        <v>45</v>
      </c>
      <c r="AM8" s="76" t="s">
        <v>83</v>
      </c>
      <c r="AN8" s="74" t="s">
        <v>47</v>
      </c>
      <c r="AO8" s="74" t="s">
        <v>48</v>
      </c>
      <c r="AP8" s="74" t="s">
        <v>49</v>
      </c>
      <c r="AQ8" s="74" t="s">
        <v>50</v>
      </c>
      <c r="AR8" s="74" t="s">
        <v>51</v>
      </c>
      <c r="AS8" s="75" t="s">
        <v>45</v>
      </c>
      <c r="AT8" s="552"/>
      <c r="AU8" s="73" t="s">
        <v>43</v>
      </c>
      <c r="AV8" s="74" t="s">
        <v>44</v>
      </c>
      <c r="AW8" s="250" t="s">
        <v>45</v>
      </c>
      <c r="AX8" s="76" t="s">
        <v>83</v>
      </c>
      <c r="AY8" s="74" t="s">
        <v>47</v>
      </c>
      <c r="AZ8" s="74" t="s">
        <v>48</v>
      </c>
      <c r="BA8" s="74" t="s">
        <v>49</v>
      </c>
      <c r="BB8" s="74" t="s">
        <v>50</v>
      </c>
      <c r="BC8" s="74" t="s">
        <v>51</v>
      </c>
      <c r="BD8" s="75" t="s">
        <v>45</v>
      </c>
      <c r="BE8" s="552"/>
      <c r="BF8" s="251" t="s">
        <v>43</v>
      </c>
      <c r="BG8" s="74" t="s">
        <v>44</v>
      </c>
      <c r="BH8" s="250" t="s">
        <v>45</v>
      </c>
      <c r="BI8" s="76" t="s">
        <v>83</v>
      </c>
      <c r="BJ8" s="74" t="s">
        <v>47</v>
      </c>
      <c r="BK8" s="74" t="s">
        <v>48</v>
      </c>
      <c r="BL8" s="74" t="s">
        <v>49</v>
      </c>
      <c r="BM8" s="74" t="s">
        <v>50</v>
      </c>
      <c r="BN8" s="74" t="s">
        <v>51</v>
      </c>
      <c r="BO8" s="75" t="s">
        <v>45</v>
      </c>
      <c r="BP8" s="552"/>
      <c r="BQ8" s="73" t="s">
        <v>43</v>
      </c>
      <c r="BR8" s="74" t="s">
        <v>44</v>
      </c>
      <c r="BS8" s="250" t="s">
        <v>45</v>
      </c>
      <c r="BT8" s="76" t="s">
        <v>83</v>
      </c>
      <c r="BU8" s="74" t="s">
        <v>47</v>
      </c>
      <c r="BV8" s="74" t="s">
        <v>48</v>
      </c>
      <c r="BW8" s="74" t="s">
        <v>49</v>
      </c>
      <c r="BX8" s="74" t="s">
        <v>50</v>
      </c>
      <c r="BY8" s="74" t="s">
        <v>51</v>
      </c>
      <c r="BZ8" s="75" t="s">
        <v>45</v>
      </c>
      <c r="CA8" s="552"/>
      <c r="CB8" s="73" t="s">
        <v>43</v>
      </c>
      <c r="CC8" s="74" t="s">
        <v>44</v>
      </c>
      <c r="CD8" s="250" t="s">
        <v>45</v>
      </c>
      <c r="CE8" s="76" t="s">
        <v>83</v>
      </c>
      <c r="CF8" s="74" t="s">
        <v>47</v>
      </c>
      <c r="CG8" s="74" t="s">
        <v>48</v>
      </c>
      <c r="CH8" s="74" t="s">
        <v>49</v>
      </c>
      <c r="CI8" s="74" t="s">
        <v>50</v>
      </c>
      <c r="CJ8" s="74" t="s">
        <v>51</v>
      </c>
      <c r="CK8" s="75" t="s">
        <v>45</v>
      </c>
      <c r="CL8" s="551"/>
      <c r="CM8" s="73" t="s">
        <v>43</v>
      </c>
      <c r="CN8" s="74" t="s">
        <v>44</v>
      </c>
      <c r="CO8" s="75" t="s">
        <v>45</v>
      </c>
      <c r="CP8" s="76" t="s">
        <v>83</v>
      </c>
      <c r="CQ8" s="74" t="s">
        <v>47</v>
      </c>
      <c r="CR8" s="74" t="s">
        <v>48</v>
      </c>
      <c r="CS8" s="74" t="s">
        <v>49</v>
      </c>
      <c r="CT8" s="74" t="s">
        <v>50</v>
      </c>
      <c r="CU8" s="74" t="s">
        <v>51</v>
      </c>
      <c r="CV8" s="75" t="s">
        <v>45</v>
      </c>
      <c r="CW8" s="551"/>
      <c r="CX8" s="73" t="s">
        <v>43</v>
      </c>
      <c r="CY8" s="74" t="s">
        <v>44</v>
      </c>
      <c r="CZ8" s="75" t="s">
        <v>45</v>
      </c>
      <c r="DA8" s="76" t="s">
        <v>83</v>
      </c>
      <c r="DB8" s="74" t="s">
        <v>47</v>
      </c>
      <c r="DC8" s="74" t="s">
        <v>48</v>
      </c>
      <c r="DD8" s="74" t="s">
        <v>49</v>
      </c>
      <c r="DE8" s="74" t="s">
        <v>50</v>
      </c>
      <c r="DF8" s="74" t="s">
        <v>51</v>
      </c>
      <c r="DG8" s="75" t="s">
        <v>45</v>
      </c>
      <c r="DH8" s="551"/>
      <c r="DI8" s="73" t="s">
        <v>43</v>
      </c>
      <c r="DJ8" s="74" t="s">
        <v>44</v>
      </c>
      <c r="DK8" s="75" t="s">
        <v>45</v>
      </c>
      <c r="DL8" s="76" t="s">
        <v>83</v>
      </c>
      <c r="DM8" s="74" t="s">
        <v>47</v>
      </c>
      <c r="DN8" s="74" t="s">
        <v>48</v>
      </c>
      <c r="DO8" s="74" t="s">
        <v>49</v>
      </c>
      <c r="DP8" s="74" t="s">
        <v>50</v>
      </c>
      <c r="DQ8" s="74" t="s">
        <v>51</v>
      </c>
      <c r="DR8" s="75" t="s">
        <v>45</v>
      </c>
      <c r="DS8" s="551"/>
      <c r="DT8" s="73" t="s">
        <v>43</v>
      </c>
      <c r="DU8" s="74" t="s">
        <v>44</v>
      </c>
      <c r="DV8" s="250" t="s">
        <v>45</v>
      </c>
      <c r="DW8" s="76" t="s">
        <v>83</v>
      </c>
      <c r="DX8" s="74" t="s">
        <v>47</v>
      </c>
      <c r="DY8" s="74" t="s">
        <v>48</v>
      </c>
      <c r="DZ8" s="74" t="s">
        <v>49</v>
      </c>
      <c r="EA8" s="74" t="s">
        <v>50</v>
      </c>
      <c r="EB8" s="74" t="s">
        <v>51</v>
      </c>
      <c r="EC8" s="75" t="s">
        <v>45</v>
      </c>
      <c r="ED8" s="552"/>
      <c r="EE8" s="73" t="s">
        <v>43</v>
      </c>
      <c r="EF8" s="74" t="s">
        <v>44</v>
      </c>
      <c r="EG8" s="250" t="s">
        <v>45</v>
      </c>
      <c r="EH8" s="76" t="s">
        <v>83</v>
      </c>
      <c r="EI8" s="74" t="s">
        <v>47</v>
      </c>
      <c r="EJ8" s="74" t="s">
        <v>48</v>
      </c>
      <c r="EK8" s="74" t="s">
        <v>49</v>
      </c>
      <c r="EL8" s="74" t="s">
        <v>50</v>
      </c>
      <c r="EM8" s="74" t="s">
        <v>51</v>
      </c>
      <c r="EN8" s="75" t="s">
        <v>45</v>
      </c>
      <c r="EO8" s="552"/>
      <c r="EP8" s="73" t="s">
        <v>43</v>
      </c>
      <c r="EQ8" s="74" t="s">
        <v>44</v>
      </c>
      <c r="ER8" s="250" t="s">
        <v>45</v>
      </c>
      <c r="ES8" s="76" t="s">
        <v>83</v>
      </c>
      <c r="ET8" s="74" t="s">
        <v>47</v>
      </c>
      <c r="EU8" s="74" t="s">
        <v>48</v>
      </c>
      <c r="EV8" s="74" t="s">
        <v>49</v>
      </c>
      <c r="EW8" s="74" t="s">
        <v>50</v>
      </c>
      <c r="EX8" s="74" t="s">
        <v>51</v>
      </c>
      <c r="EY8" s="75" t="s">
        <v>45</v>
      </c>
      <c r="EZ8" s="552"/>
      <c r="FA8" s="73" t="s">
        <v>43</v>
      </c>
      <c r="FB8" s="74" t="s">
        <v>44</v>
      </c>
      <c r="FC8" s="250" t="s">
        <v>45</v>
      </c>
      <c r="FD8" s="76" t="s">
        <v>83</v>
      </c>
      <c r="FE8" s="74" t="s">
        <v>47</v>
      </c>
      <c r="FF8" s="74" t="s">
        <v>48</v>
      </c>
      <c r="FG8" s="74" t="s">
        <v>49</v>
      </c>
      <c r="FH8" s="74" t="s">
        <v>50</v>
      </c>
      <c r="FI8" s="74" t="s">
        <v>51</v>
      </c>
      <c r="FJ8" s="75" t="s">
        <v>45</v>
      </c>
      <c r="FK8" s="552"/>
      <c r="FL8" s="73" t="s">
        <v>43</v>
      </c>
      <c r="FM8" s="74" t="s">
        <v>44</v>
      </c>
      <c r="FN8" s="250" t="s">
        <v>45</v>
      </c>
      <c r="FO8" s="76" t="s">
        <v>83</v>
      </c>
      <c r="FP8" s="74" t="s">
        <v>47</v>
      </c>
      <c r="FQ8" s="74" t="s">
        <v>48</v>
      </c>
      <c r="FR8" s="74" t="s">
        <v>49</v>
      </c>
      <c r="FS8" s="74" t="s">
        <v>50</v>
      </c>
      <c r="FT8" s="74" t="s">
        <v>51</v>
      </c>
      <c r="FU8" s="75" t="s">
        <v>45</v>
      </c>
      <c r="FV8" s="550"/>
      <c r="FW8" s="73" t="s">
        <v>43</v>
      </c>
      <c r="FX8" s="74" t="s">
        <v>44</v>
      </c>
      <c r="FY8" s="250" t="s">
        <v>45</v>
      </c>
      <c r="FZ8" s="76" t="s">
        <v>83</v>
      </c>
      <c r="GA8" s="74" t="s">
        <v>47</v>
      </c>
      <c r="GB8" s="74" t="s">
        <v>48</v>
      </c>
      <c r="GC8" s="74" t="s">
        <v>49</v>
      </c>
      <c r="GD8" s="74" t="s">
        <v>50</v>
      </c>
      <c r="GE8" s="74" t="s">
        <v>51</v>
      </c>
      <c r="GF8" s="75" t="s">
        <v>45</v>
      </c>
      <c r="GG8" s="552"/>
      <c r="GH8" s="73" t="s">
        <v>43</v>
      </c>
      <c r="GI8" s="74" t="s">
        <v>44</v>
      </c>
      <c r="GJ8" s="250" t="s">
        <v>45</v>
      </c>
      <c r="GK8" s="76" t="s">
        <v>83</v>
      </c>
      <c r="GL8" s="74" t="s">
        <v>47</v>
      </c>
      <c r="GM8" s="74" t="s">
        <v>48</v>
      </c>
      <c r="GN8" s="74" t="s">
        <v>49</v>
      </c>
      <c r="GO8" s="74" t="s">
        <v>50</v>
      </c>
      <c r="GP8" s="74" t="s">
        <v>51</v>
      </c>
      <c r="GQ8" s="75" t="s">
        <v>45</v>
      </c>
      <c r="GR8" s="554"/>
      <c r="GS8" s="73" t="s">
        <v>43</v>
      </c>
      <c r="GT8" s="74" t="s">
        <v>44</v>
      </c>
      <c r="GU8" s="250" t="s">
        <v>45</v>
      </c>
      <c r="GV8" s="76" t="s">
        <v>83</v>
      </c>
      <c r="GW8" s="74" t="s">
        <v>47</v>
      </c>
      <c r="GX8" s="74" t="s">
        <v>48</v>
      </c>
      <c r="GY8" s="74" t="s">
        <v>49</v>
      </c>
      <c r="GZ8" s="74" t="s">
        <v>50</v>
      </c>
      <c r="HA8" s="74" t="s">
        <v>51</v>
      </c>
      <c r="HB8" s="75" t="s">
        <v>45</v>
      </c>
      <c r="HC8" s="554"/>
      <c r="HD8" s="73" t="s">
        <v>43</v>
      </c>
      <c r="HE8" s="74" t="s">
        <v>44</v>
      </c>
      <c r="HF8" s="250" t="s">
        <v>45</v>
      </c>
      <c r="HG8" s="76" t="s">
        <v>83</v>
      </c>
      <c r="HH8" s="74" t="s">
        <v>47</v>
      </c>
      <c r="HI8" s="74" t="s">
        <v>48</v>
      </c>
      <c r="HJ8" s="74" t="s">
        <v>49</v>
      </c>
      <c r="HK8" s="74" t="s">
        <v>50</v>
      </c>
      <c r="HL8" s="74" t="s">
        <v>51</v>
      </c>
      <c r="HM8" s="75" t="s">
        <v>45</v>
      </c>
      <c r="HN8" s="552"/>
      <c r="HO8" s="73" t="s">
        <v>43</v>
      </c>
      <c r="HP8" s="74" t="s">
        <v>44</v>
      </c>
      <c r="HQ8" s="250" t="s">
        <v>45</v>
      </c>
      <c r="HR8" s="76" t="s">
        <v>83</v>
      </c>
      <c r="HS8" s="74" t="s">
        <v>47</v>
      </c>
      <c r="HT8" s="74" t="s">
        <v>48</v>
      </c>
      <c r="HU8" s="74" t="s">
        <v>49</v>
      </c>
      <c r="HV8" s="74" t="s">
        <v>50</v>
      </c>
      <c r="HW8" s="74" t="s">
        <v>51</v>
      </c>
      <c r="HX8" s="75" t="s">
        <v>45</v>
      </c>
      <c r="HY8" s="552"/>
      <c r="HZ8" s="73" t="s">
        <v>43</v>
      </c>
      <c r="IA8" s="74" t="s">
        <v>44</v>
      </c>
      <c r="IB8" s="250" t="s">
        <v>45</v>
      </c>
      <c r="IC8" s="76" t="s">
        <v>83</v>
      </c>
      <c r="ID8" s="74" t="s">
        <v>47</v>
      </c>
      <c r="IE8" s="74" t="s">
        <v>48</v>
      </c>
      <c r="IF8" s="74" t="s">
        <v>49</v>
      </c>
      <c r="IG8" s="74" t="s">
        <v>50</v>
      </c>
      <c r="IH8" s="74" t="s">
        <v>51</v>
      </c>
      <c r="II8" s="75" t="s">
        <v>45</v>
      </c>
      <c r="IJ8" s="550"/>
      <c r="IK8" s="73" t="s">
        <v>43</v>
      </c>
      <c r="IL8" s="74" t="s">
        <v>44</v>
      </c>
      <c r="IM8" s="250" t="s">
        <v>45</v>
      </c>
      <c r="IN8" s="76" t="s">
        <v>83</v>
      </c>
      <c r="IO8" s="252" t="s">
        <v>47</v>
      </c>
      <c r="IP8" s="252" t="s">
        <v>48</v>
      </c>
      <c r="IQ8" s="252" t="s">
        <v>49</v>
      </c>
      <c r="IR8" s="252" t="s">
        <v>50</v>
      </c>
      <c r="IS8" s="252" t="s">
        <v>51</v>
      </c>
      <c r="IT8" s="253" t="s">
        <v>45</v>
      </c>
      <c r="IU8" s="549"/>
      <c r="IV8" s="251" t="s">
        <v>43</v>
      </c>
      <c r="IW8" s="252" t="s">
        <v>44</v>
      </c>
      <c r="IX8" s="253" t="s">
        <v>45</v>
      </c>
      <c r="IY8" s="231" t="s">
        <v>83</v>
      </c>
      <c r="IZ8" s="252" t="s">
        <v>47</v>
      </c>
      <c r="JA8" s="252" t="s">
        <v>48</v>
      </c>
      <c r="JB8" s="252" t="s">
        <v>49</v>
      </c>
      <c r="JC8" s="252" t="s">
        <v>50</v>
      </c>
      <c r="JD8" s="252" t="s">
        <v>51</v>
      </c>
      <c r="JE8" s="253" t="s">
        <v>45</v>
      </c>
      <c r="JF8" s="549"/>
      <c r="JG8" s="251" t="s">
        <v>43</v>
      </c>
      <c r="JH8" s="252" t="s">
        <v>44</v>
      </c>
      <c r="JI8" s="254" t="s">
        <v>45</v>
      </c>
      <c r="JJ8" s="231" t="s">
        <v>83</v>
      </c>
      <c r="JK8" s="252" t="s">
        <v>47</v>
      </c>
      <c r="JL8" s="252" t="s">
        <v>48</v>
      </c>
      <c r="JM8" s="252" t="s">
        <v>49</v>
      </c>
      <c r="JN8" s="252" t="s">
        <v>50</v>
      </c>
      <c r="JO8" s="252" t="s">
        <v>51</v>
      </c>
      <c r="JP8" s="253" t="s">
        <v>45</v>
      </c>
      <c r="JQ8" s="531"/>
      <c r="JR8" s="251" t="s">
        <v>43</v>
      </c>
      <c r="JS8" s="252" t="s">
        <v>44</v>
      </c>
      <c r="JT8" s="254" t="s">
        <v>45</v>
      </c>
      <c r="JU8" s="231" t="s">
        <v>83</v>
      </c>
      <c r="JV8" s="252" t="s">
        <v>47</v>
      </c>
      <c r="JW8" s="252" t="s">
        <v>48</v>
      </c>
      <c r="JX8" s="252" t="s">
        <v>49</v>
      </c>
      <c r="JY8" s="252" t="s">
        <v>50</v>
      </c>
      <c r="JZ8" s="252" t="s">
        <v>51</v>
      </c>
      <c r="KA8" s="253" t="s">
        <v>45</v>
      </c>
      <c r="KB8" s="531"/>
      <c r="KC8" s="251" t="s">
        <v>43</v>
      </c>
      <c r="KD8" s="252" t="s">
        <v>44</v>
      </c>
      <c r="KE8" s="254" t="s">
        <v>45</v>
      </c>
      <c r="KF8" s="231" t="s">
        <v>83</v>
      </c>
      <c r="KG8" s="252" t="s">
        <v>47</v>
      </c>
      <c r="KH8" s="252" t="s">
        <v>48</v>
      </c>
      <c r="KI8" s="252" t="s">
        <v>49</v>
      </c>
      <c r="KJ8" s="252" t="s">
        <v>50</v>
      </c>
      <c r="KK8" s="252" t="s">
        <v>51</v>
      </c>
      <c r="KL8" s="253" t="s">
        <v>45</v>
      </c>
      <c r="KM8" s="531"/>
      <c r="KN8" s="251" t="s">
        <v>43</v>
      </c>
      <c r="KO8" s="252" t="s">
        <v>44</v>
      </c>
      <c r="KP8" s="254" t="s">
        <v>45</v>
      </c>
      <c r="KQ8" s="76" t="s">
        <v>83</v>
      </c>
      <c r="KR8" s="252" t="s">
        <v>47</v>
      </c>
      <c r="KS8" s="252" t="s">
        <v>48</v>
      </c>
      <c r="KT8" s="252" t="s">
        <v>49</v>
      </c>
      <c r="KU8" s="252" t="s">
        <v>50</v>
      </c>
      <c r="KV8" s="252" t="s">
        <v>51</v>
      </c>
      <c r="KW8" s="253" t="s">
        <v>45</v>
      </c>
      <c r="KX8" s="531"/>
      <c r="KY8" s="251" t="s">
        <v>43</v>
      </c>
      <c r="KZ8" s="252" t="s">
        <v>44</v>
      </c>
      <c r="LA8" s="254" t="s">
        <v>45</v>
      </c>
      <c r="LB8" s="76" t="s">
        <v>83</v>
      </c>
      <c r="LC8" s="252" t="s">
        <v>47</v>
      </c>
      <c r="LD8" s="252" t="s">
        <v>48</v>
      </c>
      <c r="LE8" s="252" t="s">
        <v>49</v>
      </c>
      <c r="LF8" s="252" t="s">
        <v>50</v>
      </c>
      <c r="LG8" s="252" t="s">
        <v>51</v>
      </c>
      <c r="LH8" s="253" t="s">
        <v>45</v>
      </c>
      <c r="LI8" s="531"/>
      <c r="LJ8" s="251" t="s">
        <v>43</v>
      </c>
      <c r="LK8" s="252" t="s">
        <v>44</v>
      </c>
      <c r="LL8" s="254" t="s">
        <v>45</v>
      </c>
      <c r="LM8" s="76" t="s">
        <v>83</v>
      </c>
      <c r="LN8" s="252" t="s">
        <v>47</v>
      </c>
      <c r="LO8" s="252" t="s">
        <v>48</v>
      </c>
      <c r="LP8" s="252" t="s">
        <v>49</v>
      </c>
      <c r="LQ8" s="252" t="s">
        <v>50</v>
      </c>
      <c r="LR8" s="252" t="s">
        <v>51</v>
      </c>
      <c r="LS8" s="253" t="s">
        <v>45</v>
      </c>
      <c r="LT8" s="531"/>
      <c r="LU8" s="251" t="s">
        <v>43</v>
      </c>
      <c r="LV8" s="252" t="s">
        <v>44</v>
      </c>
      <c r="LW8" s="254" t="s">
        <v>45</v>
      </c>
      <c r="LX8" s="76" t="s">
        <v>83</v>
      </c>
      <c r="LY8" s="252" t="s">
        <v>47</v>
      </c>
      <c r="LZ8" s="252" t="s">
        <v>48</v>
      </c>
      <c r="MA8" s="252" t="s">
        <v>49</v>
      </c>
      <c r="MB8" s="252" t="s">
        <v>50</v>
      </c>
      <c r="MC8" s="252" t="s">
        <v>51</v>
      </c>
      <c r="MD8" s="253" t="s">
        <v>45</v>
      </c>
      <c r="ME8" s="531"/>
      <c r="MF8" s="251" t="s">
        <v>43</v>
      </c>
      <c r="MG8" s="252" t="s">
        <v>44</v>
      </c>
      <c r="MH8" s="254" t="s">
        <v>45</v>
      </c>
      <c r="MI8" s="76" t="s">
        <v>83</v>
      </c>
      <c r="MJ8" s="252" t="s">
        <v>47</v>
      </c>
      <c r="MK8" s="252" t="s">
        <v>48</v>
      </c>
      <c r="ML8" s="252" t="s">
        <v>49</v>
      </c>
      <c r="MM8" s="252" t="s">
        <v>50</v>
      </c>
      <c r="MN8" s="252" t="s">
        <v>51</v>
      </c>
      <c r="MO8" s="253" t="s">
        <v>45</v>
      </c>
      <c r="MP8" s="531"/>
      <c r="MQ8" s="251" t="s">
        <v>43</v>
      </c>
      <c r="MR8" s="252" t="s">
        <v>44</v>
      </c>
      <c r="MS8" s="254" t="s">
        <v>45</v>
      </c>
      <c r="MT8" s="76" t="s">
        <v>83</v>
      </c>
      <c r="MU8" s="252" t="s">
        <v>47</v>
      </c>
      <c r="MV8" s="252" t="s">
        <v>48</v>
      </c>
      <c r="MW8" s="252" t="s">
        <v>49</v>
      </c>
      <c r="MX8" s="252" t="s">
        <v>50</v>
      </c>
      <c r="MY8" s="252" t="s">
        <v>51</v>
      </c>
      <c r="MZ8" s="253" t="s">
        <v>45</v>
      </c>
      <c r="NA8" s="531"/>
      <c r="NB8" s="251" t="s">
        <v>43</v>
      </c>
      <c r="NC8" s="252" t="s">
        <v>44</v>
      </c>
      <c r="ND8" s="254" t="s">
        <v>45</v>
      </c>
      <c r="NE8" s="76" t="s">
        <v>83</v>
      </c>
      <c r="NF8" s="252" t="s">
        <v>47</v>
      </c>
      <c r="NG8" s="252" t="s">
        <v>48</v>
      </c>
      <c r="NH8" s="252" t="s">
        <v>49</v>
      </c>
      <c r="NI8" s="252" t="s">
        <v>50</v>
      </c>
      <c r="NJ8" s="252" t="s">
        <v>51</v>
      </c>
      <c r="NK8" s="253" t="s">
        <v>45</v>
      </c>
      <c r="NL8" s="531"/>
      <c r="NM8" s="251" t="s">
        <v>43</v>
      </c>
      <c r="NN8" s="252" t="s">
        <v>44</v>
      </c>
      <c r="NO8" s="254" t="s">
        <v>45</v>
      </c>
      <c r="NP8" s="76" t="s">
        <v>83</v>
      </c>
      <c r="NQ8" s="252" t="s">
        <v>47</v>
      </c>
      <c r="NR8" s="252" t="s">
        <v>48</v>
      </c>
      <c r="NS8" s="252" t="s">
        <v>49</v>
      </c>
      <c r="NT8" s="252" t="s">
        <v>50</v>
      </c>
      <c r="NU8" s="252" t="s">
        <v>51</v>
      </c>
      <c r="NV8" s="253" t="s">
        <v>45</v>
      </c>
      <c r="NW8" s="531"/>
      <c r="NX8" s="251" t="s">
        <v>43</v>
      </c>
      <c r="NY8" s="252" t="s">
        <v>44</v>
      </c>
      <c r="NZ8" s="254" t="s">
        <v>45</v>
      </c>
      <c r="OA8" s="76" t="s">
        <v>83</v>
      </c>
      <c r="OB8" s="252" t="s">
        <v>47</v>
      </c>
      <c r="OC8" s="252" t="s">
        <v>48</v>
      </c>
      <c r="OD8" s="252" t="s">
        <v>49</v>
      </c>
      <c r="OE8" s="252" t="s">
        <v>50</v>
      </c>
      <c r="OF8" s="252" t="s">
        <v>51</v>
      </c>
      <c r="OG8" s="253" t="s">
        <v>45</v>
      </c>
      <c r="OH8" s="531"/>
      <c r="OI8" s="251" t="s">
        <v>43</v>
      </c>
      <c r="OJ8" s="252" t="s">
        <v>44</v>
      </c>
      <c r="OK8" s="254" t="s">
        <v>45</v>
      </c>
      <c r="OL8" s="231" t="s">
        <v>83</v>
      </c>
      <c r="OM8" s="252" t="s">
        <v>47</v>
      </c>
      <c r="ON8" s="252" t="s">
        <v>48</v>
      </c>
      <c r="OO8" s="252" t="s">
        <v>49</v>
      </c>
      <c r="OP8" s="252" t="s">
        <v>50</v>
      </c>
      <c r="OQ8" s="252" t="s">
        <v>51</v>
      </c>
      <c r="OR8" s="253" t="s">
        <v>45</v>
      </c>
      <c r="OS8" s="531"/>
    </row>
    <row r="9" spans="1:409" s="407" customFormat="1" ht="21" customHeight="1" x14ac:dyDescent="0.2">
      <c r="A9" s="70"/>
      <c r="B9" s="408" t="s">
        <v>4</v>
      </c>
      <c r="C9" s="255">
        <v>427809350</v>
      </c>
      <c r="D9" s="256">
        <v>916403651</v>
      </c>
      <c r="E9" s="257">
        <v>1344213001</v>
      </c>
      <c r="F9" s="258">
        <v>0</v>
      </c>
      <c r="G9" s="256">
        <v>5536793952</v>
      </c>
      <c r="H9" s="256">
        <v>7759287725</v>
      </c>
      <c r="I9" s="256">
        <v>6340628702</v>
      </c>
      <c r="J9" s="256">
        <v>6013592926</v>
      </c>
      <c r="K9" s="256">
        <v>4504894621</v>
      </c>
      <c r="L9" s="259">
        <v>30155197926</v>
      </c>
      <c r="M9" s="260">
        <v>31499410927</v>
      </c>
      <c r="N9" s="255">
        <v>106110339</v>
      </c>
      <c r="O9" s="256">
        <v>282025215</v>
      </c>
      <c r="P9" s="261">
        <v>388135554</v>
      </c>
      <c r="Q9" s="255">
        <v>0</v>
      </c>
      <c r="R9" s="256">
        <v>1585327450</v>
      </c>
      <c r="S9" s="256">
        <v>2560451120</v>
      </c>
      <c r="T9" s="256">
        <v>2170123112</v>
      </c>
      <c r="U9" s="256">
        <v>2402423705</v>
      </c>
      <c r="V9" s="256">
        <v>2360037346</v>
      </c>
      <c r="W9" s="261">
        <v>11078362733</v>
      </c>
      <c r="X9" s="260">
        <v>11466498287</v>
      </c>
      <c r="Y9" s="255">
        <v>0</v>
      </c>
      <c r="Z9" s="256">
        <v>0</v>
      </c>
      <c r="AA9" s="261">
        <v>0</v>
      </c>
      <c r="AB9" s="262">
        <v>0</v>
      </c>
      <c r="AC9" s="263">
        <v>729162838</v>
      </c>
      <c r="AD9" s="263">
        <v>1227999547</v>
      </c>
      <c r="AE9" s="263">
        <v>1206339711</v>
      </c>
      <c r="AF9" s="263">
        <v>1434971881</v>
      </c>
      <c r="AG9" s="263">
        <v>1398247651</v>
      </c>
      <c r="AH9" s="261">
        <v>5996721628</v>
      </c>
      <c r="AI9" s="260">
        <v>5996721628</v>
      </c>
      <c r="AJ9" s="264">
        <v>93722</v>
      </c>
      <c r="AK9" s="263">
        <v>846069</v>
      </c>
      <c r="AL9" s="261">
        <v>939791</v>
      </c>
      <c r="AM9" s="262">
        <v>0</v>
      </c>
      <c r="AN9" s="263">
        <v>4836541</v>
      </c>
      <c r="AO9" s="259">
        <v>23388874</v>
      </c>
      <c r="AP9" s="263">
        <v>48893829</v>
      </c>
      <c r="AQ9" s="263">
        <v>133745936</v>
      </c>
      <c r="AR9" s="263">
        <v>256197751</v>
      </c>
      <c r="AS9" s="261">
        <v>467062931</v>
      </c>
      <c r="AT9" s="260">
        <v>468002722</v>
      </c>
      <c r="AU9" s="264">
        <v>60418444</v>
      </c>
      <c r="AV9" s="263">
        <v>205708734</v>
      </c>
      <c r="AW9" s="261">
        <v>266127178</v>
      </c>
      <c r="AX9" s="262">
        <v>0</v>
      </c>
      <c r="AY9" s="263">
        <v>527704032</v>
      </c>
      <c r="AZ9" s="263">
        <v>883042708</v>
      </c>
      <c r="BA9" s="263">
        <v>556695589</v>
      </c>
      <c r="BB9" s="263">
        <v>485902455</v>
      </c>
      <c r="BC9" s="263">
        <v>445495811</v>
      </c>
      <c r="BD9" s="261">
        <v>2898840595</v>
      </c>
      <c r="BE9" s="265">
        <v>3164967773</v>
      </c>
      <c r="BF9" s="264">
        <v>6626244</v>
      </c>
      <c r="BG9" s="259">
        <v>25814613</v>
      </c>
      <c r="BH9" s="266">
        <v>32440857</v>
      </c>
      <c r="BI9" s="262">
        <v>0</v>
      </c>
      <c r="BJ9" s="263">
        <v>40886425</v>
      </c>
      <c r="BK9" s="263">
        <v>67571149</v>
      </c>
      <c r="BL9" s="263">
        <v>42129805</v>
      </c>
      <c r="BM9" s="263">
        <v>35040209</v>
      </c>
      <c r="BN9" s="263">
        <v>23913616</v>
      </c>
      <c r="BO9" s="261">
        <v>209541204</v>
      </c>
      <c r="BP9" s="260">
        <v>241982061</v>
      </c>
      <c r="BQ9" s="264">
        <v>38971929</v>
      </c>
      <c r="BR9" s="263">
        <v>49655799</v>
      </c>
      <c r="BS9" s="261">
        <v>88627728</v>
      </c>
      <c r="BT9" s="262">
        <v>0</v>
      </c>
      <c r="BU9" s="263">
        <v>282737614</v>
      </c>
      <c r="BV9" s="263">
        <v>358448842</v>
      </c>
      <c r="BW9" s="263">
        <v>316064178</v>
      </c>
      <c r="BX9" s="263">
        <v>312763224</v>
      </c>
      <c r="BY9" s="263">
        <v>236182517</v>
      </c>
      <c r="BZ9" s="261">
        <v>1506196375</v>
      </c>
      <c r="CA9" s="260">
        <v>1594824103</v>
      </c>
      <c r="CB9" s="264">
        <v>40328344</v>
      </c>
      <c r="CC9" s="263">
        <v>121372520</v>
      </c>
      <c r="CD9" s="261">
        <v>161700864</v>
      </c>
      <c r="CE9" s="262">
        <v>0</v>
      </c>
      <c r="CF9" s="263">
        <v>1516456530</v>
      </c>
      <c r="CG9" s="263">
        <v>2016809540</v>
      </c>
      <c r="CH9" s="267">
        <v>1420870243</v>
      </c>
      <c r="CI9" s="263">
        <v>928546419</v>
      </c>
      <c r="CJ9" s="263">
        <v>460168338</v>
      </c>
      <c r="CK9" s="261">
        <v>6342851070</v>
      </c>
      <c r="CL9" s="260">
        <v>6504551934</v>
      </c>
      <c r="CM9" s="255">
        <v>12944</v>
      </c>
      <c r="CN9" s="256">
        <v>0</v>
      </c>
      <c r="CO9" s="261">
        <v>12944</v>
      </c>
      <c r="CP9" s="262">
        <v>0</v>
      </c>
      <c r="CQ9" s="263">
        <v>1276126479</v>
      </c>
      <c r="CR9" s="263">
        <v>1582912769</v>
      </c>
      <c r="CS9" s="263">
        <v>1112911827</v>
      </c>
      <c r="CT9" s="263">
        <v>711739629</v>
      </c>
      <c r="CU9" s="263">
        <v>372334663</v>
      </c>
      <c r="CV9" s="268">
        <v>5056025367</v>
      </c>
      <c r="CW9" s="260">
        <v>5056038311</v>
      </c>
      <c r="CX9" s="264">
        <v>40315400</v>
      </c>
      <c r="CY9" s="263">
        <v>121372520</v>
      </c>
      <c r="CZ9" s="261">
        <v>161687920</v>
      </c>
      <c r="DA9" s="262">
        <v>0</v>
      </c>
      <c r="DB9" s="263">
        <v>240330051</v>
      </c>
      <c r="DC9" s="263">
        <v>433896771</v>
      </c>
      <c r="DD9" s="263">
        <v>307958416</v>
      </c>
      <c r="DE9" s="263">
        <v>216806790</v>
      </c>
      <c r="DF9" s="263">
        <v>87833675</v>
      </c>
      <c r="DG9" s="261">
        <v>1286825703</v>
      </c>
      <c r="DH9" s="260">
        <v>1448513623</v>
      </c>
      <c r="DI9" s="264">
        <v>2679762</v>
      </c>
      <c r="DJ9" s="263">
        <v>11347289</v>
      </c>
      <c r="DK9" s="266">
        <v>14027051</v>
      </c>
      <c r="DL9" s="262">
        <v>0</v>
      </c>
      <c r="DM9" s="263">
        <v>149406935</v>
      </c>
      <c r="DN9" s="263">
        <v>321907987</v>
      </c>
      <c r="DO9" s="263">
        <v>556378477</v>
      </c>
      <c r="DP9" s="263">
        <v>467837442</v>
      </c>
      <c r="DQ9" s="263">
        <v>264079103</v>
      </c>
      <c r="DR9" s="269">
        <v>1759609944</v>
      </c>
      <c r="DS9" s="260">
        <v>1773636995</v>
      </c>
      <c r="DT9" s="264">
        <v>2525946</v>
      </c>
      <c r="DU9" s="263">
        <v>10446194</v>
      </c>
      <c r="DV9" s="261">
        <v>12972140</v>
      </c>
      <c r="DW9" s="262">
        <v>0</v>
      </c>
      <c r="DX9" s="263">
        <v>136040470</v>
      </c>
      <c r="DY9" s="263">
        <v>286269119</v>
      </c>
      <c r="DZ9" s="263">
        <v>505779445</v>
      </c>
      <c r="EA9" s="263">
        <v>411321193</v>
      </c>
      <c r="EB9" s="263">
        <v>226717627</v>
      </c>
      <c r="EC9" s="261">
        <v>1566127854</v>
      </c>
      <c r="ED9" s="260">
        <v>1579099994</v>
      </c>
      <c r="EE9" s="264">
        <v>153816</v>
      </c>
      <c r="EF9" s="259">
        <v>901095</v>
      </c>
      <c r="EG9" s="261">
        <v>1054911</v>
      </c>
      <c r="EH9" s="265">
        <v>0</v>
      </c>
      <c r="EI9" s="263">
        <v>13304632</v>
      </c>
      <c r="EJ9" s="263">
        <v>35638868</v>
      </c>
      <c r="EK9" s="263">
        <v>50599032</v>
      </c>
      <c r="EL9" s="263">
        <v>56516249</v>
      </c>
      <c r="EM9" s="267">
        <v>37361476</v>
      </c>
      <c r="EN9" s="259">
        <v>193420257</v>
      </c>
      <c r="EO9" s="260">
        <v>194475168</v>
      </c>
      <c r="EP9" s="264">
        <v>0</v>
      </c>
      <c r="EQ9" s="263">
        <v>0</v>
      </c>
      <c r="ER9" s="259">
        <v>0</v>
      </c>
      <c r="ES9" s="262">
        <v>0</v>
      </c>
      <c r="ET9" s="263">
        <v>0</v>
      </c>
      <c r="EU9" s="263">
        <v>0</v>
      </c>
      <c r="EV9" s="263">
        <v>0</v>
      </c>
      <c r="EW9" s="263">
        <v>0</v>
      </c>
      <c r="EX9" s="263">
        <v>0</v>
      </c>
      <c r="EY9" s="268">
        <v>0</v>
      </c>
      <c r="EZ9" s="260">
        <v>0</v>
      </c>
      <c r="FA9" s="264">
        <v>0</v>
      </c>
      <c r="FB9" s="263">
        <v>0</v>
      </c>
      <c r="FC9" s="259">
        <v>0</v>
      </c>
      <c r="FD9" s="262">
        <v>0</v>
      </c>
      <c r="FE9" s="263">
        <v>61833</v>
      </c>
      <c r="FF9" s="263">
        <v>0</v>
      </c>
      <c r="FG9" s="263">
        <v>0</v>
      </c>
      <c r="FH9" s="263">
        <v>0</v>
      </c>
      <c r="FI9" s="263">
        <v>0</v>
      </c>
      <c r="FJ9" s="268">
        <v>61833</v>
      </c>
      <c r="FK9" s="260">
        <v>61833</v>
      </c>
      <c r="FL9" s="264">
        <v>100326827</v>
      </c>
      <c r="FM9" s="263">
        <v>214771286</v>
      </c>
      <c r="FN9" s="261">
        <v>315098113</v>
      </c>
      <c r="FO9" s="262">
        <v>0</v>
      </c>
      <c r="FP9" s="263">
        <v>264569402</v>
      </c>
      <c r="FQ9" s="263">
        <v>692599569</v>
      </c>
      <c r="FR9" s="263">
        <v>471880189</v>
      </c>
      <c r="FS9" s="263">
        <v>426355250</v>
      </c>
      <c r="FT9" s="263">
        <v>310985684</v>
      </c>
      <c r="FU9" s="261">
        <v>2166390094</v>
      </c>
      <c r="FV9" s="260">
        <v>2481488207</v>
      </c>
      <c r="FW9" s="264">
        <v>59963735</v>
      </c>
      <c r="FX9" s="263">
        <v>163757132</v>
      </c>
      <c r="FY9" s="259">
        <v>223720867</v>
      </c>
      <c r="FZ9" s="265">
        <v>0</v>
      </c>
      <c r="GA9" s="263">
        <v>215163806</v>
      </c>
      <c r="GB9" s="270">
        <v>639172755</v>
      </c>
      <c r="GC9" s="263">
        <v>439757692</v>
      </c>
      <c r="GD9" s="270">
        <v>397391818</v>
      </c>
      <c r="GE9" s="263">
        <v>300382737</v>
      </c>
      <c r="GF9" s="268">
        <v>1991868808</v>
      </c>
      <c r="GG9" s="271">
        <v>2215589675</v>
      </c>
      <c r="GH9" s="272">
        <v>6201069</v>
      </c>
      <c r="GI9" s="263">
        <v>11091877</v>
      </c>
      <c r="GJ9" s="270">
        <v>17292946</v>
      </c>
      <c r="GK9" s="258">
        <v>0</v>
      </c>
      <c r="GL9" s="263">
        <v>13082912</v>
      </c>
      <c r="GM9" s="259">
        <v>18614743</v>
      </c>
      <c r="GN9" s="263">
        <v>11608194</v>
      </c>
      <c r="GO9" s="259">
        <v>11906011</v>
      </c>
      <c r="GP9" s="263">
        <v>5151080</v>
      </c>
      <c r="GQ9" s="269">
        <v>60362940</v>
      </c>
      <c r="GR9" s="260">
        <v>77655886</v>
      </c>
      <c r="GS9" s="259">
        <v>34162023</v>
      </c>
      <c r="GT9" s="263">
        <v>39922277</v>
      </c>
      <c r="GU9" s="261">
        <v>74084300</v>
      </c>
      <c r="GV9" s="259">
        <v>0</v>
      </c>
      <c r="GW9" s="263">
        <v>36322684</v>
      </c>
      <c r="GX9" s="259">
        <v>34812071</v>
      </c>
      <c r="GY9" s="263">
        <v>20514303</v>
      </c>
      <c r="GZ9" s="259">
        <v>17057421</v>
      </c>
      <c r="HA9" s="263">
        <v>5451867</v>
      </c>
      <c r="HB9" s="259">
        <v>114158346</v>
      </c>
      <c r="HC9" s="260">
        <v>188242646</v>
      </c>
      <c r="HD9" s="259">
        <v>102158836</v>
      </c>
      <c r="HE9" s="263">
        <v>134120741</v>
      </c>
      <c r="HF9" s="259">
        <v>236279577</v>
      </c>
      <c r="HG9" s="265">
        <v>0</v>
      </c>
      <c r="HH9" s="263">
        <v>1113877090</v>
      </c>
      <c r="HI9" s="270">
        <v>1178621936</v>
      </c>
      <c r="HJ9" s="263">
        <v>1102480320</v>
      </c>
      <c r="HK9" s="270">
        <v>1360250228</v>
      </c>
      <c r="HL9" s="263">
        <v>849366306</v>
      </c>
      <c r="HM9" s="268">
        <v>5604595880</v>
      </c>
      <c r="HN9" s="259">
        <v>5840875457</v>
      </c>
      <c r="HO9" s="272">
        <v>76205242</v>
      </c>
      <c r="HP9" s="263">
        <v>152766600</v>
      </c>
      <c r="HQ9" s="268">
        <v>228971842</v>
      </c>
      <c r="HR9" s="259">
        <v>0</v>
      </c>
      <c r="HS9" s="263">
        <v>907156545</v>
      </c>
      <c r="HT9" s="259">
        <v>988897573</v>
      </c>
      <c r="HU9" s="263">
        <v>618896361</v>
      </c>
      <c r="HV9" s="259">
        <v>428179882</v>
      </c>
      <c r="HW9" s="263">
        <v>260257844</v>
      </c>
      <c r="HX9" s="259">
        <v>3203388205</v>
      </c>
      <c r="HY9" s="260">
        <v>3432360047</v>
      </c>
      <c r="HZ9" s="273">
        <v>8868137</v>
      </c>
      <c r="IA9" s="274">
        <v>34042058</v>
      </c>
      <c r="IB9" s="275">
        <v>42910195</v>
      </c>
      <c r="IC9" s="276">
        <v>0</v>
      </c>
      <c r="ID9" s="274">
        <v>1716287995</v>
      </c>
      <c r="IE9" s="277">
        <v>2342227492</v>
      </c>
      <c r="IF9" s="278">
        <v>2446080128</v>
      </c>
      <c r="IG9" s="274">
        <v>1830538054</v>
      </c>
      <c r="IH9" s="278">
        <v>1325601992</v>
      </c>
      <c r="II9" s="279">
        <v>9660735661</v>
      </c>
      <c r="IJ9" s="280">
        <v>9703645856</v>
      </c>
      <c r="IK9" s="281">
        <v>0</v>
      </c>
      <c r="IL9" s="282">
        <v>0</v>
      </c>
      <c r="IM9" s="283">
        <v>0</v>
      </c>
      <c r="IN9" s="406">
        <v>0</v>
      </c>
      <c r="IO9" s="284">
        <v>24510985</v>
      </c>
      <c r="IP9" s="284">
        <v>53015727</v>
      </c>
      <c r="IQ9" s="284">
        <v>68211390</v>
      </c>
      <c r="IR9" s="284">
        <v>107437515</v>
      </c>
      <c r="IS9" s="284">
        <v>116242312</v>
      </c>
      <c r="IT9" s="285">
        <v>369417929</v>
      </c>
      <c r="IU9" s="286">
        <v>369417929</v>
      </c>
      <c r="IV9" s="287">
        <v>0</v>
      </c>
      <c r="IW9" s="284">
        <v>0</v>
      </c>
      <c r="IX9" s="288">
        <v>0</v>
      </c>
      <c r="IY9" s="412">
        <v>0</v>
      </c>
      <c r="IZ9" s="284">
        <v>3582728</v>
      </c>
      <c r="JA9" s="284">
        <v>10122787</v>
      </c>
      <c r="JB9" s="284">
        <v>11087592</v>
      </c>
      <c r="JC9" s="284">
        <v>13452649</v>
      </c>
      <c r="JD9" s="284">
        <v>18738004</v>
      </c>
      <c r="JE9" s="288">
        <v>56983760</v>
      </c>
      <c r="JF9" s="289">
        <v>56983760</v>
      </c>
      <c r="JG9" s="287">
        <v>0</v>
      </c>
      <c r="JH9" s="284">
        <v>0</v>
      </c>
      <c r="JI9" s="285">
        <v>0</v>
      </c>
      <c r="JJ9" s="290">
        <v>0</v>
      </c>
      <c r="JK9" s="284">
        <v>649763393</v>
      </c>
      <c r="JL9" s="284">
        <v>810950662</v>
      </c>
      <c r="JM9" s="284">
        <v>596924171</v>
      </c>
      <c r="JN9" s="284">
        <v>357048181</v>
      </c>
      <c r="JO9" s="284">
        <v>193511629</v>
      </c>
      <c r="JP9" s="288">
        <v>2608198036</v>
      </c>
      <c r="JQ9" s="286">
        <v>2608198036</v>
      </c>
      <c r="JR9" s="287">
        <v>358265</v>
      </c>
      <c r="JS9" s="284">
        <v>633798</v>
      </c>
      <c r="JT9" s="285">
        <v>992063</v>
      </c>
      <c r="JU9" s="290">
        <v>0</v>
      </c>
      <c r="JV9" s="284">
        <v>73657807</v>
      </c>
      <c r="JW9" s="284">
        <v>112548599</v>
      </c>
      <c r="JX9" s="284">
        <v>158639859</v>
      </c>
      <c r="JY9" s="284">
        <v>92572651</v>
      </c>
      <c r="JZ9" s="284">
        <v>78219778</v>
      </c>
      <c r="KA9" s="288">
        <v>515638694</v>
      </c>
      <c r="KB9" s="286">
        <v>516630757</v>
      </c>
      <c r="KC9" s="291">
        <v>8509872</v>
      </c>
      <c r="KD9" s="292">
        <v>23809163</v>
      </c>
      <c r="KE9" s="288">
        <v>32319035</v>
      </c>
      <c r="KF9" s="290">
        <v>0</v>
      </c>
      <c r="KG9" s="284">
        <v>207499385</v>
      </c>
      <c r="KH9" s="284">
        <v>331307452</v>
      </c>
      <c r="KI9" s="284">
        <v>369610045</v>
      </c>
      <c r="KJ9" s="284">
        <v>275949347</v>
      </c>
      <c r="KK9" s="284">
        <v>181804583</v>
      </c>
      <c r="KL9" s="288">
        <v>1366170812</v>
      </c>
      <c r="KM9" s="293">
        <v>1398489847</v>
      </c>
      <c r="KN9" s="281">
        <v>0</v>
      </c>
      <c r="KO9" s="282">
        <v>9599097</v>
      </c>
      <c r="KP9" s="283">
        <v>9599097</v>
      </c>
      <c r="KQ9" s="412">
        <v>0</v>
      </c>
      <c r="KR9" s="284">
        <v>710968490</v>
      </c>
      <c r="KS9" s="284">
        <v>939550972</v>
      </c>
      <c r="KT9" s="284">
        <v>1073353587</v>
      </c>
      <c r="KU9" s="284">
        <v>719353044</v>
      </c>
      <c r="KV9" s="284">
        <v>477567510</v>
      </c>
      <c r="KW9" s="288">
        <v>3920793603</v>
      </c>
      <c r="KX9" s="286">
        <v>3930392700</v>
      </c>
      <c r="KY9" s="287">
        <v>0</v>
      </c>
      <c r="KZ9" s="284">
        <v>0</v>
      </c>
      <c r="LA9" s="288">
        <v>0</v>
      </c>
      <c r="LB9" s="412">
        <v>0</v>
      </c>
      <c r="LC9" s="284">
        <v>6208560</v>
      </c>
      <c r="LD9" s="284">
        <v>8706876</v>
      </c>
      <c r="LE9" s="284">
        <v>14263796</v>
      </c>
      <c r="LF9" s="284">
        <v>16088375</v>
      </c>
      <c r="LG9" s="284">
        <v>12948526</v>
      </c>
      <c r="LH9" s="288">
        <v>58216133</v>
      </c>
      <c r="LI9" s="289">
        <v>58216133</v>
      </c>
      <c r="LJ9" s="287">
        <v>0</v>
      </c>
      <c r="LK9" s="284">
        <v>0</v>
      </c>
      <c r="LL9" s="288">
        <v>0</v>
      </c>
      <c r="LM9" s="412">
        <v>0</v>
      </c>
      <c r="LN9" s="284">
        <v>1488787</v>
      </c>
      <c r="LO9" s="284">
        <v>8021956</v>
      </c>
      <c r="LP9" s="284">
        <v>62540240</v>
      </c>
      <c r="LQ9" s="284">
        <v>111556297</v>
      </c>
      <c r="LR9" s="284">
        <v>69466049</v>
      </c>
      <c r="LS9" s="288">
        <v>253073329</v>
      </c>
      <c r="LT9" s="286">
        <v>253073329</v>
      </c>
      <c r="LU9" s="287">
        <v>0</v>
      </c>
      <c r="LV9" s="284">
        <v>0</v>
      </c>
      <c r="LW9" s="288">
        <v>0</v>
      </c>
      <c r="LX9" s="412">
        <v>0</v>
      </c>
      <c r="LY9" s="284">
        <v>38607860</v>
      </c>
      <c r="LZ9" s="284">
        <v>68002461</v>
      </c>
      <c r="MA9" s="284">
        <v>91449448</v>
      </c>
      <c r="MB9" s="284">
        <v>137079995</v>
      </c>
      <c r="MC9" s="284">
        <v>177103601</v>
      </c>
      <c r="MD9" s="288">
        <v>512243365</v>
      </c>
      <c r="ME9" s="289">
        <v>512243365</v>
      </c>
      <c r="MF9" s="287">
        <v>217764</v>
      </c>
      <c r="MG9" s="284">
        <v>0</v>
      </c>
      <c r="MH9" s="288">
        <v>217764</v>
      </c>
      <c r="MI9" s="412">
        <v>0</v>
      </c>
      <c r="MJ9" s="284">
        <v>558420984</v>
      </c>
      <c r="MK9" s="284">
        <v>1445642583</v>
      </c>
      <c r="ML9" s="284">
        <v>4391487647</v>
      </c>
      <c r="MM9" s="284">
        <v>6496901632</v>
      </c>
      <c r="MN9" s="284">
        <v>4310460443</v>
      </c>
      <c r="MO9" s="288">
        <v>17202913289</v>
      </c>
      <c r="MP9" s="293">
        <v>17203131053</v>
      </c>
      <c r="MQ9" s="287">
        <v>0</v>
      </c>
      <c r="MR9" s="284">
        <v>0</v>
      </c>
      <c r="MS9" s="288">
        <v>0</v>
      </c>
      <c r="MT9" s="412">
        <v>0</v>
      </c>
      <c r="MU9" s="284">
        <v>112835536</v>
      </c>
      <c r="MV9" s="284">
        <v>443589384</v>
      </c>
      <c r="MW9" s="284">
        <v>2838394976</v>
      </c>
      <c r="MX9" s="284">
        <v>4415493976</v>
      </c>
      <c r="MY9" s="284">
        <v>3056108585</v>
      </c>
      <c r="MZ9" s="288">
        <v>10866422457</v>
      </c>
      <c r="NA9" s="293">
        <v>10866422457</v>
      </c>
      <c r="NB9" s="287">
        <v>217764</v>
      </c>
      <c r="NC9" s="284">
        <v>0</v>
      </c>
      <c r="ND9" s="288">
        <v>217764</v>
      </c>
      <c r="NE9" s="412">
        <v>0</v>
      </c>
      <c r="NF9" s="284">
        <v>441231755</v>
      </c>
      <c r="NG9" s="284">
        <v>995961202</v>
      </c>
      <c r="NH9" s="284">
        <v>1532152356</v>
      </c>
      <c r="NI9" s="284">
        <v>1938024522</v>
      </c>
      <c r="NJ9" s="284">
        <v>1047397474</v>
      </c>
      <c r="NK9" s="288">
        <v>5954767309</v>
      </c>
      <c r="NL9" s="286">
        <v>5954985073</v>
      </c>
      <c r="NM9" s="287">
        <v>0</v>
      </c>
      <c r="NN9" s="284">
        <v>0</v>
      </c>
      <c r="NO9" s="288">
        <v>0</v>
      </c>
      <c r="NP9" s="412">
        <v>0</v>
      </c>
      <c r="NQ9" s="284">
        <v>0</v>
      </c>
      <c r="NR9" s="284">
        <v>0</v>
      </c>
      <c r="NS9" s="284">
        <v>0</v>
      </c>
      <c r="NT9" s="284">
        <v>0</v>
      </c>
      <c r="NU9" s="284">
        <v>0</v>
      </c>
      <c r="NV9" s="288">
        <v>0</v>
      </c>
      <c r="NW9" s="289">
        <v>0</v>
      </c>
      <c r="NX9" s="287">
        <v>0</v>
      </c>
      <c r="NY9" s="284">
        <v>0</v>
      </c>
      <c r="NZ9" s="288">
        <v>0</v>
      </c>
      <c r="OA9" s="412">
        <v>0</v>
      </c>
      <c r="OB9" s="284">
        <v>4353693</v>
      </c>
      <c r="OC9" s="284">
        <v>6091997</v>
      </c>
      <c r="OD9" s="284">
        <v>20940315</v>
      </c>
      <c r="OE9" s="284">
        <v>143383134</v>
      </c>
      <c r="OF9" s="284">
        <v>206954384</v>
      </c>
      <c r="OG9" s="288">
        <v>381723523</v>
      </c>
      <c r="OH9" s="289">
        <v>381723523</v>
      </c>
      <c r="OI9" s="287">
        <v>436895251</v>
      </c>
      <c r="OJ9" s="284">
        <v>950445709</v>
      </c>
      <c r="OK9" s="285">
        <v>1387340960</v>
      </c>
      <c r="OL9" s="290">
        <v>0</v>
      </c>
      <c r="OM9" s="284">
        <v>7811502931</v>
      </c>
      <c r="ON9" s="284">
        <v>11547157800</v>
      </c>
      <c r="OO9" s="284">
        <v>13178196477</v>
      </c>
      <c r="OP9" s="284">
        <v>14341032612</v>
      </c>
      <c r="OQ9" s="284">
        <v>10140957056</v>
      </c>
      <c r="OR9" s="288">
        <v>57018846876</v>
      </c>
      <c r="OS9" s="293">
        <v>58406187836</v>
      </c>
    </row>
    <row r="10" spans="1:409" s="407" customFormat="1" ht="21" customHeight="1" x14ac:dyDescent="0.2">
      <c r="A10" s="70"/>
      <c r="B10" s="409" t="s">
        <v>5</v>
      </c>
      <c r="C10" s="295">
        <v>165390440</v>
      </c>
      <c r="D10" s="296">
        <v>439587084</v>
      </c>
      <c r="E10" s="297">
        <v>604977524</v>
      </c>
      <c r="F10" s="298">
        <v>0</v>
      </c>
      <c r="G10" s="296">
        <v>1913997202</v>
      </c>
      <c r="H10" s="296">
        <v>3509790722</v>
      </c>
      <c r="I10" s="296">
        <v>2620807047</v>
      </c>
      <c r="J10" s="296">
        <v>2404825135</v>
      </c>
      <c r="K10" s="296">
        <v>1817257572</v>
      </c>
      <c r="L10" s="298">
        <v>12266677678</v>
      </c>
      <c r="M10" s="299">
        <v>12871655202</v>
      </c>
      <c r="N10" s="295">
        <v>43799027</v>
      </c>
      <c r="O10" s="296">
        <v>153407819</v>
      </c>
      <c r="P10" s="297">
        <v>197206846</v>
      </c>
      <c r="Q10" s="295">
        <v>0</v>
      </c>
      <c r="R10" s="296">
        <v>561388908</v>
      </c>
      <c r="S10" s="296">
        <v>1208953051</v>
      </c>
      <c r="T10" s="296">
        <v>909494877</v>
      </c>
      <c r="U10" s="296">
        <v>945200014</v>
      </c>
      <c r="V10" s="296">
        <v>959937026</v>
      </c>
      <c r="W10" s="297">
        <v>4584973876</v>
      </c>
      <c r="X10" s="299">
        <v>4782180722</v>
      </c>
      <c r="Y10" s="295">
        <v>0</v>
      </c>
      <c r="Z10" s="296">
        <v>0</v>
      </c>
      <c r="AA10" s="297">
        <v>0</v>
      </c>
      <c r="AB10" s="295">
        <v>0</v>
      </c>
      <c r="AC10" s="296">
        <v>247879669</v>
      </c>
      <c r="AD10" s="296">
        <v>541321043</v>
      </c>
      <c r="AE10" s="296">
        <v>459291539</v>
      </c>
      <c r="AF10" s="296">
        <v>518353231</v>
      </c>
      <c r="AG10" s="296">
        <v>534519830</v>
      </c>
      <c r="AH10" s="297">
        <v>2301365312</v>
      </c>
      <c r="AI10" s="299">
        <v>2301365312</v>
      </c>
      <c r="AJ10" s="295">
        <v>37489</v>
      </c>
      <c r="AK10" s="296">
        <v>474460</v>
      </c>
      <c r="AL10" s="297">
        <v>511949</v>
      </c>
      <c r="AM10" s="295">
        <v>0</v>
      </c>
      <c r="AN10" s="296">
        <v>1107591</v>
      </c>
      <c r="AO10" s="296">
        <v>8164742</v>
      </c>
      <c r="AP10" s="296">
        <v>19294285</v>
      </c>
      <c r="AQ10" s="296">
        <v>54736840</v>
      </c>
      <c r="AR10" s="296">
        <v>114937750</v>
      </c>
      <c r="AS10" s="297">
        <v>198241208</v>
      </c>
      <c r="AT10" s="299">
        <v>198753157</v>
      </c>
      <c r="AU10" s="295">
        <v>25811802</v>
      </c>
      <c r="AV10" s="296">
        <v>113979422</v>
      </c>
      <c r="AW10" s="297">
        <v>139791224</v>
      </c>
      <c r="AX10" s="295">
        <v>0</v>
      </c>
      <c r="AY10" s="296">
        <v>195403974</v>
      </c>
      <c r="AZ10" s="296">
        <v>472426334</v>
      </c>
      <c r="BA10" s="296">
        <v>282506808</v>
      </c>
      <c r="BB10" s="296">
        <v>228727987</v>
      </c>
      <c r="BC10" s="296">
        <v>203593543</v>
      </c>
      <c r="BD10" s="297">
        <v>1382658646</v>
      </c>
      <c r="BE10" s="299">
        <v>1522449870</v>
      </c>
      <c r="BF10" s="295">
        <v>2460885</v>
      </c>
      <c r="BG10" s="296">
        <v>13352450</v>
      </c>
      <c r="BH10" s="300">
        <v>15813335</v>
      </c>
      <c r="BI10" s="301">
        <v>0</v>
      </c>
      <c r="BJ10" s="296">
        <v>10220176</v>
      </c>
      <c r="BK10" s="296">
        <v>28473803</v>
      </c>
      <c r="BL10" s="296">
        <v>19117376</v>
      </c>
      <c r="BM10" s="296">
        <v>14432291</v>
      </c>
      <c r="BN10" s="296">
        <v>10308492</v>
      </c>
      <c r="BO10" s="297">
        <v>82552138</v>
      </c>
      <c r="BP10" s="299">
        <v>98365473</v>
      </c>
      <c r="BQ10" s="295">
        <v>15488851</v>
      </c>
      <c r="BR10" s="296">
        <v>25601487</v>
      </c>
      <c r="BS10" s="297">
        <v>41090338</v>
      </c>
      <c r="BT10" s="295">
        <v>0</v>
      </c>
      <c r="BU10" s="296">
        <v>106777498</v>
      </c>
      <c r="BV10" s="296">
        <v>158567129</v>
      </c>
      <c r="BW10" s="296">
        <v>129284869</v>
      </c>
      <c r="BX10" s="296">
        <v>128949665</v>
      </c>
      <c r="BY10" s="296">
        <v>96577411</v>
      </c>
      <c r="BZ10" s="297">
        <v>620156572</v>
      </c>
      <c r="CA10" s="299">
        <v>661246910</v>
      </c>
      <c r="CB10" s="295">
        <v>17320959</v>
      </c>
      <c r="CC10" s="296">
        <v>56218241</v>
      </c>
      <c r="CD10" s="297">
        <v>73539200</v>
      </c>
      <c r="CE10" s="295">
        <v>0</v>
      </c>
      <c r="CF10" s="296">
        <v>478505870</v>
      </c>
      <c r="CG10" s="296">
        <v>846865749</v>
      </c>
      <c r="CH10" s="296">
        <v>536024723</v>
      </c>
      <c r="CI10" s="296">
        <v>334845288</v>
      </c>
      <c r="CJ10" s="296">
        <v>161709899</v>
      </c>
      <c r="CK10" s="297">
        <v>2357951529</v>
      </c>
      <c r="CL10" s="299">
        <v>2431490729</v>
      </c>
      <c r="CM10" s="295">
        <v>0</v>
      </c>
      <c r="CN10" s="296">
        <v>0</v>
      </c>
      <c r="CO10" s="297">
        <v>0</v>
      </c>
      <c r="CP10" s="301">
        <v>0</v>
      </c>
      <c r="CQ10" s="296">
        <v>406709497</v>
      </c>
      <c r="CR10" s="296">
        <v>650194102</v>
      </c>
      <c r="CS10" s="296">
        <v>395389051</v>
      </c>
      <c r="CT10" s="296">
        <v>237801903</v>
      </c>
      <c r="CU10" s="296">
        <v>124682490</v>
      </c>
      <c r="CV10" s="297">
        <v>1814777043</v>
      </c>
      <c r="CW10" s="299">
        <v>1814777043</v>
      </c>
      <c r="CX10" s="295">
        <v>17320959</v>
      </c>
      <c r="CY10" s="296">
        <v>56218241</v>
      </c>
      <c r="CZ10" s="297">
        <v>73539200</v>
      </c>
      <c r="DA10" s="295">
        <v>0</v>
      </c>
      <c r="DB10" s="296">
        <v>71796373</v>
      </c>
      <c r="DC10" s="296">
        <v>196671647</v>
      </c>
      <c r="DD10" s="296">
        <v>140635672</v>
      </c>
      <c r="DE10" s="296">
        <v>97043385</v>
      </c>
      <c r="DF10" s="296">
        <v>37027409</v>
      </c>
      <c r="DG10" s="297">
        <v>543174486</v>
      </c>
      <c r="DH10" s="299">
        <v>616713686</v>
      </c>
      <c r="DI10" s="295">
        <v>919439</v>
      </c>
      <c r="DJ10" s="296">
        <v>4489226</v>
      </c>
      <c r="DK10" s="300">
        <v>5408665</v>
      </c>
      <c r="DL10" s="301">
        <v>0</v>
      </c>
      <c r="DM10" s="296">
        <v>47892818</v>
      </c>
      <c r="DN10" s="296">
        <v>131607315</v>
      </c>
      <c r="DO10" s="296">
        <v>229901720</v>
      </c>
      <c r="DP10" s="296">
        <v>180968878</v>
      </c>
      <c r="DQ10" s="296">
        <v>111685296</v>
      </c>
      <c r="DR10" s="297">
        <v>702056027</v>
      </c>
      <c r="DS10" s="299">
        <v>707464692</v>
      </c>
      <c r="DT10" s="295">
        <v>862614</v>
      </c>
      <c r="DU10" s="296">
        <v>4096468</v>
      </c>
      <c r="DV10" s="297">
        <v>4959082</v>
      </c>
      <c r="DW10" s="295">
        <v>0</v>
      </c>
      <c r="DX10" s="296">
        <v>42118753</v>
      </c>
      <c r="DY10" s="296">
        <v>111048798</v>
      </c>
      <c r="DZ10" s="296">
        <v>198841974</v>
      </c>
      <c r="EA10" s="296">
        <v>148364513</v>
      </c>
      <c r="EB10" s="296">
        <v>89074457</v>
      </c>
      <c r="EC10" s="297">
        <v>589448495</v>
      </c>
      <c r="ED10" s="299">
        <v>594407577</v>
      </c>
      <c r="EE10" s="295">
        <v>56825</v>
      </c>
      <c r="EF10" s="300">
        <v>392758</v>
      </c>
      <c r="EG10" s="297">
        <v>449583</v>
      </c>
      <c r="EH10" s="295">
        <v>0</v>
      </c>
      <c r="EI10" s="296">
        <v>5774065</v>
      </c>
      <c r="EJ10" s="296">
        <v>20558517</v>
      </c>
      <c r="EK10" s="296">
        <v>31059746</v>
      </c>
      <c r="EL10" s="296">
        <v>32604365</v>
      </c>
      <c r="EM10" s="296">
        <v>22610839</v>
      </c>
      <c r="EN10" s="300">
        <v>112607532</v>
      </c>
      <c r="EO10" s="299">
        <v>113057115</v>
      </c>
      <c r="EP10" s="295">
        <v>0</v>
      </c>
      <c r="EQ10" s="296">
        <v>0</v>
      </c>
      <c r="ER10" s="300">
        <v>0</v>
      </c>
      <c r="ES10" s="301">
        <v>0</v>
      </c>
      <c r="ET10" s="296">
        <v>0</v>
      </c>
      <c r="EU10" s="296">
        <v>0</v>
      </c>
      <c r="EV10" s="296">
        <v>0</v>
      </c>
      <c r="EW10" s="296">
        <v>0</v>
      </c>
      <c r="EX10" s="296">
        <v>0</v>
      </c>
      <c r="EY10" s="297">
        <v>0</v>
      </c>
      <c r="EZ10" s="299">
        <v>0</v>
      </c>
      <c r="FA10" s="295">
        <v>0</v>
      </c>
      <c r="FB10" s="296">
        <v>0</v>
      </c>
      <c r="FC10" s="300">
        <v>0</v>
      </c>
      <c r="FD10" s="301">
        <v>0</v>
      </c>
      <c r="FE10" s="296">
        <v>0</v>
      </c>
      <c r="FF10" s="296">
        <v>0</v>
      </c>
      <c r="FG10" s="296">
        <v>0</v>
      </c>
      <c r="FH10" s="296">
        <v>0</v>
      </c>
      <c r="FI10" s="296">
        <v>0</v>
      </c>
      <c r="FJ10" s="297">
        <v>0</v>
      </c>
      <c r="FK10" s="299">
        <v>0</v>
      </c>
      <c r="FL10" s="295">
        <v>34111561</v>
      </c>
      <c r="FM10" s="296">
        <v>90926996</v>
      </c>
      <c r="FN10" s="297">
        <v>125038557</v>
      </c>
      <c r="FO10" s="295">
        <v>0</v>
      </c>
      <c r="FP10" s="296">
        <v>70803206</v>
      </c>
      <c r="FQ10" s="296">
        <v>297312214</v>
      </c>
      <c r="FR10" s="296">
        <v>191801828</v>
      </c>
      <c r="FS10" s="296">
        <v>166115619</v>
      </c>
      <c r="FT10" s="296">
        <v>123201096</v>
      </c>
      <c r="FU10" s="297">
        <v>849233963</v>
      </c>
      <c r="FV10" s="299">
        <v>974272520</v>
      </c>
      <c r="FW10" s="302">
        <v>18066980</v>
      </c>
      <c r="FX10" s="296">
        <v>68026979</v>
      </c>
      <c r="FY10" s="300">
        <v>86093959</v>
      </c>
      <c r="FZ10" s="301">
        <v>0</v>
      </c>
      <c r="GA10" s="296">
        <v>56320216</v>
      </c>
      <c r="GB10" s="296">
        <v>276919218</v>
      </c>
      <c r="GC10" s="296">
        <v>177963814</v>
      </c>
      <c r="GD10" s="296">
        <v>153845954</v>
      </c>
      <c r="GE10" s="296">
        <v>118920267</v>
      </c>
      <c r="GF10" s="297">
        <v>783969469</v>
      </c>
      <c r="GG10" s="303">
        <v>870063428</v>
      </c>
      <c r="GH10" s="302">
        <v>2296280</v>
      </c>
      <c r="GI10" s="296">
        <v>5140771</v>
      </c>
      <c r="GJ10" s="300">
        <v>7437051</v>
      </c>
      <c r="GK10" s="301">
        <v>0</v>
      </c>
      <c r="GL10" s="296">
        <v>3055236</v>
      </c>
      <c r="GM10" s="296">
        <v>7151212</v>
      </c>
      <c r="GN10" s="296">
        <v>4568764</v>
      </c>
      <c r="GO10" s="296">
        <v>4483447</v>
      </c>
      <c r="GP10" s="296">
        <v>1782502</v>
      </c>
      <c r="GQ10" s="297">
        <v>21041161</v>
      </c>
      <c r="GR10" s="299">
        <v>28478212</v>
      </c>
      <c r="GS10" s="295">
        <v>13748301</v>
      </c>
      <c r="GT10" s="296">
        <v>17759246</v>
      </c>
      <c r="GU10" s="297">
        <v>31507547</v>
      </c>
      <c r="GV10" s="295">
        <v>0</v>
      </c>
      <c r="GW10" s="296">
        <v>11427754</v>
      </c>
      <c r="GX10" s="296">
        <v>13241784</v>
      </c>
      <c r="GY10" s="296">
        <v>9269250</v>
      </c>
      <c r="GZ10" s="296">
        <v>7786218</v>
      </c>
      <c r="HA10" s="296">
        <v>2498327</v>
      </c>
      <c r="HB10" s="300">
        <v>44223333</v>
      </c>
      <c r="HC10" s="299">
        <v>75730880</v>
      </c>
      <c r="HD10" s="295">
        <v>41692811</v>
      </c>
      <c r="HE10" s="296">
        <v>64994500</v>
      </c>
      <c r="HF10" s="300">
        <v>106687311</v>
      </c>
      <c r="HG10" s="301">
        <v>0</v>
      </c>
      <c r="HH10" s="296">
        <v>450244569</v>
      </c>
      <c r="HI10" s="296">
        <v>564237482</v>
      </c>
      <c r="HJ10" s="296">
        <v>487533610</v>
      </c>
      <c r="HK10" s="296">
        <v>601179980</v>
      </c>
      <c r="HL10" s="296">
        <v>351624506</v>
      </c>
      <c r="HM10" s="297">
        <v>2454820147</v>
      </c>
      <c r="HN10" s="298">
        <v>2561507458</v>
      </c>
      <c r="HO10" s="302">
        <v>27546643</v>
      </c>
      <c r="HP10" s="296">
        <v>69550302</v>
      </c>
      <c r="HQ10" s="297">
        <v>97096945</v>
      </c>
      <c r="HR10" s="295">
        <v>0</v>
      </c>
      <c r="HS10" s="296">
        <v>305161831</v>
      </c>
      <c r="HT10" s="296">
        <v>460814911</v>
      </c>
      <c r="HU10" s="296">
        <v>266050289</v>
      </c>
      <c r="HV10" s="296">
        <v>176515356</v>
      </c>
      <c r="HW10" s="296">
        <v>109099749</v>
      </c>
      <c r="HX10" s="300">
        <v>1317642136</v>
      </c>
      <c r="HY10" s="299">
        <v>1414739081</v>
      </c>
      <c r="HZ10" s="304">
        <v>3374315</v>
      </c>
      <c r="IA10" s="305">
        <v>15800487</v>
      </c>
      <c r="IB10" s="306">
        <v>19174802</v>
      </c>
      <c r="IC10" s="307">
        <v>0</v>
      </c>
      <c r="ID10" s="308">
        <v>679661872</v>
      </c>
      <c r="IE10" s="309">
        <v>1063917817</v>
      </c>
      <c r="IF10" s="310">
        <v>1044359340</v>
      </c>
      <c r="IG10" s="308">
        <v>770242187</v>
      </c>
      <c r="IH10" s="310">
        <v>585260749</v>
      </c>
      <c r="II10" s="311">
        <v>4143441965</v>
      </c>
      <c r="IJ10" s="312">
        <v>4162616767</v>
      </c>
      <c r="IK10" s="313">
        <v>0</v>
      </c>
      <c r="IL10" s="314">
        <v>0</v>
      </c>
      <c r="IM10" s="315">
        <v>0</v>
      </c>
      <c r="IN10" s="403">
        <v>0</v>
      </c>
      <c r="IO10" s="316">
        <v>10890457</v>
      </c>
      <c r="IP10" s="316">
        <v>24650343</v>
      </c>
      <c r="IQ10" s="316">
        <v>33027202</v>
      </c>
      <c r="IR10" s="316">
        <v>53035689</v>
      </c>
      <c r="IS10" s="316">
        <v>50231415</v>
      </c>
      <c r="IT10" s="317">
        <v>171835106</v>
      </c>
      <c r="IU10" s="318">
        <v>171835106</v>
      </c>
      <c r="IV10" s="319">
        <v>0</v>
      </c>
      <c r="IW10" s="316">
        <v>0</v>
      </c>
      <c r="IX10" s="320">
        <v>0</v>
      </c>
      <c r="IY10" s="413">
        <v>0</v>
      </c>
      <c r="IZ10" s="316">
        <v>1910633</v>
      </c>
      <c r="JA10" s="316">
        <v>7532370</v>
      </c>
      <c r="JB10" s="316">
        <v>7797095</v>
      </c>
      <c r="JC10" s="316">
        <v>10068249</v>
      </c>
      <c r="JD10" s="316">
        <v>13977885</v>
      </c>
      <c r="JE10" s="320">
        <v>41286232</v>
      </c>
      <c r="JF10" s="321">
        <v>41286232</v>
      </c>
      <c r="JG10" s="319">
        <v>0</v>
      </c>
      <c r="JH10" s="316">
        <v>0</v>
      </c>
      <c r="JI10" s="317">
        <v>0</v>
      </c>
      <c r="JJ10" s="322">
        <v>0</v>
      </c>
      <c r="JK10" s="316">
        <v>232233755</v>
      </c>
      <c r="JL10" s="316">
        <v>385735394</v>
      </c>
      <c r="JM10" s="316">
        <v>285206665</v>
      </c>
      <c r="JN10" s="316">
        <v>168865644</v>
      </c>
      <c r="JO10" s="316">
        <v>94137124</v>
      </c>
      <c r="JP10" s="320">
        <v>1166178582</v>
      </c>
      <c r="JQ10" s="318">
        <v>1166178582</v>
      </c>
      <c r="JR10" s="319">
        <v>239517</v>
      </c>
      <c r="JS10" s="316">
        <v>118812</v>
      </c>
      <c r="JT10" s="317">
        <v>358329</v>
      </c>
      <c r="JU10" s="322">
        <v>0</v>
      </c>
      <c r="JV10" s="316">
        <v>37383287</v>
      </c>
      <c r="JW10" s="316">
        <v>60429237</v>
      </c>
      <c r="JX10" s="316">
        <v>82483729</v>
      </c>
      <c r="JY10" s="316">
        <v>53071439</v>
      </c>
      <c r="JZ10" s="316">
        <v>41182123</v>
      </c>
      <c r="KA10" s="320">
        <v>274549815</v>
      </c>
      <c r="KB10" s="318">
        <v>274908144</v>
      </c>
      <c r="KC10" s="323">
        <v>3134798</v>
      </c>
      <c r="KD10" s="324">
        <v>10793432</v>
      </c>
      <c r="KE10" s="320">
        <v>13928230</v>
      </c>
      <c r="KF10" s="322">
        <v>0</v>
      </c>
      <c r="KG10" s="316">
        <v>81029828</v>
      </c>
      <c r="KH10" s="316">
        <v>156844930</v>
      </c>
      <c r="KI10" s="316">
        <v>153254540</v>
      </c>
      <c r="KJ10" s="316">
        <v>128637694</v>
      </c>
      <c r="KK10" s="316">
        <v>89137731</v>
      </c>
      <c r="KL10" s="320">
        <v>608904723</v>
      </c>
      <c r="KM10" s="325">
        <v>622832953</v>
      </c>
      <c r="KN10" s="313">
        <v>0</v>
      </c>
      <c r="KO10" s="314">
        <v>4888243</v>
      </c>
      <c r="KP10" s="315">
        <v>4888243</v>
      </c>
      <c r="KQ10" s="413">
        <v>0</v>
      </c>
      <c r="KR10" s="316">
        <v>311502965</v>
      </c>
      <c r="KS10" s="316">
        <v>409278582</v>
      </c>
      <c r="KT10" s="316">
        <v>458331238</v>
      </c>
      <c r="KU10" s="316">
        <v>303800447</v>
      </c>
      <c r="KV10" s="316">
        <v>219302771</v>
      </c>
      <c r="KW10" s="320">
        <v>1702216003</v>
      </c>
      <c r="KX10" s="318">
        <v>1707104246</v>
      </c>
      <c r="KY10" s="319">
        <v>0</v>
      </c>
      <c r="KZ10" s="316">
        <v>0</v>
      </c>
      <c r="LA10" s="320">
        <v>0</v>
      </c>
      <c r="LB10" s="413">
        <v>0</v>
      </c>
      <c r="LC10" s="316">
        <v>183224</v>
      </c>
      <c r="LD10" s="316">
        <v>618126</v>
      </c>
      <c r="LE10" s="316">
        <v>919488</v>
      </c>
      <c r="LF10" s="316">
        <v>251686</v>
      </c>
      <c r="LG10" s="316">
        <v>825510</v>
      </c>
      <c r="LH10" s="320">
        <v>2798034</v>
      </c>
      <c r="LI10" s="321">
        <v>2798034</v>
      </c>
      <c r="LJ10" s="319">
        <v>0</v>
      </c>
      <c r="LK10" s="316">
        <v>0</v>
      </c>
      <c r="LL10" s="320">
        <v>0</v>
      </c>
      <c r="LM10" s="413">
        <v>0</v>
      </c>
      <c r="LN10" s="316">
        <v>789083</v>
      </c>
      <c r="LO10" s="316">
        <v>3585298</v>
      </c>
      <c r="LP10" s="316">
        <v>6078658</v>
      </c>
      <c r="LQ10" s="316">
        <v>15246419</v>
      </c>
      <c r="LR10" s="316">
        <v>11256235</v>
      </c>
      <c r="LS10" s="320">
        <v>36955693</v>
      </c>
      <c r="LT10" s="318">
        <v>36955693</v>
      </c>
      <c r="LU10" s="319">
        <v>0</v>
      </c>
      <c r="LV10" s="316">
        <v>0</v>
      </c>
      <c r="LW10" s="320">
        <v>0</v>
      </c>
      <c r="LX10" s="413">
        <v>0</v>
      </c>
      <c r="LY10" s="316">
        <v>3738640</v>
      </c>
      <c r="LZ10" s="316">
        <v>15243537</v>
      </c>
      <c r="MA10" s="316">
        <v>17260725</v>
      </c>
      <c r="MB10" s="316">
        <v>37264920</v>
      </c>
      <c r="MC10" s="316">
        <v>65209955</v>
      </c>
      <c r="MD10" s="320">
        <v>138717777</v>
      </c>
      <c r="ME10" s="321">
        <v>138717777</v>
      </c>
      <c r="MF10" s="319">
        <v>217764</v>
      </c>
      <c r="MG10" s="316">
        <v>0</v>
      </c>
      <c r="MH10" s="320">
        <v>217764</v>
      </c>
      <c r="MI10" s="413">
        <v>0</v>
      </c>
      <c r="MJ10" s="316">
        <v>233649206</v>
      </c>
      <c r="MK10" s="316">
        <v>778382625</v>
      </c>
      <c r="ML10" s="316">
        <v>1996698414</v>
      </c>
      <c r="MM10" s="316">
        <v>2829862991</v>
      </c>
      <c r="MN10" s="316">
        <v>1856976697</v>
      </c>
      <c r="MO10" s="320">
        <v>7695569933</v>
      </c>
      <c r="MP10" s="325">
        <v>7695787697</v>
      </c>
      <c r="MQ10" s="319">
        <v>0</v>
      </c>
      <c r="MR10" s="316">
        <v>0</v>
      </c>
      <c r="MS10" s="320">
        <v>0</v>
      </c>
      <c r="MT10" s="413">
        <v>0</v>
      </c>
      <c r="MU10" s="316">
        <v>66817227</v>
      </c>
      <c r="MV10" s="316">
        <v>306550858</v>
      </c>
      <c r="MW10" s="316">
        <v>1292002112</v>
      </c>
      <c r="MX10" s="316">
        <v>1888819942</v>
      </c>
      <c r="MY10" s="316">
        <v>1297574737</v>
      </c>
      <c r="MZ10" s="320">
        <v>4851764876</v>
      </c>
      <c r="NA10" s="325">
        <v>4851764876</v>
      </c>
      <c r="NB10" s="319">
        <v>217764</v>
      </c>
      <c r="NC10" s="316">
        <v>0</v>
      </c>
      <c r="ND10" s="320">
        <v>217764</v>
      </c>
      <c r="NE10" s="413">
        <v>0</v>
      </c>
      <c r="NF10" s="316">
        <v>166310253</v>
      </c>
      <c r="NG10" s="316">
        <v>471536580</v>
      </c>
      <c r="NH10" s="316">
        <v>700480905</v>
      </c>
      <c r="NI10" s="316">
        <v>899652112</v>
      </c>
      <c r="NJ10" s="316">
        <v>505848705</v>
      </c>
      <c r="NK10" s="320">
        <v>2743828555</v>
      </c>
      <c r="NL10" s="318">
        <v>2744046319</v>
      </c>
      <c r="NM10" s="319">
        <v>0</v>
      </c>
      <c r="NN10" s="316">
        <v>0</v>
      </c>
      <c r="NO10" s="320">
        <v>0</v>
      </c>
      <c r="NP10" s="413">
        <v>0</v>
      </c>
      <c r="NQ10" s="316">
        <v>0</v>
      </c>
      <c r="NR10" s="316">
        <v>0</v>
      </c>
      <c r="NS10" s="316">
        <v>0</v>
      </c>
      <c r="NT10" s="316">
        <v>0</v>
      </c>
      <c r="NU10" s="316">
        <v>0</v>
      </c>
      <c r="NV10" s="320">
        <v>0</v>
      </c>
      <c r="NW10" s="321">
        <v>0</v>
      </c>
      <c r="NX10" s="319">
        <v>0</v>
      </c>
      <c r="NY10" s="316">
        <v>0</v>
      </c>
      <c r="NZ10" s="320">
        <v>0</v>
      </c>
      <c r="OA10" s="413">
        <v>0</v>
      </c>
      <c r="OB10" s="316">
        <v>521726</v>
      </c>
      <c r="OC10" s="316">
        <v>295187</v>
      </c>
      <c r="OD10" s="316">
        <v>4215397</v>
      </c>
      <c r="OE10" s="316">
        <v>41390937</v>
      </c>
      <c r="OF10" s="316">
        <v>53553255</v>
      </c>
      <c r="OG10" s="320">
        <v>99976502</v>
      </c>
      <c r="OH10" s="321">
        <v>99976502</v>
      </c>
      <c r="OI10" s="319">
        <v>168982519</v>
      </c>
      <c r="OJ10" s="316">
        <v>455387571</v>
      </c>
      <c r="OK10" s="317">
        <v>624370090</v>
      </c>
      <c r="OL10" s="322">
        <v>0</v>
      </c>
      <c r="OM10" s="316">
        <v>2827308280</v>
      </c>
      <c r="ON10" s="316">
        <v>5352091164</v>
      </c>
      <c r="OO10" s="316">
        <v>5661864801</v>
      </c>
      <c r="OP10" s="316">
        <v>6004930313</v>
      </c>
      <c r="OQ10" s="316">
        <v>4259495018</v>
      </c>
      <c r="OR10" s="320">
        <v>24105689576</v>
      </c>
      <c r="OS10" s="325">
        <v>24730059666</v>
      </c>
    </row>
    <row r="11" spans="1:409" s="70" customFormat="1" ht="21" customHeight="1" x14ac:dyDescent="0.2">
      <c r="B11" s="410" t="s">
        <v>6</v>
      </c>
      <c r="C11" s="326">
        <v>59990487</v>
      </c>
      <c r="D11" s="327">
        <v>102659749</v>
      </c>
      <c r="E11" s="328">
        <v>162650236</v>
      </c>
      <c r="F11" s="329">
        <v>0</v>
      </c>
      <c r="G11" s="327">
        <v>924842816</v>
      </c>
      <c r="H11" s="327">
        <v>1069665050</v>
      </c>
      <c r="I11" s="327">
        <v>888447914</v>
      </c>
      <c r="J11" s="327">
        <v>875711249</v>
      </c>
      <c r="K11" s="327">
        <v>701147956</v>
      </c>
      <c r="L11" s="329">
        <v>4459814985</v>
      </c>
      <c r="M11" s="330">
        <v>4622465221</v>
      </c>
      <c r="N11" s="326">
        <v>18184059</v>
      </c>
      <c r="O11" s="327">
        <v>33393984</v>
      </c>
      <c r="P11" s="328">
        <v>51578043</v>
      </c>
      <c r="Q11" s="326">
        <v>0</v>
      </c>
      <c r="R11" s="327">
        <v>299645490</v>
      </c>
      <c r="S11" s="327">
        <v>381502385</v>
      </c>
      <c r="T11" s="327">
        <v>323979107</v>
      </c>
      <c r="U11" s="327">
        <v>370311260</v>
      </c>
      <c r="V11" s="327">
        <v>376829840</v>
      </c>
      <c r="W11" s="328">
        <v>1752268082</v>
      </c>
      <c r="X11" s="330">
        <v>1803846125</v>
      </c>
      <c r="Y11" s="326">
        <v>0</v>
      </c>
      <c r="Z11" s="327">
        <v>0</v>
      </c>
      <c r="AA11" s="328">
        <v>0</v>
      </c>
      <c r="AB11" s="326">
        <v>0</v>
      </c>
      <c r="AC11" s="327">
        <v>136532927</v>
      </c>
      <c r="AD11" s="327">
        <v>190770045</v>
      </c>
      <c r="AE11" s="327">
        <v>187881086</v>
      </c>
      <c r="AF11" s="327">
        <v>231538161</v>
      </c>
      <c r="AG11" s="327">
        <v>230207828</v>
      </c>
      <c r="AH11" s="328">
        <v>976930047</v>
      </c>
      <c r="AI11" s="330">
        <v>976930047</v>
      </c>
      <c r="AJ11" s="326">
        <v>56233</v>
      </c>
      <c r="AK11" s="327">
        <v>46856</v>
      </c>
      <c r="AL11" s="328">
        <v>103089</v>
      </c>
      <c r="AM11" s="326">
        <v>0</v>
      </c>
      <c r="AN11" s="327">
        <v>768039</v>
      </c>
      <c r="AO11" s="327">
        <v>2518752</v>
      </c>
      <c r="AP11" s="327">
        <v>7229448</v>
      </c>
      <c r="AQ11" s="327">
        <v>18308551</v>
      </c>
      <c r="AR11" s="327">
        <v>37004027</v>
      </c>
      <c r="AS11" s="328">
        <v>65828817</v>
      </c>
      <c r="AT11" s="330">
        <v>65931906</v>
      </c>
      <c r="AU11" s="326">
        <v>10492434</v>
      </c>
      <c r="AV11" s="327">
        <v>24208299</v>
      </c>
      <c r="AW11" s="328">
        <v>34700733</v>
      </c>
      <c r="AX11" s="326">
        <v>0</v>
      </c>
      <c r="AY11" s="327">
        <v>101389960</v>
      </c>
      <c r="AZ11" s="327">
        <v>119003705</v>
      </c>
      <c r="BA11" s="327">
        <v>72738665</v>
      </c>
      <c r="BB11" s="327">
        <v>64279886</v>
      </c>
      <c r="BC11" s="327">
        <v>64758320</v>
      </c>
      <c r="BD11" s="328">
        <v>422170536</v>
      </c>
      <c r="BE11" s="330">
        <v>456871269</v>
      </c>
      <c r="BF11" s="326">
        <v>620651</v>
      </c>
      <c r="BG11" s="327">
        <v>2035567</v>
      </c>
      <c r="BH11" s="331">
        <v>2656218</v>
      </c>
      <c r="BI11" s="332">
        <v>0</v>
      </c>
      <c r="BJ11" s="327">
        <v>7509793</v>
      </c>
      <c r="BK11" s="327">
        <v>7983595</v>
      </c>
      <c r="BL11" s="327">
        <v>4267066</v>
      </c>
      <c r="BM11" s="327">
        <v>5070142</v>
      </c>
      <c r="BN11" s="327">
        <v>3082163</v>
      </c>
      <c r="BO11" s="328">
        <v>27912759</v>
      </c>
      <c r="BP11" s="330">
        <v>30568977</v>
      </c>
      <c r="BQ11" s="326">
        <v>7014741</v>
      </c>
      <c r="BR11" s="327">
        <v>7103262</v>
      </c>
      <c r="BS11" s="328">
        <v>14118003</v>
      </c>
      <c r="BT11" s="326">
        <v>0</v>
      </c>
      <c r="BU11" s="327">
        <v>53444771</v>
      </c>
      <c r="BV11" s="327">
        <v>61226288</v>
      </c>
      <c r="BW11" s="327">
        <v>51862842</v>
      </c>
      <c r="BX11" s="327">
        <v>51114520</v>
      </c>
      <c r="BY11" s="327">
        <v>41777502</v>
      </c>
      <c r="BZ11" s="328">
        <v>259425923</v>
      </c>
      <c r="CA11" s="330">
        <v>273543926</v>
      </c>
      <c r="CB11" s="326">
        <v>2657133</v>
      </c>
      <c r="CC11" s="327">
        <v>9477730</v>
      </c>
      <c r="CD11" s="328">
        <v>12134863</v>
      </c>
      <c r="CE11" s="326">
        <v>0</v>
      </c>
      <c r="CF11" s="327">
        <v>244208978</v>
      </c>
      <c r="CG11" s="327">
        <v>269633929</v>
      </c>
      <c r="CH11" s="327">
        <v>193658947</v>
      </c>
      <c r="CI11" s="327">
        <v>133305794</v>
      </c>
      <c r="CJ11" s="327">
        <v>65635153</v>
      </c>
      <c r="CK11" s="328">
        <v>906442801</v>
      </c>
      <c r="CL11" s="330">
        <v>918577664</v>
      </c>
      <c r="CM11" s="326">
        <v>12944</v>
      </c>
      <c r="CN11" s="327">
        <v>0</v>
      </c>
      <c r="CO11" s="328">
        <v>12944</v>
      </c>
      <c r="CP11" s="332">
        <v>0</v>
      </c>
      <c r="CQ11" s="327">
        <v>205464191</v>
      </c>
      <c r="CR11" s="327">
        <v>218848853</v>
      </c>
      <c r="CS11" s="327">
        <v>154261679</v>
      </c>
      <c r="CT11" s="327">
        <v>105973197</v>
      </c>
      <c r="CU11" s="327">
        <v>53500224</v>
      </c>
      <c r="CV11" s="328">
        <v>738048144</v>
      </c>
      <c r="CW11" s="330">
        <v>738061088</v>
      </c>
      <c r="CX11" s="326">
        <v>2644189</v>
      </c>
      <c r="CY11" s="327">
        <v>9477730</v>
      </c>
      <c r="CZ11" s="328">
        <v>12121919</v>
      </c>
      <c r="DA11" s="326">
        <v>0</v>
      </c>
      <c r="DB11" s="327">
        <v>38744787</v>
      </c>
      <c r="DC11" s="327">
        <v>50785076</v>
      </c>
      <c r="DD11" s="327">
        <v>39397268</v>
      </c>
      <c r="DE11" s="327">
        <v>27332597</v>
      </c>
      <c r="DF11" s="327">
        <v>12134929</v>
      </c>
      <c r="DG11" s="328">
        <v>168394657</v>
      </c>
      <c r="DH11" s="330">
        <v>180516576</v>
      </c>
      <c r="DI11" s="326">
        <v>117608</v>
      </c>
      <c r="DJ11" s="327">
        <v>1108419</v>
      </c>
      <c r="DK11" s="331">
        <v>1226027</v>
      </c>
      <c r="DL11" s="332">
        <v>0</v>
      </c>
      <c r="DM11" s="327">
        <v>17045335</v>
      </c>
      <c r="DN11" s="327">
        <v>38248022</v>
      </c>
      <c r="DO11" s="327">
        <v>63627941</v>
      </c>
      <c r="DP11" s="327">
        <v>55053929</v>
      </c>
      <c r="DQ11" s="327">
        <v>32856758</v>
      </c>
      <c r="DR11" s="328">
        <v>206831985</v>
      </c>
      <c r="DS11" s="330">
        <v>208058012</v>
      </c>
      <c r="DT11" s="326">
        <v>69629</v>
      </c>
      <c r="DU11" s="327">
        <v>980883</v>
      </c>
      <c r="DV11" s="328">
        <v>1050512</v>
      </c>
      <c r="DW11" s="326">
        <v>0</v>
      </c>
      <c r="DX11" s="327">
        <v>14594766</v>
      </c>
      <c r="DY11" s="327">
        <v>32868421</v>
      </c>
      <c r="DZ11" s="327">
        <v>57476915</v>
      </c>
      <c r="EA11" s="327">
        <v>46711157</v>
      </c>
      <c r="EB11" s="327">
        <v>27842310</v>
      </c>
      <c r="EC11" s="328">
        <v>179493569</v>
      </c>
      <c r="ED11" s="330">
        <v>180544081</v>
      </c>
      <c r="EE11" s="326">
        <v>47979</v>
      </c>
      <c r="EF11" s="331">
        <v>127536</v>
      </c>
      <c r="EG11" s="328">
        <v>175515</v>
      </c>
      <c r="EH11" s="326">
        <v>0</v>
      </c>
      <c r="EI11" s="327">
        <v>2450569</v>
      </c>
      <c r="EJ11" s="327">
        <v>5379601</v>
      </c>
      <c r="EK11" s="327">
        <v>6151026</v>
      </c>
      <c r="EL11" s="327">
        <v>8342772</v>
      </c>
      <c r="EM11" s="327">
        <v>5014448</v>
      </c>
      <c r="EN11" s="331">
        <v>27338416</v>
      </c>
      <c r="EO11" s="330">
        <v>27513931</v>
      </c>
      <c r="EP11" s="326">
        <v>0</v>
      </c>
      <c r="EQ11" s="327">
        <v>0</v>
      </c>
      <c r="ER11" s="331">
        <v>0</v>
      </c>
      <c r="ES11" s="332">
        <v>0</v>
      </c>
      <c r="ET11" s="327">
        <v>0</v>
      </c>
      <c r="EU11" s="327">
        <v>0</v>
      </c>
      <c r="EV11" s="327">
        <v>0</v>
      </c>
      <c r="EW11" s="327">
        <v>0</v>
      </c>
      <c r="EX11" s="327">
        <v>0</v>
      </c>
      <c r="EY11" s="328">
        <v>0</v>
      </c>
      <c r="EZ11" s="330">
        <v>0</v>
      </c>
      <c r="FA11" s="326">
        <v>0</v>
      </c>
      <c r="FB11" s="327">
        <v>0</v>
      </c>
      <c r="FC11" s="331">
        <v>0</v>
      </c>
      <c r="FD11" s="332">
        <v>0</v>
      </c>
      <c r="FE11" s="327">
        <v>0</v>
      </c>
      <c r="FF11" s="327">
        <v>0</v>
      </c>
      <c r="FG11" s="327">
        <v>0</v>
      </c>
      <c r="FH11" s="327">
        <v>0</v>
      </c>
      <c r="FI11" s="327">
        <v>0</v>
      </c>
      <c r="FJ11" s="328">
        <v>0</v>
      </c>
      <c r="FK11" s="330">
        <v>0</v>
      </c>
      <c r="FL11" s="326">
        <v>12896817</v>
      </c>
      <c r="FM11" s="327">
        <v>24183167</v>
      </c>
      <c r="FN11" s="328">
        <v>37079984</v>
      </c>
      <c r="FO11" s="326">
        <v>0</v>
      </c>
      <c r="FP11" s="327">
        <v>48074738</v>
      </c>
      <c r="FQ11" s="327">
        <v>93442433</v>
      </c>
      <c r="FR11" s="327">
        <v>64304218</v>
      </c>
      <c r="FS11" s="327">
        <v>62620046</v>
      </c>
      <c r="FT11" s="327">
        <v>47444793</v>
      </c>
      <c r="FU11" s="328">
        <v>315886228</v>
      </c>
      <c r="FV11" s="330">
        <v>352966212</v>
      </c>
      <c r="FW11" s="333">
        <v>8784013</v>
      </c>
      <c r="FX11" s="327">
        <v>19556961</v>
      </c>
      <c r="FY11" s="331">
        <v>28340974</v>
      </c>
      <c r="FZ11" s="332">
        <v>0</v>
      </c>
      <c r="GA11" s="327">
        <v>41621665</v>
      </c>
      <c r="GB11" s="327">
        <v>86433501</v>
      </c>
      <c r="GC11" s="327">
        <v>61091840</v>
      </c>
      <c r="GD11" s="327">
        <v>59668479</v>
      </c>
      <c r="GE11" s="327">
        <v>46327662</v>
      </c>
      <c r="GF11" s="328">
        <v>295143147</v>
      </c>
      <c r="GG11" s="334">
        <v>323484121</v>
      </c>
      <c r="GH11" s="333">
        <v>949197</v>
      </c>
      <c r="GI11" s="327">
        <v>986079</v>
      </c>
      <c r="GJ11" s="331">
        <v>1935276</v>
      </c>
      <c r="GK11" s="332">
        <v>0</v>
      </c>
      <c r="GL11" s="327">
        <v>2334074</v>
      </c>
      <c r="GM11" s="327">
        <v>2765067</v>
      </c>
      <c r="GN11" s="327">
        <v>1198686</v>
      </c>
      <c r="GO11" s="327">
        <v>1591348</v>
      </c>
      <c r="GP11" s="327">
        <v>797314</v>
      </c>
      <c r="GQ11" s="328">
        <v>8686489</v>
      </c>
      <c r="GR11" s="330">
        <v>10621765</v>
      </c>
      <c r="GS11" s="326">
        <v>3163607</v>
      </c>
      <c r="GT11" s="327">
        <v>3640127</v>
      </c>
      <c r="GU11" s="328">
        <v>6803734</v>
      </c>
      <c r="GV11" s="326">
        <v>0</v>
      </c>
      <c r="GW11" s="327">
        <v>4118999</v>
      </c>
      <c r="GX11" s="327">
        <v>4243865</v>
      </c>
      <c r="GY11" s="327">
        <v>2013692</v>
      </c>
      <c r="GZ11" s="327">
        <v>1360219</v>
      </c>
      <c r="HA11" s="327">
        <v>319817</v>
      </c>
      <c r="HB11" s="331">
        <v>12056592</v>
      </c>
      <c r="HC11" s="330">
        <v>18860326</v>
      </c>
      <c r="HD11" s="326">
        <v>14980811</v>
      </c>
      <c r="HE11" s="327">
        <v>16126465</v>
      </c>
      <c r="HF11" s="331">
        <v>31107276</v>
      </c>
      <c r="HG11" s="332">
        <v>0</v>
      </c>
      <c r="HH11" s="327">
        <v>169560402</v>
      </c>
      <c r="HI11" s="327">
        <v>161578786</v>
      </c>
      <c r="HJ11" s="327">
        <v>160751255</v>
      </c>
      <c r="HK11" s="327">
        <v>194417136</v>
      </c>
      <c r="HL11" s="327">
        <v>139549090</v>
      </c>
      <c r="HM11" s="328">
        <v>825856669</v>
      </c>
      <c r="HN11" s="329">
        <v>856963945</v>
      </c>
      <c r="HO11" s="333">
        <v>11154059</v>
      </c>
      <c r="HP11" s="327">
        <v>18369984</v>
      </c>
      <c r="HQ11" s="328">
        <v>29524043</v>
      </c>
      <c r="HR11" s="326">
        <v>0</v>
      </c>
      <c r="HS11" s="327">
        <v>146307873</v>
      </c>
      <c r="HT11" s="327">
        <v>125259495</v>
      </c>
      <c r="HU11" s="327">
        <v>82126446</v>
      </c>
      <c r="HV11" s="327">
        <v>60003084</v>
      </c>
      <c r="HW11" s="327">
        <v>38832322</v>
      </c>
      <c r="HX11" s="331">
        <v>452529220</v>
      </c>
      <c r="HY11" s="330">
        <v>482053263</v>
      </c>
      <c r="HZ11" s="335">
        <v>1383871</v>
      </c>
      <c r="IA11" s="336">
        <v>4467564</v>
      </c>
      <c r="IB11" s="337">
        <v>5851435</v>
      </c>
      <c r="IC11" s="338">
        <v>0</v>
      </c>
      <c r="ID11" s="336">
        <v>289055042</v>
      </c>
      <c r="IE11" s="339">
        <v>366099401</v>
      </c>
      <c r="IF11" s="337">
        <v>376333701</v>
      </c>
      <c r="IG11" s="336">
        <v>303506824</v>
      </c>
      <c r="IH11" s="337">
        <v>239477620</v>
      </c>
      <c r="II11" s="340">
        <v>1574472588</v>
      </c>
      <c r="IJ11" s="341">
        <v>1580324023</v>
      </c>
      <c r="IK11" s="342">
        <v>0</v>
      </c>
      <c r="IL11" s="343">
        <v>0</v>
      </c>
      <c r="IM11" s="344">
        <v>0</v>
      </c>
      <c r="IN11" s="404">
        <v>0</v>
      </c>
      <c r="IO11" s="345">
        <v>4806741</v>
      </c>
      <c r="IP11" s="345">
        <v>8905712</v>
      </c>
      <c r="IQ11" s="345">
        <v>12398998</v>
      </c>
      <c r="IR11" s="345">
        <v>29174852</v>
      </c>
      <c r="IS11" s="345">
        <v>34018080</v>
      </c>
      <c r="IT11" s="346">
        <v>89304383</v>
      </c>
      <c r="IU11" s="347">
        <v>89304383</v>
      </c>
      <c r="IV11" s="348">
        <v>0</v>
      </c>
      <c r="IW11" s="345">
        <v>0</v>
      </c>
      <c r="IX11" s="349">
        <v>0</v>
      </c>
      <c r="IY11" s="413">
        <v>0</v>
      </c>
      <c r="IZ11" s="345">
        <v>1275904</v>
      </c>
      <c r="JA11" s="345">
        <v>2274046</v>
      </c>
      <c r="JB11" s="345">
        <v>2961558</v>
      </c>
      <c r="JC11" s="345">
        <v>2211581</v>
      </c>
      <c r="JD11" s="345">
        <v>4053302</v>
      </c>
      <c r="JE11" s="349">
        <v>12776391</v>
      </c>
      <c r="JF11" s="350">
        <v>12776391</v>
      </c>
      <c r="JG11" s="348">
        <v>0</v>
      </c>
      <c r="JH11" s="345">
        <v>0</v>
      </c>
      <c r="JI11" s="346">
        <v>0</v>
      </c>
      <c r="JJ11" s="351">
        <v>0</v>
      </c>
      <c r="JK11" s="345">
        <v>88316091</v>
      </c>
      <c r="JL11" s="345">
        <v>91908939</v>
      </c>
      <c r="JM11" s="345">
        <v>68250225</v>
      </c>
      <c r="JN11" s="345">
        <v>45984018</v>
      </c>
      <c r="JO11" s="345">
        <v>25379807</v>
      </c>
      <c r="JP11" s="349">
        <v>319839080</v>
      </c>
      <c r="JQ11" s="347">
        <v>319839080</v>
      </c>
      <c r="JR11" s="348">
        <v>31089</v>
      </c>
      <c r="JS11" s="345">
        <v>0</v>
      </c>
      <c r="JT11" s="346">
        <v>31089</v>
      </c>
      <c r="JU11" s="351">
        <v>0</v>
      </c>
      <c r="JV11" s="345">
        <v>14797491</v>
      </c>
      <c r="JW11" s="345">
        <v>28095386</v>
      </c>
      <c r="JX11" s="345">
        <v>35513540</v>
      </c>
      <c r="JY11" s="345">
        <v>19374304</v>
      </c>
      <c r="JZ11" s="345">
        <v>20135480</v>
      </c>
      <c r="KA11" s="349">
        <v>117916201</v>
      </c>
      <c r="KB11" s="347">
        <v>117947290</v>
      </c>
      <c r="KC11" s="352">
        <v>1352782</v>
      </c>
      <c r="KD11" s="353">
        <v>3143777</v>
      </c>
      <c r="KE11" s="349">
        <v>4496559</v>
      </c>
      <c r="KF11" s="351">
        <v>0</v>
      </c>
      <c r="KG11" s="345">
        <v>35844532</v>
      </c>
      <c r="KH11" s="345">
        <v>45425634</v>
      </c>
      <c r="KI11" s="345">
        <v>51560921</v>
      </c>
      <c r="KJ11" s="345">
        <v>36204837</v>
      </c>
      <c r="KK11" s="345">
        <v>17897660</v>
      </c>
      <c r="KL11" s="349">
        <v>186933584</v>
      </c>
      <c r="KM11" s="354">
        <v>191430143</v>
      </c>
      <c r="KN11" s="342">
        <v>0</v>
      </c>
      <c r="KO11" s="343">
        <v>1323787</v>
      </c>
      <c r="KP11" s="344">
        <v>1323787</v>
      </c>
      <c r="KQ11" s="413">
        <v>0</v>
      </c>
      <c r="KR11" s="345">
        <v>130262758</v>
      </c>
      <c r="KS11" s="345">
        <v>166790090</v>
      </c>
      <c r="KT11" s="345">
        <v>162994309</v>
      </c>
      <c r="KU11" s="345">
        <v>110502300</v>
      </c>
      <c r="KV11" s="345">
        <v>78056543</v>
      </c>
      <c r="KW11" s="349">
        <v>648606000</v>
      </c>
      <c r="KX11" s="347">
        <v>649929787</v>
      </c>
      <c r="KY11" s="348">
        <v>0</v>
      </c>
      <c r="KZ11" s="345">
        <v>0</v>
      </c>
      <c r="LA11" s="349">
        <v>0</v>
      </c>
      <c r="LB11" s="413">
        <v>0</v>
      </c>
      <c r="LC11" s="345">
        <v>0</v>
      </c>
      <c r="LD11" s="345">
        <v>0</v>
      </c>
      <c r="LE11" s="345">
        <v>0</v>
      </c>
      <c r="LF11" s="345">
        <v>0</v>
      </c>
      <c r="LG11" s="345">
        <v>0</v>
      </c>
      <c r="LH11" s="349">
        <v>0</v>
      </c>
      <c r="LI11" s="350">
        <v>0</v>
      </c>
      <c r="LJ11" s="348">
        <v>0</v>
      </c>
      <c r="LK11" s="345">
        <v>0</v>
      </c>
      <c r="LL11" s="349">
        <v>0</v>
      </c>
      <c r="LM11" s="413">
        <v>0</v>
      </c>
      <c r="LN11" s="345">
        <v>503837</v>
      </c>
      <c r="LO11" s="345">
        <v>2612345</v>
      </c>
      <c r="LP11" s="345">
        <v>19388158</v>
      </c>
      <c r="LQ11" s="345">
        <v>31441488</v>
      </c>
      <c r="LR11" s="345">
        <v>21686000</v>
      </c>
      <c r="LS11" s="349">
        <v>75631828</v>
      </c>
      <c r="LT11" s="347">
        <v>75631828</v>
      </c>
      <c r="LU11" s="348">
        <v>0</v>
      </c>
      <c r="LV11" s="345">
        <v>0</v>
      </c>
      <c r="LW11" s="349">
        <v>0</v>
      </c>
      <c r="LX11" s="413">
        <v>0</v>
      </c>
      <c r="LY11" s="345">
        <v>13247688</v>
      </c>
      <c r="LZ11" s="345">
        <v>20087249</v>
      </c>
      <c r="MA11" s="345">
        <v>23265992</v>
      </c>
      <c r="MB11" s="345">
        <v>28613444</v>
      </c>
      <c r="MC11" s="345">
        <v>38250748</v>
      </c>
      <c r="MD11" s="349">
        <v>123465121</v>
      </c>
      <c r="ME11" s="350">
        <v>123465121</v>
      </c>
      <c r="MF11" s="348">
        <v>0</v>
      </c>
      <c r="MG11" s="345">
        <v>0</v>
      </c>
      <c r="MH11" s="349">
        <v>0</v>
      </c>
      <c r="MI11" s="413">
        <v>0</v>
      </c>
      <c r="MJ11" s="345">
        <v>77502980</v>
      </c>
      <c r="MK11" s="345">
        <v>142196072</v>
      </c>
      <c r="ML11" s="345">
        <v>500113825</v>
      </c>
      <c r="MM11" s="345">
        <v>762679570</v>
      </c>
      <c r="MN11" s="345">
        <v>542393868</v>
      </c>
      <c r="MO11" s="349">
        <v>2024886315</v>
      </c>
      <c r="MP11" s="354">
        <v>2024886315</v>
      </c>
      <c r="MQ11" s="348">
        <v>0</v>
      </c>
      <c r="MR11" s="345">
        <v>0</v>
      </c>
      <c r="MS11" s="349">
        <v>0</v>
      </c>
      <c r="MT11" s="413">
        <v>0</v>
      </c>
      <c r="MU11" s="345">
        <v>20794528</v>
      </c>
      <c r="MV11" s="345">
        <v>48512017</v>
      </c>
      <c r="MW11" s="345">
        <v>338953718</v>
      </c>
      <c r="MX11" s="345">
        <v>528495348</v>
      </c>
      <c r="MY11" s="345">
        <v>392830034</v>
      </c>
      <c r="MZ11" s="349">
        <v>1329585645</v>
      </c>
      <c r="NA11" s="354">
        <v>1329585645</v>
      </c>
      <c r="NB11" s="348">
        <v>0</v>
      </c>
      <c r="NC11" s="345">
        <v>0</v>
      </c>
      <c r="ND11" s="349">
        <v>0</v>
      </c>
      <c r="NE11" s="413">
        <v>0</v>
      </c>
      <c r="NF11" s="345">
        <v>56708452</v>
      </c>
      <c r="NG11" s="345">
        <v>93317253</v>
      </c>
      <c r="NH11" s="345">
        <v>160780308</v>
      </c>
      <c r="NI11" s="345">
        <v>219240067</v>
      </c>
      <c r="NJ11" s="345">
        <v>125250202</v>
      </c>
      <c r="NK11" s="349">
        <v>655296282</v>
      </c>
      <c r="NL11" s="347">
        <v>655296282</v>
      </c>
      <c r="NM11" s="348">
        <v>0</v>
      </c>
      <c r="NN11" s="345">
        <v>0</v>
      </c>
      <c r="NO11" s="349">
        <v>0</v>
      </c>
      <c r="NP11" s="413">
        <v>0</v>
      </c>
      <c r="NQ11" s="345">
        <v>0</v>
      </c>
      <c r="NR11" s="345">
        <v>0</v>
      </c>
      <c r="NS11" s="345">
        <v>0</v>
      </c>
      <c r="NT11" s="345">
        <v>0</v>
      </c>
      <c r="NU11" s="345">
        <v>0</v>
      </c>
      <c r="NV11" s="349">
        <v>0</v>
      </c>
      <c r="NW11" s="350">
        <v>0</v>
      </c>
      <c r="NX11" s="348">
        <v>0</v>
      </c>
      <c r="NY11" s="345">
        <v>0</v>
      </c>
      <c r="NZ11" s="349">
        <v>0</v>
      </c>
      <c r="OA11" s="413">
        <v>0</v>
      </c>
      <c r="OB11" s="345">
        <v>0</v>
      </c>
      <c r="OC11" s="345">
        <v>366802</v>
      </c>
      <c r="OD11" s="345">
        <v>379799</v>
      </c>
      <c r="OE11" s="345">
        <v>14944155</v>
      </c>
      <c r="OF11" s="345">
        <v>24313632</v>
      </c>
      <c r="OG11" s="349">
        <v>40004388</v>
      </c>
      <c r="OH11" s="350">
        <v>40004388</v>
      </c>
      <c r="OI11" s="348">
        <v>61374358</v>
      </c>
      <c r="OJ11" s="345">
        <v>107127313</v>
      </c>
      <c r="OK11" s="346">
        <v>168501671</v>
      </c>
      <c r="OL11" s="351">
        <v>0</v>
      </c>
      <c r="OM11" s="345">
        <v>1291400838</v>
      </c>
      <c r="ON11" s="345">
        <v>1577960523</v>
      </c>
      <c r="OO11" s="345">
        <v>1764895440</v>
      </c>
      <c r="OP11" s="345">
        <v>1941897643</v>
      </c>
      <c r="OQ11" s="345">
        <v>1483019444</v>
      </c>
      <c r="OR11" s="349">
        <v>8059173888</v>
      </c>
      <c r="OS11" s="354">
        <v>8227675559</v>
      </c>
    </row>
    <row r="12" spans="1:409" s="70" customFormat="1" ht="21" customHeight="1" x14ac:dyDescent="0.2">
      <c r="B12" s="410" t="s">
        <v>14</v>
      </c>
      <c r="C12" s="326">
        <v>28676543</v>
      </c>
      <c r="D12" s="327">
        <v>75676320</v>
      </c>
      <c r="E12" s="328">
        <v>104352863</v>
      </c>
      <c r="F12" s="329">
        <v>0</v>
      </c>
      <c r="G12" s="327">
        <v>361486073</v>
      </c>
      <c r="H12" s="327">
        <v>585880292</v>
      </c>
      <c r="I12" s="327">
        <v>536253955</v>
      </c>
      <c r="J12" s="327">
        <v>460342802</v>
      </c>
      <c r="K12" s="327">
        <v>308229161</v>
      </c>
      <c r="L12" s="331">
        <v>2252192283</v>
      </c>
      <c r="M12" s="330">
        <v>2356545146</v>
      </c>
      <c r="N12" s="326">
        <v>5455798</v>
      </c>
      <c r="O12" s="327">
        <v>18450766</v>
      </c>
      <c r="P12" s="328">
        <v>23906564</v>
      </c>
      <c r="Q12" s="326">
        <v>0</v>
      </c>
      <c r="R12" s="327">
        <v>98321107</v>
      </c>
      <c r="S12" s="327">
        <v>184056337</v>
      </c>
      <c r="T12" s="327">
        <v>179377212</v>
      </c>
      <c r="U12" s="327">
        <v>187722062</v>
      </c>
      <c r="V12" s="327">
        <v>158226554</v>
      </c>
      <c r="W12" s="328">
        <v>807703272</v>
      </c>
      <c r="X12" s="330">
        <v>831609836</v>
      </c>
      <c r="Y12" s="326">
        <v>0</v>
      </c>
      <c r="Z12" s="327">
        <v>0</v>
      </c>
      <c r="AA12" s="328">
        <v>0</v>
      </c>
      <c r="AB12" s="326">
        <v>0</v>
      </c>
      <c r="AC12" s="327">
        <v>49545181</v>
      </c>
      <c r="AD12" s="327">
        <v>96442758</v>
      </c>
      <c r="AE12" s="327">
        <v>102882801</v>
      </c>
      <c r="AF12" s="327">
        <v>117388623</v>
      </c>
      <c r="AG12" s="327">
        <v>95243030</v>
      </c>
      <c r="AH12" s="328">
        <v>461502393</v>
      </c>
      <c r="AI12" s="330">
        <v>461502393</v>
      </c>
      <c r="AJ12" s="326">
        <v>0</v>
      </c>
      <c r="AK12" s="327">
        <v>27404</v>
      </c>
      <c r="AL12" s="328">
        <v>27404</v>
      </c>
      <c r="AM12" s="326">
        <v>0</v>
      </c>
      <c r="AN12" s="327">
        <v>15648</v>
      </c>
      <c r="AO12" s="327">
        <v>1095005</v>
      </c>
      <c r="AP12" s="327">
        <v>2802020</v>
      </c>
      <c r="AQ12" s="327">
        <v>8983761</v>
      </c>
      <c r="AR12" s="327">
        <v>15514085</v>
      </c>
      <c r="AS12" s="328">
        <v>28410519</v>
      </c>
      <c r="AT12" s="330">
        <v>28437923</v>
      </c>
      <c r="AU12" s="326">
        <v>2517488</v>
      </c>
      <c r="AV12" s="327">
        <v>13172053</v>
      </c>
      <c r="AW12" s="328">
        <v>15689541</v>
      </c>
      <c r="AX12" s="326">
        <v>0</v>
      </c>
      <c r="AY12" s="327">
        <v>28483583</v>
      </c>
      <c r="AZ12" s="327">
        <v>55825416</v>
      </c>
      <c r="BA12" s="327">
        <v>42882037</v>
      </c>
      <c r="BB12" s="327">
        <v>35243108</v>
      </c>
      <c r="BC12" s="327">
        <v>29154478</v>
      </c>
      <c r="BD12" s="328">
        <v>191588622</v>
      </c>
      <c r="BE12" s="330">
        <v>207278163</v>
      </c>
      <c r="BF12" s="326">
        <v>177611</v>
      </c>
      <c r="BG12" s="327">
        <v>1064122</v>
      </c>
      <c r="BH12" s="331">
        <v>1241733</v>
      </c>
      <c r="BI12" s="332">
        <v>0</v>
      </c>
      <c r="BJ12" s="327">
        <v>705352</v>
      </c>
      <c r="BK12" s="327">
        <v>2580424</v>
      </c>
      <c r="BL12" s="327">
        <v>1200615</v>
      </c>
      <c r="BM12" s="327">
        <v>1684721</v>
      </c>
      <c r="BN12" s="327">
        <v>625137</v>
      </c>
      <c r="BO12" s="328">
        <v>6796249</v>
      </c>
      <c r="BP12" s="330">
        <v>8037982</v>
      </c>
      <c r="BQ12" s="326">
        <v>2760699</v>
      </c>
      <c r="BR12" s="327">
        <v>4187187</v>
      </c>
      <c r="BS12" s="328">
        <v>6947886</v>
      </c>
      <c r="BT12" s="326">
        <v>0</v>
      </c>
      <c r="BU12" s="327">
        <v>19571343</v>
      </c>
      <c r="BV12" s="327">
        <v>28112734</v>
      </c>
      <c r="BW12" s="327">
        <v>29609739</v>
      </c>
      <c r="BX12" s="327">
        <v>24421849</v>
      </c>
      <c r="BY12" s="327">
        <v>17689824</v>
      </c>
      <c r="BZ12" s="328">
        <v>119405489</v>
      </c>
      <c r="CA12" s="330">
        <v>126353375</v>
      </c>
      <c r="CB12" s="326">
        <v>1953736</v>
      </c>
      <c r="CC12" s="327">
        <v>7174178</v>
      </c>
      <c r="CD12" s="328">
        <v>9127914</v>
      </c>
      <c r="CE12" s="326">
        <v>0</v>
      </c>
      <c r="CF12" s="327">
        <v>107485700</v>
      </c>
      <c r="CG12" s="327">
        <v>173814679</v>
      </c>
      <c r="CH12" s="327">
        <v>139265206</v>
      </c>
      <c r="CI12" s="327">
        <v>81191523</v>
      </c>
      <c r="CJ12" s="327">
        <v>41719959</v>
      </c>
      <c r="CK12" s="328">
        <v>543477067</v>
      </c>
      <c r="CL12" s="330">
        <v>552604981</v>
      </c>
      <c r="CM12" s="326">
        <v>0</v>
      </c>
      <c r="CN12" s="327">
        <v>0</v>
      </c>
      <c r="CO12" s="328">
        <v>0</v>
      </c>
      <c r="CP12" s="332">
        <v>0</v>
      </c>
      <c r="CQ12" s="327">
        <v>100304697</v>
      </c>
      <c r="CR12" s="327">
        <v>148383689</v>
      </c>
      <c r="CS12" s="327">
        <v>119977842</v>
      </c>
      <c r="CT12" s="327">
        <v>67511882</v>
      </c>
      <c r="CU12" s="327">
        <v>35754920</v>
      </c>
      <c r="CV12" s="328">
        <v>471933030</v>
      </c>
      <c r="CW12" s="330">
        <v>471933030</v>
      </c>
      <c r="CX12" s="326">
        <v>1953736</v>
      </c>
      <c r="CY12" s="327">
        <v>7174178</v>
      </c>
      <c r="CZ12" s="328">
        <v>9127914</v>
      </c>
      <c r="DA12" s="326">
        <v>0</v>
      </c>
      <c r="DB12" s="327">
        <v>7181003</v>
      </c>
      <c r="DC12" s="327">
        <v>25430990</v>
      </c>
      <c r="DD12" s="327">
        <v>19287364</v>
      </c>
      <c r="DE12" s="327">
        <v>13679641</v>
      </c>
      <c r="DF12" s="327">
        <v>5965039</v>
      </c>
      <c r="DG12" s="328">
        <v>71544037</v>
      </c>
      <c r="DH12" s="330">
        <v>80671951</v>
      </c>
      <c r="DI12" s="326">
        <v>85322</v>
      </c>
      <c r="DJ12" s="327">
        <v>717184</v>
      </c>
      <c r="DK12" s="331">
        <v>802506</v>
      </c>
      <c r="DL12" s="332">
        <v>0</v>
      </c>
      <c r="DM12" s="327">
        <v>9467423</v>
      </c>
      <c r="DN12" s="327">
        <v>23025058</v>
      </c>
      <c r="DO12" s="327">
        <v>53294431</v>
      </c>
      <c r="DP12" s="327">
        <v>46024666</v>
      </c>
      <c r="DQ12" s="327">
        <v>20100634</v>
      </c>
      <c r="DR12" s="328">
        <v>151912212</v>
      </c>
      <c r="DS12" s="330">
        <v>152714718</v>
      </c>
      <c r="DT12" s="326">
        <v>85322</v>
      </c>
      <c r="DU12" s="327">
        <v>649360</v>
      </c>
      <c r="DV12" s="328">
        <v>734682</v>
      </c>
      <c r="DW12" s="326">
        <v>0</v>
      </c>
      <c r="DX12" s="327">
        <v>9371296</v>
      </c>
      <c r="DY12" s="327">
        <v>22592721</v>
      </c>
      <c r="DZ12" s="327">
        <v>52274965</v>
      </c>
      <c r="EA12" s="327">
        <v>45255512</v>
      </c>
      <c r="EB12" s="327">
        <v>19240174</v>
      </c>
      <c r="EC12" s="328">
        <v>148734668</v>
      </c>
      <c r="ED12" s="330">
        <v>149469350</v>
      </c>
      <c r="EE12" s="326">
        <v>0</v>
      </c>
      <c r="EF12" s="331">
        <v>67824</v>
      </c>
      <c r="EG12" s="328">
        <v>67824</v>
      </c>
      <c r="EH12" s="326">
        <v>0</v>
      </c>
      <c r="EI12" s="327">
        <v>96127</v>
      </c>
      <c r="EJ12" s="327">
        <v>432337</v>
      </c>
      <c r="EK12" s="327">
        <v>1019466</v>
      </c>
      <c r="EL12" s="327">
        <v>769154</v>
      </c>
      <c r="EM12" s="327">
        <v>860460</v>
      </c>
      <c r="EN12" s="331">
        <v>3177544</v>
      </c>
      <c r="EO12" s="330">
        <v>3245368</v>
      </c>
      <c r="EP12" s="326">
        <v>0</v>
      </c>
      <c r="EQ12" s="327">
        <v>0</v>
      </c>
      <c r="ER12" s="331">
        <v>0</v>
      </c>
      <c r="ES12" s="332">
        <v>0</v>
      </c>
      <c r="ET12" s="327">
        <v>0</v>
      </c>
      <c r="EU12" s="327">
        <v>0</v>
      </c>
      <c r="EV12" s="327">
        <v>0</v>
      </c>
      <c r="EW12" s="327">
        <v>0</v>
      </c>
      <c r="EX12" s="327">
        <v>0</v>
      </c>
      <c r="EY12" s="328">
        <v>0</v>
      </c>
      <c r="EZ12" s="330">
        <v>0</v>
      </c>
      <c r="FA12" s="326">
        <v>0</v>
      </c>
      <c r="FB12" s="327">
        <v>0</v>
      </c>
      <c r="FC12" s="331">
        <v>0</v>
      </c>
      <c r="FD12" s="332">
        <v>0</v>
      </c>
      <c r="FE12" s="327">
        <v>0</v>
      </c>
      <c r="FF12" s="327">
        <v>0</v>
      </c>
      <c r="FG12" s="327">
        <v>0</v>
      </c>
      <c r="FH12" s="327">
        <v>0</v>
      </c>
      <c r="FI12" s="327">
        <v>0</v>
      </c>
      <c r="FJ12" s="328">
        <v>0</v>
      </c>
      <c r="FK12" s="330">
        <v>0</v>
      </c>
      <c r="FL12" s="326">
        <v>8268478</v>
      </c>
      <c r="FM12" s="327">
        <v>23702263</v>
      </c>
      <c r="FN12" s="328">
        <v>31970741</v>
      </c>
      <c r="FO12" s="326">
        <v>0</v>
      </c>
      <c r="FP12" s="327">
        <v>21098680</v>
      </c>
      <c r="FQ12" s="327">
        <v>62576767</v>
      </c>
      <c r="FR12" s="327">
        <v>44266096</v>
      </c>
      <c r="FS12" s="327">
        <v>37603459</v>
      </c>
      <c r="FT12" s="327">
        <v>24621740</v>
      </c>
      <c r="FU12" s="328">
        <v>190166742</v>
      </c>
      <c r="FV12" s="330">
        <v>222137483</v>
      </c>
      <c r="FW12" s="333">
        <v>5427444</v>
      </c>
      <c r="FX12" s="327">
        <v>18938885</v>
      </c>
      <c r="FY12" s="331">
        <v>24366329</v>
      </c>
      <c r="FZ12" s="332">
        <v>0</v>
      </c>
      <c r="GA12" s="327">
        <v>16906639</v>
      </c>
      <c r="GB12" s="327">
        <v>56770692</v>
      </c>
      <c r="GC12" s="327">
        <v>41247144</v>
      </c>
      <c r="GD12" s="327">
        <v>34660915</v>
      </c>
      <c r="GE12" s="327">
        <v>23475595</v>
      </c>
      <c r="GF12" s="328">
        <v>173060985</v>
      </c>
      <c r="GG12" s="334">
        <v>197427314</v>
      </c>
      <c r="GH12" s="333">
        <v>766002</v>
      </c>
      <c r="GI12" s="327">
        <v>911871</v>
      </c>
      <c r="GJ12" s="331">
        <v>1677873</v>
      </c>
      <c r="GK12" s="332">
        <v>0</v>
      </c>
      <c r="GL12" s="327">
        <v>1220813</v>
      </c>
      <c r="GM12" s="327">
        <v>2211928</v>
      </c>
      <c r="GN12" s="327">
        <v>1141104</v>
      </c>
      <c r="GO12" s="327">
        <v>1180918</v>
      </c>
      <c r="GP12" s="327">
        <v>637735</v>
      </c>
      <c r="GQ12" s="328">
        <v>6392498</v>
      </c>
      <c r="GR12" s="330">
        <v>8070371</v>
      </c>
      <c r="GS12" s="326">
        <v>2075032</v>
      </c>
      <c r="GT12" s="327">
        <v>3851507</v>
      </c>
      <c r="GU12" s="328">
        <v>5926539</v>
      </c>
      <c r="GV12" s="326">
        <v>0</v>
      </c>
      <c r="GW12" s="327">
        <v>2971228</v>
      </c>
      <c r="GX12" s="327">
        <v>3594147</v>
      </c>
      <c r="GY12" s="327">
        <v>1877848</v>
      </c>
      <c r="GZ12" s="327">
        <v>1761626</v>
      </c>
      <c r="HA12" s="327">
        <v>508410</v>
      </c>
      <c r="HB12" s="331">
        <v>10713259</v>
      </c>
      <c r="HC12" s="330">
        <v>16639798</v>
      </c>
      <c r="HD12" s="326">
        <v>7569550</v>
      </c>
      <c r="HE12" s="327">
        <v>11767305</v>
      </c>
      <c r="HF12" s="331">
        <v>19336855</v>
      </c>
      <c r="HG12" s="332">
        <v>0</v>
      </c>
      <c r="HH12" s="327">
        <v>60982447</v>
      </c>
      <c r="HI12" s="327">
        <v>59891205</v>
      </c>
      <c r="HJ12" s="327">
        <v>64257051</v>
      </c>
      <c r="HK12" s="327">
        <v>72138199</v>
      </c>
      <c r="HL12" s="327">
        <v>43884422</v>
      </c>
      <c r="HM12" s="328">
        <v>301153324</v>
      </c>
      <c r="HN12" s="329">
        <v>320490179</v>
      </c>
      <c r="HO12" s="333">
        <v>5343659</v>
      </c>
      <c r="HP12" s="327">
        <v>13864624</v>
      </c>
      <c r="HQ12" s="328">
        <v>19208283</v>
      </c>
      <c r="HR12" s="326">
        <v>0</v>
      </c>
      <c r="HS12" s="327">
        <v>64130716</v>
      </c>
      <c r="HT12" s="327">
        <v>82516246</v>
      </c>
      <c r="HU12" s="327">
        <v>55793959</v>
      </c>
      <c r="HV12" s="327">
        <v>35662893</v>
      </c>
      <c r="HW12" s="327">
        <v>19675852</v>
      </c>
      <c r="HX12" s="331">
        <v>257779666</v>
      </c>
      <c r="HY12" s="330">
        <v>276987949</v>
      </c>
      <c r="HZ12" s="335">
        <v>946274</v>
      </c>
      <c r="IA12" s="336">
        <v>2363432</v>
      </c>
      <c r="IB12" s="337">
        <v>3309706</v>
      </c>
      <c r="IC12" s="355">
        <v>0</v>
      </c>
      <c r="ID12" s="356">
        <v>131139415</v>
      </c>
      <c r="IE12" s="357">
        <v>197675757</v>
      </c>
      <c r="IF12" s="358">
        <v>236219487</v>
      </c>
      <c r="IG12" s="356">
        <v>158158298</v>
      </c>
      <c r="IH12" s="358">
        <v>99022593</v>
      </c>
      <c r="II12" s="359">
        <v>822215550</v>
      </c>
      <c r="IJ12" s="341">
        <v>825525256</v>
      </c>
      <c r="IK12" s="342">
        <v>0</v>
      </c>
      <c r="IL12" s="343">
        <v>0</v>
      </c>
      <c r="IM12" s="344">
        <v>0</v>
      </c>
      <c r="IN12" s="404">
        <v>0</v>
      </c>
      <c r="IO12" s="345">
        <v>1527704</v>
      </c>
      <c r="IP12" s="345">
        <v>6111192</v>
      </c>
      <c r="IQ12" s="345">
        <v>6077216</v>
      </c>
      <c r="IR12" s="345">
        <v>7334609</v>
      </c>
      <c r="IS12" s="345">
        <v>10184629</v>
      </c>
      <c r="IT12" s="346">
        <v>31235350</v>
      </c>
      <c r="IU12" s="347">
        <v>31235350</v>
      </c>
      <c r="IV12" s="348">
        <v>0</v>
      </c>
      <c r="IW12" s="345">
        <v>0</v>
      </c>
      <c r="IX12" s="349">
        <v>0</v>
      </c>
      <c r="IY12" s="413">
        <v>0</v>
      </c>
      <c r="IZ12" s="345">
        <v>0</v>
      </c>
      <c r="JA12" s="345">
        <v>0</v>
      </c>
      <c r="JB12" s="345">
        <v>0</v>
      </c>
      <c r="JC12" s="345">
        <v>0</v>
      </c>
      <c r="JD12" s="345">
        <v>0</v>
      </c>
      <c r="JE12" s="349">
        <v>0</v>
      </c>
      <c r="JF12" s="350">
        <v>0</v>
      </c>
      <c r="JG12" s="348">
        <v>0</v>
      </c>
      <c r="JH12" s="345">
        <v>0</v>
      </c>
      <c r="JI12" s="346">
        <v>0</v>
      </c>
      <c r="JJ12" s="351">
        <v>0</v>
      </c>
      <c r="JK12" s="345">
        <v>50546049</v>
      </c>
      <c r="JL12" s="345">
        <v>70328285</v>
      </c>
      <c r="JM12" s="345">
        <v>56489749</v>
      </c>
      <c r="JN12" s="345">
        <v>33595780</v>
      </c>
      <c r="JO12" s="345">
        <v>17884255</v>
      </c>
      <c r="JP12" s="349">
        <v>228844118</v>
      </c>
      <c r="JQ12" s="347">
        <v>228844118</v>
      </c>
      <c r="JR12" s="348">
        <v>0</v>
      </c>
      <c r="JS12" s="345">
        <v>0</v>
      </c>
      <c r="JT12" s="346">
        <v>0</v>
      </c>
      <c r="JU12" s="351">
        <v>0</v>
      </c>
      <c r="JV12" s="345">
        <v>1256309</v>
      </c>
      <c r="JW12" s="345">
        <v>1794962</v>
      </c>
      <c r="JX12" s="345">
        <v>4888334</v>
      </c>
      <c r="JY12" s="345">
        <v>1848431</v>
      </c>
      <c r="JZ12" s="345">
        <v>3217516</v>
      </c>
      <c r="KA12" s="349">
        <v>13005552</v>
      </c>
      <c r="KB12" s="347">
        <v>13005552</v>
      </c>
      <c r="KC12" s="352">
        <v>946274</v>
      </c>
      <c r="KD12" s="353">
        <v>1855089</v>
      </c>
      <c r="KE12" s="349">
        <v>2801363</v>
      </c>
      <c r="KF12" s="351">
        <v>0</v>
      </c>
      <c r="KG12" s="345">
        <v>15340494</v>
      </c>
      <c r="KH12" s="345">
        <v>30211295</v>
      </c>
      <c r="KI12" s="345">
        <v>33847790</v>
      </c>
      <c r="KJ12" s="345">
        <v>24880935</v>
      </c>
      <c r="KK12" s="345">
        <v>14371364</v>
      </c>
      <c r="KL12" s="349">
        <v>118651878</v>
      </c>
      <c r="KM12" s="354">
        <v>121453241</v>
      </c>
      <c r="KN12" s="342">
        <v>0</v>
      </c>
      <c r="KO12" s="343">
        <v>508343</v>
      </c>
      <c r="KP12" s="344">
        <v>508343</v>
      </c>
      <c r="KQ12" s="413">
        <v>0</v>
      </c>
      <c r="KR12" s="345">
        <v>59144461</v>
      </c>
      <c r="KS12" s="345">
        <v>83295185</v>
      </c>
      <c r="KT12" s="345">
        <v>120372797</v>
      </c>
      <c r="KU12" s="345">
        <v>65869480</v>
      </c>
      <c r="KV12" s="345">
        <v>36600828</v>
      </c>
      <c r="KW12" s="349">
        <v>365282751</v>
      </c>
      <c r="KX12" s="347">
        <v>365791094</v>
      </c>
      <c r="KY12" s="348">
        <v>0</v>
      </c>
      <c r="KZ12" s="345">
        <v>0</v>
      </c>
      <c r="LA12" s="349">
        <v>0</v>
      </c>
      <c r="LB12" s="413">
        <v>0</v>
      </c>
      <c r="LC12" s="345">
        <v>0</v>
      </c>
      <c r="LD12" s="345">
        <v>0</v>
      </c>
      <c r="LE12" s="345">
        <v>0</v>
      </c>
      <c r="LF12" s="345">
        <v>0</v>
      </c>
      <c r="LG12" s="345">
        <v>0</v>
      </c>
      <c r="LH12" s="349">
        <v>0</v>
      </c>
      <c r="LI12" s="350">
        <v>0</v>
      </c>
      <c r="LJ12" s="348">
        <v>0</v>
      </c>
      <c r="LK12" s="345">
        <v>0</v>
      </c>
      <c r="LL12" s="349">
        <v>0</v>
      </c>
      <c r="LM12" s="413">
        <v>0</v>
      </c>
      <c r="LN12" s="345">
        <v>0</v>
      </c>
      <c r="LO12" s="345">
        <v>0</v>
      </c>
      <c r="LP12" s="345">
        <v>3728718</v>
      </c>
      <c r="LQ12" s="345">
        <v>9737316</v>
      </c>
      <c r="LR12" s="345">
        <v>2882633</v>
      </c>
      <c r="LS12" s="349">
        <v>16348667</v>
      </c>
      <c r="LT12" s="347">
        <v>16348667</v>
      </c>
      <c r="LU12" s="348">
        <v>0</v>
      </c>
      <c r="LV12" s="345">
        <v>0</v>
      </c>
      <c r="LW12" s="349">
        <v>0</v>
      </c>
      <c r="LX12" s="413">
        <v>0</v>
      </c>
      <c r="LY12" s="345">
        <v>3324398</v>
      </c>
      <c r="LZ12" s="345">
        <v>5934838</v>
      </c>
      <c r="MA12" s="345">
        <v>10814883</v>
      </c>
      <c r="MB12" s="345">
        <v>14891747</v>
      </c>
      <c r="MC12" s="345">
        <v>13881368</v>
      </c>
      <c r="MD12" s="349">
        <v>48847234</v>
      </c>
      <c r="ME12" s="350">
        <v>48847234</v>
      </c>
      <c r="MF12" s="348">
        <v>0</v>
      </c>
      <c r="MG12" s="345">
        <v>0</v>
      </c>
      <c r="MH12" s="349">
        <v>0</v>
      </c>
      <c r="MI12" s="413">
        <v>0</v>
      </c>
      <c r="MJ12" s="345">
        <v>19626190</v>
      </c>
      <c r="MK12" s="345">
        <v>66958839</v>
      </c>
      <c r="ML12" s="345">
        <v>322207503</v>
      </c>
      <c r="MM12" s="345">
        <v>522844124</v>
      </c>
      <c r="MN12" s="345">
        <v>357647183</v>
      </c>
      <c r="MO12" s="349">
        <v>1289283839</v>
      </c>
      <c r="MP12" s="354">
        <v>1289283839</v>
      </c>
      <c r="MQ12" s="348">
        <v>0</v>
      </c>
      <c r="MR12" s="345">
        <v>0</v>
      </c>
      <c r="MS12" s="349">
        <v>0</v>
      </c>
      <c r="MT12" s="413">
        <v>0</v>
      </c>
      <c r="MU12" s="345">
        <v>2004764</v>
      </c>
      <c r="MV12" s="345">
        <v>9745442</v>
      </c>
      <c r="MW12" s="345">
        <v>224271128</v>
      </c>
      <c r="MX12" s="345">
        <v>357575189</v>
      </c>
      <c r="MY12" s="345">
        <v>247487404</v>
      </c>
      <c r="MZ12" s="349">
        <v>841083927</v>
      </c>
      <c r="NA12" s="354">
        <v>841083927</v>
      </c>
      <c r="NB12" s="348">
        <v>0</v>
      </c>
      <c r="NC12" s="345">
        <v>0</v>
      </c>
      <c r="ND12" s="349">
        <v>0</v>
      </c>
      <c r="NE12" s="413">
        <v>0</v>
      </c>
      <c r="NF12" s="345">
        <v>17111329</v>
      </c>
      <c r="NG12" s="345">
        <v>57213397</v>
      </c>
      <c r="NH12" s="345">
        <v>93873835</v>
      </c>
      <c r="NI12" s="345">
        <v>127332540</v>
      </c>
      <c r="NJ12" s="345">
        <v>69265200</v>
      </c>
      <c r="NK12" s="349">
        <v>364796301</v>
      </c>
      <c r="NL12" s="347">
        <v>364796301</v>
      </c>
      <c r="NM12" s="348">
        <v>0</v>
      </c>
      <c r="NN12" s="345">
        <v>0</v>
      </c>
      <c r="NO12" s="349">
        <v>0</v>
      </c>
      <c r="NP12" s="413">
        <v>0</v>
      </c>
      <c r="NQ12" s="345">
        <v>0</v>
      </c>
      <c r="NR12" s="345">
        <v>0</v>
      </c>
      <c r="NS12" s="345">
        <v>0</v>
      </c>
      <c r="NT12" s="345">
        <v>0</v>
      </c>
      <c r="NU12" s="345">
        <v>0</v>
      </c>
      <c r="NV12" s="349">
        <v>0</v>
      </c>
      <c r="NW12" s="350">
        <v>0</v>
      </c>
      <c r="NX12" s="348">
        <v>0</v>
      </c>
      <c r="NY12" s="345">
        <v>0</v>
      </c>
      <c r="NZ12" s="349">
        <v>0</v>
      </c>
      <c r="OA12" s="413">
        <v>0</v>
      </c>
      <c r="OB12" s="345">
        <v>510097</v>
      </c>
      <c r="OC12" s="345">
        <v>0</v>
      </c>
      <c r="OD12" s="345">
        <v>4062540</v>
      </c>
      <c r="OE12" s="345">
        <v>37936395</v>
      </c>
      <c r="OF12" s="345">
        <v>40894579</v>
      </c>
      <c r="OG12" s="349">
        <v>83403611</v>
      </c>
      <c r="OH12" s="350">
        <v>83403611</v>
      </c>
      <c r="OI12" s="348">
        <v>29622817</v>
      </c>
      <c r="OJ12" s="345">
        <v>78039752</v>
      </c>
      <c r="OK12" s="346">
        <v>107662569</v>
      </c>
      <c r="OL12" s="351">
        <v>0</v>
      </c>
      <c r="OM12" s="345">
        <v>512251678</v>
      </c>
      <c r="ON12" s="345">
        <v>850514888</v>
      </c>
      <c r="OO12" s="345">
        <v>1094680945</v>
      </c>
      <c r="OP12" s="345">
        <v>1141345224</v>
      </c>
      <c r="OQ12" s="345">
        <v>764898937</v>
      </c>
      <c r="OR12" s="349">
        <v>4363691672</v>
      </c>
      <c r="OS12" s="354">
        <v>4471354241</v>
      </c>
    </row>
    <row r="13" spans="1:409" s="70" customFormat="1" ht="21" customHeight="1" x14ac:dyDescent="0.2">
      <c r="B13" s="410" t="s">
        <v>7</v>
      </c>
      <c r="C13" s="326">
        <v>17073732</v>
      </c>
      <c r="D13" s="327">
        <v>22156227</v>
      </c>
      <c r="E13" s="328">
        <v>39229959</v>
      </c>
      <c r="F13" s="329">
        <v>0</v>
      </c>
      <c r="G13" s="327">
        <v>383939314</v>
      </c>
      <c r="H13" s="327">
        <v>344409806</v>
      </c>
      <c r="I13" s="327">
        <v>290402366</v>
      </c>
      <c r="J13" s="327">
        <v>310604192</v>
      </c>
      <c r="K13" s="327">
        <v>211787977</v>
      </c>
      <c r="L13" s="329">
        <v>1541143655</v>
      </c>
      <c r="M13" s="330">
        <v>1580373614</v>
      </c>
      <c r="N13" s="326">
        <v>2675677</v>
      </c>
      <c r="O13" s="327">
        <v>2946951</v>
      </c>
      <c r="P13" s="328">
        <v>5622628</v>
      </c>
      <c r="Q13" s="326">
        <v>0</v>
      </c>
      <c r="R13" s="327">
        <v>94206297</v>
      </c>
      <c r="S13" s="327">
        <v>99812485</v>
      </c>
      <c r="T13" s="327">
        <v>99495791</v>
      </c>
      <c r="U13" s="327">
        <v>132609498</v>
      </c>
      <c r="V13" s="327">
        <v>114792436</v>
      </c>
      <c r="W13" s="328">
        <v>540916507</v>
      </c>
      <c r="X13" s="330">
        <v>546539135</v>
      </c>
      <c r="Y13" s="326">
        <v>0</v>
      </c>
      <c r="Z13" s="327">
        <v>0</v>
      </c>
      <c r="AA13" s="328">
        <v>0</v>
      </c>
      <c r="AB13" s="326">
        <v>0</v>
      </c>
      <c r="AC13" s="327">
        <v>50059315</v>
      </c>
      <c r="AD13" s="327">
        <v>55772834</v>
      </c>
      <c r="AE13" s="327">
        <v>65907298</v>
      </c>
      <c r="AF13" s="327">
        <v>87067564</v>
      </c>
      <c r="AG13" s="327">
        <v>69892760</v>
      </c>
      <c r="AH13" s="328">
        <v>328699771</v>
      </c>
      <c r="AI13" s="330">
        <v>328699771</v>
      </c>
      <c r="AJ13" s="326">
        <v>0</v>
      </c>
      <c r="AK13" s="327">
        <v>0</v>
      </c>
      <c r="AL13" s="328">
        <v>0</v>
      </c>
      <c r="AM13" s="326">
        <v>0</v>
      </c>
      <c r="AN13" s="327">
        <v>672282</v>
      </c>
      <c r="AO13" s="327">
        <v>2237772</v>
      </c>
      <c r="AP13" s="327">
        <v>2824734</v>
      </c>
      <c r="AQ13" s="327">
        <v>10133023</v>
      </c>
      <c r="AR13" s="327">
        <v>14313542</v>
      </c>
      <c r="AS13" s="328">
        <v>30181353</v>
      </c>
      <c r="AT13" s="330">
        <v>30181353</v>
      </c>
      <c r="AU13" s="326">
        <v>561910</v>
      </c>
      <c r="AV13" s="327">
        <v>1346444</v>
      </c>
      <c r="AW13" s="328">
        <v>1908354</v>
      </c>
      <c r="AX13" s="326">
        <v>0</v>
      </c>
      <c r="AY13" s="327">
        <v>24469487</v>
      </c>
      <c r="AZ13" s="327">
        <v>24006256</v>
      </c>
      <c r="BA13" s="327">
        <v>15485965</v>
      </c>
      <c r="BB13" s="327">
        <v>18351851</v>
      </c>
      <c r="BC13" s="327">
        <v>19756622</v>
      </c>
      <c r="BD13" s="328">
        <v>102070181</v>
      </c>
      <c r="BE13" s="330">
        <v>103978535</v>
      </c>
      <c r="BF13" s="326">
        <v>66105</v>
      </c>
      <c r="BG13" s="327">
        <v>324942</v>
      </c>
      <c r="BH13" s="331">
        <v>391047</v>
      </c>
      <c r="BI13" s="332">
        <v>0</v>
      </c>
      <c r="BJ13" s="327">
        <v>2100639</v>
      </c>
      <c r="BK13" s="327">
        <v>2605532</v>
      </c>
      <c r="BL13" s="327">
        <v>1592034</v>
      </c>
      <c r="BM13" s="327">
        <v>1584433</v>
      </c>
      <c r="BN13" s="327">
        <v>1045600</v>
      </c>
      <c r="BO13" s="328">
        <v>8928238</v>
      </c>
      <c r="BP13" s="330">
        <v>9319285</v>
      </c>
      <c r="BQ13" s="326">
        <v>2047662</v>
      </c>
      <c r="BR13" s="327">
        <v>1275565</v>
      </c>
      <c r="BS13" s="328">
        <v>3323227</v>
      </c>
      <c r="BT13" s="326">
        <v>0</v>
      </c>
      <c r="BU13" s="327">
        <v>16904574</v>
      </c>
      <c r="BV13" s="327">
        <v>15190091</v>
      </c>
      <c r="BW13" s="327">
        <v>13685760</v>
      </c>
      <c r="BX13" s="327">
        <v>15472627</v>
      </c>
      <c r="BY13" s="327">
        <v>9783912</v>
      </c>
      <c r="BZ13" s="328">
        <v>71036964</v>
      </c>
      <c r="CA13" s="330">
        <v>74360191</v>
      </c>
      <c r="CB13" s="326">
        <v>2082251</v>
      </c>
      <c r="CC13" s="327">
        <v>3519030</v>
      </c>
      <c r="CD13" s="328">
        <v>5601281</v>
      </c>
      <c r="CE13" s="326">
        <v>0</v>
      </c>
      <c r="CF13" s="327">
        <v>105130947</v>
      </c>
      <c r="CG13" s="327">
        <v>85758762</v>
      </c>
      <c r="CH13" s="327">
        <v>57276660</v>
      </c>
      <c r="CI13" s="327">
        <v>36672058</v>
      </c>
      <c r="CJ13" s="327">
        <v>18514368</v>
      </c>
      <c r="CK13" s="328">
        <v>303352795</v>
      </c>
      <c r="CL13" s="330">
        <v>308954076</v>
      </c>
      <c r="CM13" s="326">
        <v>0</v>
      </c>
      <c r="CN13" s="327">
        <v>0</v>
      </c>
      <c r="CO13" s="328">
        <v>0</v>
      </c>
      <c r="CP13" s="332">
        <v>0</v>
      </c>
      <c r="CQ13" s="327">
        <v>88016241</v>
      </c>
      <c r="CR13" s="327">
        <v>70487573</v>
      </c>
      <c r="CS13" s="327">
        <v>47171568</v>
      </c>
      <c r="CT13" s="327">
        <v>28866273</v>
      </c>
      <c r="CU13" s="327">
        <v>15220374</v>
      </c>
      <c r="CV13" s="328">
        <v>249762029</v>
      </c>
      <c r="CW13" s="330">
        <v>249762029</v>
      </c>
      <c r="CX13" s="326">
        <v>2082251</v>
      </c>
      <c r="CY13" s="327">
        <v>3519030</v>
      </c>
      <c r="CZ13" s="328">
        <v>5601281</v>
      </c>
      <c r="DA13" s="326">
        <v>0</v>
      </c>
      <c r="DB13" s="327">
        <v>17114706</v>
      </c>
      <c r="DC13" s="327">
        <v>15271189</v>
      </c>
      <c r="DD13" s="327">
        <v>10105092</v>
      </c>
      <c r="DE13" s="327">
        <v>7805785</v>
      </c>
      <c r="DF13" s="327">
        <v>3293994</v>
      </c>
      <c r="DG13" s="328">
        <v>53590766</v>
      </c>
      <c r="DH13" s="330">
        <v>59192047</v>
      </c>
      <c r="DI13" s="326">
        <v>160624</v>
      </c>
      <c r="DJ13" s="327">
        <v>97410</v>
      </c>
      <c r="DK13" s="331">
        <v>258034</v>
      </c>
      <c r="DL13" s="332">
        <v>0</v>
      </c>
      <c r="DM13" s="327">
        <v>17547134</v>
      </c>
      <c r="DN13" s="327">
        <v>20950803</v>
      </c>
      <c r="DO13" s="327">
        <v>28138851</v>
      </c>
      <c r="DP13" s="327">
        <v>25172706</v>
      </c>
      <c r="DQ13" s="327">
        <v>11670923</v>
      </c>
      <c r="DR13" s="328">
        <v>103480417</v>
      </c>
      <c r="DS13" s="330">
        <v>103738451</v>
      </c>
      <c r="DT13" s="326">
        <v>160624</v>
      </c>
      <c r="DU13" s="327">
        <v>97410</v>
      </c>
      <c r="DV13" s="328">
        <v>258034</v>
      </c>
      <c r="DW13" s="326">
        <v>0</v>
      </c>
      <c r="DX13" s="327">
        <v>16745911</v>
      </c>
      <c r="DY13" s="327">
        <v>20075279</v>
      </c>
      <c r="DZ13" s="327">
        <v>27057876</v>
      </c>
      <c r="EA13" s="327">
        <v>23033791</v>
      </c>
      <c r="EB13" s="327">
        <v>11042061</v>
      </c>
      <c r="EC13" s="328">
        <v>97954918</v>
      </c>
      <c r="ED13" s="330">
        <v>98212952</v>
      </c>
      <c r="EE13" s="326">
        <v>0</v>
      </c>
      <c r="EF13" s="331">
        <v>0</v>
      </c>
      <c r="EG13" s="328">
        <v>0</v>
      </c>
      <c r="EH13" s="326">
        <v>0</v>
      </c>
      <c r="EI13" s="327">
        <v>801223</v>
      </c>
      <c r="EJ13" s="327">
        <v>875524</v>
      </c>
      <c r="EK13" s="327">
        <v>1080975</v>
      </c>
      <c r="EL13" s="327">
        <v>2138915</v>
      </c>
      <c r="EM13" s="327">
        <v>628862</v>
      </c>
      <c r="EN13" s="331">
        <v>5525499</v>
      </c>
      <c r="EO13" s="330">
        <v>5525499</v>
      </c>
      <c r="EP13" s="326">
        <v>0</v>
      </c>
      <c r="EQ13" s="327">
        <v>0</v>
      </c>
      <c r="ER13" s="331">
        <v>0</v>
      </c>
      <c r="ES13" s="332">
        <v>0</v>
      </c>
      <c r="ET13" s="327">
        <v>0</v>
      </c>
      <c r="EU13" s="327">
        <v>0</v>
      </c>
      <c r="EV13" s="327">
        <v>0</v>
      </c>
      <c r="EW13" s="327">
        <v>0</v>
      </c>
      <c r="EX13" s="327">
        <v>0</v>
      </c>
      <c r="EY13" s="328">
        <v>0</v>
      </c>
      <c r="EZ13" s="330">
        <v>0</v>
      </c>
      <c r="FA13" s="326">
        <v>0</v>
      </c>
      <c r="FB13" s="327">
        <v>0</v>
      </c>
      <c r="FC13" s="331">
        <v>0</v>
      </c>
      <c r="FD13" s="332">
        <v>0</v>
      </c>
      <c r="FE13" s="327">
        <v>0</v>
      </c>
      <c r="FF13" s="327">
        <v>0</v>
      </c>
      <c r="FG13" s="327">
        <v>0</v>
      </c>
      <c r="FH13" s="327">
        <v>0</v>
      </c>
      <c r="FI13" s="327">
        <v>0</v>
      </c>
      <c r="FJ13" s="328">
        <v>0</v>
      </c>
      <c r="FK13" s="330">
        <v>0</v>
      </c>
      <c r="FL13" s="326">
        <v>3556792</v>
      </c>
      <c r="FM13" s="327">
        <v>6221829</v>
      </c>
      <c r="FN13" s="328">
        <v>9778621</v>
      </c>
      <c r="FO13" s="326">
        <v>0</v>
      </c>
      <c r="FP13" s="327">
        <v>17193704</v>
      </c>
      <c r="FQ13" s="327">
        <v>30465190</v>
      </c>
      <c r="FR13" s="327">
        <v>20241168</v>
      </c>
      <c r="FS13" s="327">
        <v>20173659</v>
      </c>
      <c r="FT13" s="327">
        <v>14003937</v>
      </c>
      <c r="FU13" s="328">
        <v>102077658</v>
      </c>
      <c r="FV13" s="330">
        <v>111856279</v>
      </c>
      <c r="FW13" s="333">
        <v>1931092</v>
      </c>
      <c r="FX13" s="327">
        <v>4010709</v>
      </c>
      <c r="FY13" s="331">
        <v>5941801</v>
      </c>
      <c r="FZ13" s="332">
        <v>0</v>
      </c>
      <c r="GA13" s="327">
        <v>13454928</v>
      </c>
      <c r="GB13" s="327">
        <v>28526351</v>
      </c>
      <c r="GC13" s="327">
        <v>18797946</v>
      </c>
      <c r="GD13" s="327">
        <v>18326872</v>
      </c>
      <c r="GE13" s="327">
        <v>13496227</v>
      </c>
      <c r="GF13" s="328">
        <v>92602324</v>
      </c>
      <c r="GG13" s="334">
        <v>98544125</v>
      </c>
      <c r="GH13" s="333">
        <v>198162</v>
      </c>
      <c r="GI13" s="327">
        <v>409351</v>
      </c>
      <c r="GJ13" s="331">
        <v>607513</v>
      </c>
      <c r="GK13" s="332">
        <v>0</v>
      </c>
      <c r="GL13" s="327">
        <v>909689</v>
      </c>
      <c r="GM13" s="327">
        <v>863816</v>
      </c>
      <c r="GN13" s="327">
        <v>716328</v>
      </c>
      <c r="GO13" s="327">
        <v>753007</v>
      </c>
      <c r="GP13" s="327">
        <v>353810</v>
      </c>
      <c r="GQ13" s="328">
        <v>3596650</v>
      </c>
      <c r="GR13" s="330">
        <v>4204163</v>
      </c>
      <c r="GS13" s="326">
        <v>1427538</v>
      </c>
      <c r="GT13" s="327">
        <v>1801769</v>
      </c>
      <c r="GU13" s="328">
        <v>3229307</v>
      </c>
      <c r="GV13" s="326">
        <v>0</v>
      </c>
      <c r="GW13" s="327">
        <v>2829087</v>
      </c>
      <c r="GX13" s="327">
        <v>1075023</v>
      </c>
      <c r="GY13" s="327">
        <v>726894</v>
      </c>
      <c r="GZ13" s="327">
        <v>1093780</v>
      </c>
      <c r="HA13" s="327">
        <v>153900</v>
      </c>
      <c r="HB13" s="331">
        <v>5878684</v>
      </c>
      <c r="HC13" s="330">
        <v>9107991</v>
      </c>
      <c r="HD13" s="326">
        <v>6005964</v>
      </c>
      <c r="HE13" s="327">
        <v>4809445</v>
      </c>
      <c r="HF13" s="331">
        <v>10815409</v>
      </c>
      <c r="HG13" s="332">
        <v>0</v>
      </c>
      <c r="HH13" s="327">
        <v>77875502</v>
      </c>
      <c r="HI13" s="327">
        <v>60178469</v>
      </c>
      <c r="HJ13" s="327">
        <v>56401547</v>
      </c>
      <c r="HK13" s="327">
        <v>74362329</v>
      </c>
      <c r="HL13" s="327">
        <v>39765124</v>
      </c>
      <c r="HM13" s="328">
        <v>308582971</v>
      </c>
      <c r="HN13" s="329">
        <v>319398380</v>
      </c>
      <c r="HO13" s="333">
        <v>2592424</v>
      </c>
      <c r="HP13" s="327">
        <v>4561562</v>
      </c>
      <c r="HQ13" s="328">
        <v>7153986</v>
      </c>
      <c r="HR13" s="326">
        <v>0</v>
      </c>
      <c r="HS13" s="327">
        <v>71985730</v>
      </c>
      <c r="HT13" s="327">
        <v>47244097</v>
      </c>
      <c r="HU13" s="327">
        <v>28848349</v>
      </c>
      <c r="HV13" s="327">
        <v>21613942</v>
      </c>
      <c r="HW13" s="327">
        <v>13041189</v>
      </c>
      <c r="HX13" s="331">
        <v>182733307</v>
      </c>
      <c r="HY13" s="330">
        <v>189887293</v>
      </c>
      <c r="HZ13" s="335">
        <v>136077</v>
      </c>
      <c r="IA13" s="336">
        <v>437185</v>
      </c>
      <c r="IB13" s="337">
        <v>573262</v>
      </c>
      <c r="IC13" s="338">
        <v>0</v>
      </c>
      <c r="ID13" s="336">
        <v>110710453</v>
      </c>
      <c r="IE13" s="339">
        <v>109857986</v>
      </c>
      <c r="IF13" s="337">
        <v>98653899</v>
      </c>
      <c r="IG13" s="336">
        <v>66185610</v>
      </c>
      <c r="IH13" s="337">
        <v>43128824</v>
      </c>
      <c r="II13" s="340">
        <v>428536772</v>
      </c>
      <c r="IJ13" s="341">
        <v>429110034</v>
      </c>
      <c r="IK13" s="342">
        <v>0</v>
      </c>
      <c r="IL13" s="343">
        <v>0</v>
      </c>
      <c r="IM13" s="344">
        <v>0</v>
      </c>
      <c r="IN13" s="404">
        <v>0</v>
      </c>
      <c r="IO13" s="345">
        <v>787977</v>
      </c>
      <c r="IP13" s="345">
        <v>1707810</v>
      </c>
      <c r="IQ13" s="345">
        <v>1543412</v>
      </c>
      <c r="IR13" s="345">
        <v>1645620</v>
      </c>
      <c r="IS13" s="345">
        <v>2021289</v>
      </c>
      <c r="IT13" s="346">
        <v>7706108</v>
      </c>
      <c r="IU13" s="347">
        <v>7706108</v>
      </c>
      <c r="IV13" s="348">
        <v>0</v>
      </c>
      <c r="IW13" s="345">
        <v>0</v>
      </c>
      <c r="IX13" s="349">
        <v>0</v>
      </c>
      <c r="IY13" s="413">
        <v>0</v>
      </c>
      <c r="IZ13" s="345">
        <v>0</v>
      </c>
      <c r="JA13" s="345">
        <v>0</v>
      </c>
      <c r="JB13" s="345">
        <v>0</v>
      </c>
      <c r="JC13" s="345">
        <v>0</v>
      </c>
      <c r="JD13" s="345">
        <v>0</v>
      </c>
      <c r="JE13" s="349">
        <v>0</v>
      </c>
      <c r="JF13" s="350">
        <v>0</v>
      </c>
      <c r="JG13" s="348">
        <v>0</v>
      </c>
      <c r="JH13" s="345">
        <v>0</v>
      </c>
      <c r="JI13" s="346">
        <v>0</v>
      </c>
      <c r="JJ13" s="351">
        <v>0</v>
      </c>
      <c r="JK13" s="345">
        <v>55700423</v>
      </c>
      <c r="JL13" s="345">
        <v>44532241</v>
      </c>
      <c r="JM13" s="345">
        <v>25163825</v>
      </c>
      <c r="JN13" s="345">
        <v>11352609</v>
      </c>
      <c r="JO13" s="345">
        <v>6816943</v>
      </c>
      <c r="JP13" s="349">
        <v>143566041</v>
      </c>
      <c r="JQ13" s="347">
        <v>143566041</v>
      </c>
      <c r="JR13" s="348">
        <v>0</v>
      </c>
      <c r="JS13" s="345">
        <v>186534</v>
      </c>
      <c r="JT13" s="346">
        <v>186534</v>
      </c>
      <c r="JU13" s="351">
        <v>0</v>
      </c>
      <c r="JV13" s="345">
        <v>8249931</v>
      </c>
      <c r="JW13" s="345">
        <v>9466997</v>
      </c>
      <c r="JX13" s="345">
        <v>13561117</v>
      </c>
      <c r="JY13" s="345">
        <v>4192559</v>
      </c>
      <c r="JZ13" s="345">
        <v>3940489</v>
      </c>
      <c r="KA13" s="349">
        <v>39411093</v>
      </c>
      <c r="KB13" s="347">
        <v>39597627</v>
      </c>
      <c r="KC13" s="352">
        <v>136077</v>
      </c>
      <c r="KD13" s="353">
        <v>250651</v>
      </c>
      <c r="KE13" s="349">
        <v>386728</v>
      </c>
      <c r="KF13" s="351">
        <v>0</v>
      </c>
      <c r="KG13" s="345">
        <v>5661676</v>
      </c>
      <c r="KH13" s="345">
        <v>6410430</v>
      </c>
      <c r="KI13" s="345">
        <v>7994018</v>
      </c>
      <c r="KJ13" s="345">
        <v>4902247</v>
      </c>
      <c r="KK13" s="345">
        <v>3118738</v>
      </c>
      <c r="KL13" s="349">
        <v>28087109</v>
      </c>
      <c r="KM13" s="354">
        <v>28473837</v>
      </c>
      <c r="KN13" s="342">
        <v>0</v>
      </c>
      <c r="KO13" s="343">
        <v>0</v>
      </c>
      <c r="KP13" s="344">
        <v>0</v>
      </c>
      <c r="KQ13" s="413">
        <v>0</v>
      </c>
      <c r="KR13" s="345">
        <v>37202502</v>
      </c>
      <c r="KS13" s="345">
        <v>46404768</v>
      </c>
      <c r="KT13" s="345">
        <v>47312303</v>
      </c>
      <c r="KU13" s="345">
        <v>38418209</v>
      </c>
      <c r="KV13" s="345">
        <v>21209944</v>
      </c>
      <c r="KW13" s="349">
        <v>190547726</v>
      </c>
      <c r="KX13" s="347">
        <v>190547726</v>
      </c>
      <c r="KY13" s="348">
        <v>0</v>
      </c>
      <c r="KZ13" s="345">
        <v>0</v>
      </c>
      <c r="LA13" s="349">
        <v>0</v>
      </c>
      <c r="LB13" s="413">
        <v>0</v>
      </c>
      <c r="LC13" s="345">
        <v>0</v>
      </c>
      <c r="LD13" s="345">
        <v>0</v>
      </c>
      <c r="LE13" s="345">
        <v>0</v>
      </c>
      <c r="LF13" s="345">
        <v>0</v>
      </c>
      <c r="LG13" s="345">
        <v>0</v>
      </c>
      <c r="LH13" s="349">
        <v>0</v>
      </c>
      <c r="LI13" s="350">
        <v>0</v>
      </c>
      <c r="LJ13" s="348">
        <v>0</v>
      </c>
      <c r="LK13" s="345">
        <v>0</v>
      </c>
      <c r="LL13" s="349">
        <v>0</v>
      </c>
      <c r="LM13" s="413">
        <v>0</v>
      </c>
      <c r="LN13" s="345">
        <v>0</v>
      </c>
      <c r="LO13" s="345">
        <v>0</v>
      </c>
      <c r="LP13" s="345">
        <v>0</v>
      </c>
      <c r="LQ13" s="345">
        <v>0</v>
      </c>
      <c r="LR13" s="345">
        <v>0</v>
      </c>
      <c r="LS13" s="349">
        <v>0</v>
      </c>
      <c r="LT13" s="347">
        <v>0</v>
      </c>
      <c r="LU13" s="348">
        <v>0</v>
      </c>
      <c r="LV13" s="345">
        <v>0</v>
      </c>
      <c r="LW13" s="349">
        <v>0</v>
      </c>
      <c r="LX13" s="413">
        <v>0</v>
      </c>
      <c r="LY13" s="345">
        <v>3107944</v>
      </c>
      <c r="LZ13" s="345">
        <v>1335740</v>
      </c>
      <c r="MA13" s="345">
        <v>3079224</v>
      </c>
      <c r="MB13" s="345">
        <v>5674366</v>
      </c>
      <c r="MC13" s="345">
        <v>6021421</v>
      </c>
      <c r="MD13" s="349">
        <v>19218695</v>
      </c>
      <c r="ME13" s="350">
        <v>19218695</v>
      </c>
      <c r="MF13" s="348">
        <v>0</v>
      </c>
      <c r="MG13" s="345">
        <v>0</v>
      </c>
      <c r="MH13" s="349">
        <v>0</v>
      </c>
      <c r="MI13" s="413">
        <v>0</v>
      </c>
      <c r="MJ13" s="345">
        <v>50953191</v>
      </c>
      <c r="MK13" s="345">
        <v>68181412</v>
      </c>
      <c r="ML13" s="345">
        <v>247146600</v>
      </c>
      <c r="MM13" s="345">
        <v>361966327</v>
      </c>
      <c r="MN13" s="345">
        <v>207159540</v>
      </c>
      <c r="MO13" s="349">
        <v>935407070</v>
      </c>
      <c r="MP13" s="354">
        <v>935407070</v>
      </c>
      <c r="MQ13" s="348">
        <v>0</v>
      </c>
      <c r="MR13" s="345">
        <v>0</v>
      </c>
      <c r="MS13" s="349">
        <v>0</v>
      </c>
      <c r="MT13" s="413">
        <v>0</v>
      </c>
      <c r="MU13" s="345">
        <v>6516766</v>
      </c>
      <c r="MV13" s="345">
        <v>11693629</v>
      </c>
      <c r="MW13" s="345">
        <v>166117216</v>
      </c>
      <c r="MX13" s="345">
        <v>265593086</v>
      </c>
      <c r="MY13" s="345">
        <v>170461321</v>
      </c>
      <c r="MZ13" s="349">
        <v>620382018</v>
      </c>
      <c r="NA13" s="354">
        <v>620382018</v>
      </c>
      <c r="NB13" s="348">
        <v>0</v>
      </c>
      <c r="NC13" s="345">
        <v>0</v>
      </c>
      <c r="ND13" s="349">
        <v>0</v>
      </c>
      <c r="NE13" s="413">
        <v>0</v>
      </c>
      <c r="NF13" s="345">
        <v>44436425</v>
      </c>
      <c r="NG13" s="345">
        <v>56487783</v>
      </c>
      <c r="NH13" s="345">
        <v>80676322</v>
      </c>
      <c r="NI13" s="345">
        <v>95814450</v>
      </c>
      <c r="NJ13" s="345">
        <v>35130341</v>
      </c>
      <c r="NK13" s="349">
        <v>312545321</v>
      </c>
      <c r="NL13" s="347">
        <v>312545321</v>
      </c>
      <c r="NM13" s="348">
        <v>0</v>
      </c>
      <c r="NN13" s="345">
        <v>0</v>
      </c>
      <c r="NO13" s="349">
        <v>0</v>
      </c>
      <c r="NP13" s="413">
        <v>0</v>
      </c>
      <c r="NQ13" s="345">
        <v>0</v>
      </c>
      <c r="NR13" s="345">
        <v>0</v>
      </c>
      <c r="NS13" s="345">
        <v>0</v>
      </c>
      <c r="NT13" s="345">
        <v>0</v>
      </c>
      <c r="NU13" s="345">
        <v>0</v>
      </c>
      <c r="NV13" s="349">
        <v>0</v>
      </c>
      <c r="NW13" s="350">
        <v>0</v>
      </c>
      <c r="NX13" s="348">
        <v>0</v>
      </c>
      <c r="NY13" s="345">
        <v>0</v>
      </c>
      <c r="NZ13" s="349">
        <v>0</v>
      </c>
      <c r="OA13" s="413">
        <v>0</v>
      </c>
      <c r="OB13" s="345">
        <v>0</v>
      </c>
      <c r="OC13" s="345">
        <v>0</v>
      </c>
      <c r="OD13" s="345">
        <v>353062</v>
      </c>
      <c r="OE13" s="345">
        <v>558791</v>
      </c>
      <c r="OF13" s="345">
        <v>1567878</v>
      </c>
      <c r="OG13" s="349">
        <v>2479731</v>
      </c>
      <c r="OH13" s="350">
        <v>2479731</v>
      </c>
      <c r="OI13" s="348">
        <v>17209809</v>
      </c>
      <c r="OJ13" s="345">
        <v>22593412</v>
      </c>
      <c r="OK13" s="346">
        <v>39803221</v>
      </c>
      <c r="OL13" s="351">
        <v>0</v>
      </c>
      <c r="OM13" s="345">
        <v>545602958</v>
      </c>
      <c r="ON13" s="345">
        <v>522449204</v>
      </c>
      <c r="OO13" s="345">
        <v>636202865</v>
      </c>
      <c r="OP13" s="345">
        <v>738756129</v>
      </c>
      <c r="OQ13" s="345">
        <v>462076341</v>
      </c>
      <c r="OR13" s="349">
        <v>2905087497</v>
      </c>
      <c r="OS13" s="354">
        <v>2944890718</v>
      </c>
    </row>
    <row r="14" spans="1:409" s="70" customFormat="1" ht="21" customHeight="1" x14ac:dyDescent="0.2">
      <c r="B14" s="410" t="s">
        <v>8</v>
      </c>
      <c r="C14" s="326">
        <v>13741559</v>
      </c>
      <c r="D14" s="327">
        <v>18090101</v>
      </c>
      <c r="E14" s="328">
        <v>31831660</v>
      </c>
      <c r="F14" s="329">
        <v>0</v>
      </c>
      <c r="G14" s="327">
        <v>156847409</v>
      </c>
      <c r="H14" s="327">
        <v>220785034</v>
      </c>
      <c r="I14" s="327">
        <v>195371590</v>
      </c>
      <c r="J14" s="327">
        <v>179553775</v>
      </c>
      <c r="K14" s="327">
        <v>147012197</v>
      </c>
      <c r="L14" s="329">
        <v>899570005</v>
      </c>
      <c r="M14" s="330">
        <v>931401665</v>
      </c>
      <c r="N14" s="326">
        <v>2607354</v>
      </c>
      <c r="O14" s="327">
        <v>4155231</v>
      </c>
      <c r="P14" s="328">
        <v>6762585</v>
      </c>
      <c r="Q14" s="326">
        <v>0</v>
      </c>
      <c r="R14" s="327">
        <v>41464951</v>
      </c>
      <c r="S14" s="327">
        <v>70175855</v>
      </c>
      <c r="T14" s="327">
        <v>66243664</v>
      </c>
      <c r="U14" s="327">
        <v>69773174</v>
      </c>
      <c r="V14" s="327">
        <v>81818323</v>
      </c>
      <c r="W14" s="328">
        <v>329475967</v>
      </c>
      <c r="X14" s="330">
        <v>336238552</v>
      </c>
      <c r="Y14" s="326">
        <v>0</v>
      </c>
      <c r="Z14" s="327">
        <v>0</v>
      </c>
      <c r="AA14" s="328">
        <v>0</v>
      </c>
      <c r="AB14" s="326">
        <v>0</v>
      </c>
      <c r="AC14" s="327">
        <v>20549604</v>
      </c>
      <c r="AD14" s="327">
        <v>39355410</v>
      </c>
      <c r="AE14" s="327">
        <v>42363658</v>
      </c>
      <c r="AF14" s="327">
        <v>44391877</v>
      </c>
      <c r="AG14" s="327">
        <v>55563593</v>
      </c>
      <c r="AH14" s="328">
        <v>202224142</v>
      </c>
      <c r="AI14" s="330">
        <v>202224142</v>
      </c>
      <c r="AJ14" s="326">
        <v>0</v>
      </c>
      <c r="AK14" s="327">
        <v>0</v>
      </c>
      <c r="AL14" s="328">
        <v>0</v>
      </c>
      <c r="AM14" s="326">
        <v>0</v>
      </c>
      <c r="AN14" s="327">
        <v>268906</v>
      </c>
      <c r="AO14" s="327">
        <v>897545</v>
      </c>
      <c r="AP14" s="327">
        <v>1521175</v>
      </c>
      <c r="AQ14" s="327">
        <v>3345339</v>
      </c>
      <c r="AR14" s="327">
        <v>6812010</v>
      </c>
      <c r="AS14" s="328">
        <v>12844975</v>
      </c>
      <c r="AT14" s="330">
        <v>12844975</v>
      </c>
      <c r="AU14" s="326">
        <v>1332691</v>
      </c>
      <c r="AV14" s="327">
        <v>2770706</v>
      </c>
      <c r="AW14" s="328">
        <v>4103397</v>
      </c>
      <c r="AX14" s="326">
        <v>0</v>
      </c>
      <c r="AY14" s="327">
        <v>11611318</v>
      </c>
      <c r="AZ14" s="327">
        <v>18074908</v>
      </c>
      <c r="BA14" s="327">
        <v>12394457</v>
      </c>
      <c r="BB14" s="327">
        <v>13298906</v>
      </c>
      <c r="BC14" s="327">
        <v>11967550</v>
      </c>
      <c r="BD14" s="328">
        <v>67347139</v>
      </c>
      <c r="BE14" s="330">
        <v>71450536</v>
      </c>
      <c r="BF14" s="326">
        <v>306236</v>
      </c>
      <c r="BG14" s="327">
        <v>810464</v>
      </c>
      <c r="BH14" s="331">
        <v>1116700</v>
      </c>
      <c r="BI14" s="332">
        <v>0</v>
      </c>
      <c r="BJ14" s="327">
        <v>1937821</v>
      </c>
      <c r="BK14" s="327">
        <v>3346636</v>
      </c>
      <c r="BL14" s="327">
        <v>1516108</v>
      </c>
      <c r="BM14" s="327">
        <v>1249356</v>
      </c>
      <c r="BN14" s="327">
        <v>821370</v>
      </c>
      <c r="BO14" s="328">
        <v>8871291</v>
      </c>
      <c r="BP14" s="330">
        <v>9987991</v>
      </c>
      <c r="BQ14" s="326">
        <v>968427</v>
      </c>
      <c r="BR14" s="327">
        <v>574061</v>
      </c>
      <c r="BS14" s="328">
        <v>1542488</v>
      </c>
      <c r="BT14" s="326">
        <v>0</v>
      </c>
      <c r="BU14" s="327">
        <v>7097302</v>
      </c>
      <c r="BV14" s="327">
        <v>8501356</v>
      </c>
      <c r="BW14" s="327">
        <v>8448266</v>
      </c>
      <c r="BX14" s="327">
        <v>7487696</v>
      </c>
      <c r="BY14" s="327">
        <v>6653800</v>
      </c>
      <c r="BZ14" s="328">
        <v>38188420</v>
      </c>
      <c r="CA14" s="330">
        <v>39730908</v>
      </c>
      <c r="CB14" s="326">
        <v>1559611</v>
      </c>
      <c r="CC14" s="327">
        <v>2753039</v>
      </c>
      <c r="CD14" s="328">
        <v>4312650</v>
      </c>
      <c r="CE14" s="326">
        <v>0</v>
      </c>
      <c r="CF14" s="327">
        <v>43751776</v>
      </c>
      <c r="CG14" s="327">
        <v>57560960</v>
      </c>
      <c r="CH14" s="327">
        <v>45943523</v>
      </c>
      <c r="CI14" s="327">
        <v>32969142</v>
      </c>
      <c r="CJ14" s="327">
        <v>17238380</v>
      </c>
      <c r="CK14" s="328">
        <v>197463781</v>
      </c>
      <c r="CL14" s="330">
        <v>201776431</v>
      </c>
      <c r="CM14" s="326">
        <v>0</v>
      </c>
      <c r="CN14" s="327">
        <v>0</v>
      </c>
      <c r="CO14" s="328">
        <v>0</v>
      </c>
      <c r="CP14" s="332">
        <v>0</v>
      </c>
      <c r="CQ14" s="327">
        <v>36245410</v>
      </c>
      <c r="CR14" s="327">
        <v>47043776</v>
      </c>
      <c r="CS14" s="327">
        <v>36955901</v>
      </c>
      <c r="CT14" s="327">
        <v>27160708</v>
      </c>
      <c r="CU14" s="327">
        <v>15358195</v>
      </c>
      <c r="CV14" s="328">
        <v>162763990</v>
      </c>
      <c r="CW14" s="330">
        <v>162763990</v>
      </c>
      <c r="CX14" s="326">
        <v>1559611</v>
      </c>
      <c r="CY14" s="327">
        <v>2753039</v>
      </c>
      <c r="CZ14" s="328">
        <v>4312650</v>
      </c>
      <c r="DA14" s="326">
        <v>0</v>
      </c>
      <c r="DB14" s="327">
        <v>7506366</v>
      </c>
      <c r="DC14" s="327">
        <v>10517184</v>
      </c>
      <c r="DD14" s="327">
        <v>8987622</v>
      </c>
      <c r="DE14" s="327">
        <v>5808434</v>
      </c>
      <c r="DF14" s="327">
        <v>1880185</v>
      </c>
      <c r="DG14" s="328">
        <v>34699791</v>
      </c>
      <c r="DH14" s="330">
        <v>39012441</v>
      </c>
      <c r="DI14" s="326">
        <v>175880</v>
      </c>
      <c r="DJ14" s="327">
        <v>558615</v>
      </c>
      <c r="DK14" s="331">
        <v>734495</v>
      </c>
      <c r="DL14" s="332">
        <v>0</v>
      </c>
      <c r="DM14" s="327">
        <v>5284859</v>
      </c>
      <c r="DN14" s="327">
        <v>12991099</v>
      </c>
      <c r="DO14" s="327">
        <v>22630251</v>
      </c>
      <c r="DP14" s="327">
        <v>20416233</v>
      </c>
      <c r="DQ14" s="327">
        <v>9554253</v>
      </c>
      <c r="DR14" s="328">
        <v>70876695</v>
      </c>
      <c r="DS14" s="330">
        <v>71611190</v>
      </c>
      <c r="DT14" s="326">
        <v>143579</v>
      </c>
      <c r="DU14" s="327">
        <v>558615</v>
      </c>
      <c r="DV14" s="328">
        <v>702194</v>
      </c>
      <c r="DW14" s="326">
        <v>0</v>
      </c>
      <c r="DX14" s="327">
        <v>5229278</v>
      </c>
      <c r="DY14" s="327">
        <v>12653225</v>
      </c>
      <c r="DZ14" s="327">
        <v>22109632</v>
      </c>
      <c r="EA14" s="327">
        <v>19717756</v>
      </c>
      <c r="EB14" s="327">
        <v>9461944</v>
      </c>
      <c r="EC14" s="328">
        <v>69171835</v>
      </c>
      <c r="ED14" s="330">
        <v>69874029</v>
      </c>
      <c r="EE14" s="326">
        <v>32301</v>
      </c>
      <c r="EF14" s="331">
        <v>0</v>
      </c>
      <c r="EG14" s="328">
        <v>32301</v>
      </c>
      <c r="EH14" s="326">
        <v>0</v>
      </c>
      <c r="EI14" s="327">
        <v>55581</v>
      </c>
      <c r="EJ14" s="327">
        <v>337874</v>
      </c>
      <c r="EK14" s="327">
        <v>520619</v>
      </c>
      <c r="EL14" s="327">
        <v>698477</v>
      </c>
      <c r="EM14" s="327">
        <v>92309</v>
      </c>
      <c r="EN14" s="331">
        <v>1704860</v>
      </c>
      <c r="EO14" s="330">
        <v>1737161</v>
      </c>
      <c r="EP14" s="326">
        <v>0</v>
      </c>
      <c r="EQ14" s="327">
        <v>0</v>
      </c>
      <c r="ER14" s="331">
        <v>0</v>
      </c>
      <c r="ES14" s="332">
        <v>0</v>
      </c>
      <c r="ET14" s="327">
        <v>0</v>
      </c>
      <c r="EU14" s="327">
        <v>0</v>
      </c>
      <c r="EV14" s="327">
        <v>0</v>
      </c>
      <c r="EW14" s="327">
        <v>0</v>
      </c>
      <c r="EX14" s="327">
        <v>0</v>
      </c>
      <c r="EY14" s="328">
        <v>0</v>
      </c>
      <c r="EZ14" s="330">
        <v>0</v>
      </c>
      <c r="FA14" s="326">
        <v>0</v>
      </c>
      <c r="FB14" s="327">
        <v>0</v>
      </c>
      <c r="FC14" s="331">
        <v>0</v>
      </c>
      <c r="FD14" s="332">
        <v>0</v>
      </c>
      <c r="FE14" s="327">
        <v>0</v>
      </c>
      <c r="FF14" s="327">
        <v>0</v>
      </c>
      <c r="FG14" s="327">
        <v>0</v>
      </c>
      <c r="FH14" s="327">
        <v>0</v>
      </c>
      <c r="FI14" s="327">
        <v>0</v>
      </c>
      <c r="FJ14" s="328">
        <v>0</v>
      </c>
      <c r="FK14" s="330">
        <v>0</v>
      </c>
      <c r="FL14" s="326">
        <v>4015494</v>
      </c>
      <c r="FM14" s="327">
        <v>5126625</v>
      </c>
      <c r="FN14" s="328">
        <v>9142119</v>
      </c>
      <c r="FO14" s="326">
        <v>0</v>
      </c>
      <c r="FP14" s="327">
        <v>10279142</v>
      </c>
      <c r="FQ14" s="327">
        <v>24389301</v>
      </c>
      <c r="FR14" s="327">
        <v>15557013</v>
      </c>
      <c r="FS14" s="327">
        <v>13302395</v>
      </c>
      <c r="FT14" s="327">
        <v>9824404</v>
      </c>
      <c r="FU14" s="328">
        <v>73352255</v>
      </c>
      <c r="FV14" s="330">
        <v>82494374</v>
      </c>
      <c r="FW14" s="333">
        <v>2517708</v>
      </c>
      <c r="FX14" s="327">
        <v>4159719</v>
      </c>
      <c r="FY14" s="331">
        <v>6677427</v>
      </c>
      <c r="FZ14" s="332">
        <v>0</v>
      </c>
      <c r="GA14" s="327">
        <v>7935635</v>
      </c>
      <c r="GB14" s="327">
        <v>21859763</v>
      </c>
      <c r="GC14" s="327">
        <v>14494224</v>
      </c>
      <c r="GD14" s="327">
        <v>12471200</v>
      </c>
      <c r="GE14" s="327">
        <v>9575673</v>
      </c>
      <c r="GF14" s="328">
        <v>66336495</v>
      </c>
      <c r="GG14" s="334">
        <v>73013922</v>
      </c>
      <c r="GH14" s="333">
        <v>180963</v>
      </c>
      <c r="GI14" s="327">
        <v>127929</v>
      </c>
      <c r="GJ14" s="331">
        <v>308892</v>
      </c>
      <c r="GK14" s="332">
        <v>0</v>
      </c>
      <c r="GL14" s="327">
        <v>743993</v>
      </c>
      <c r="GM14" s="327">
        <v>746326</v>
      </c>
      <c r="GN14" s="327">
        <v>448559</v>
      </c>
      <c r="GO14" s="327">
        <v>401684</v>
      </c>
      <c r="GP14" s="327">
        <v>126456</v>
      </c>
      <c r="GQ14" s="328">
        <v>2467018</v>
      </c>
      <c r="GR14" s="330">
        <v>2775910</v>
      </c>
      <c r="GS14" s="326">
        <v>1316823</v>
      </c>
      <c r="GT14" s="327">
        <v>838977</v>
      </c>
      <c r="GU14" s="328">
        <v>2155800</v>
      </c>
      <c r="GV14" s="326">
        <v>0</v>
      </c>
      <c r="GW14" s="327">
        <v>1599514</v>
      </c>
      <c r="GX14" s="327">
        <v>1783212</v>
      </c>
      <c r="GY14" s="327">
        <v>614230</v>
      </c>
      <c r="GZ14" s="327">
        <v>429511</v>
      </c>
      <c r="HA14" s="327">
        <v>122275</v>
      </c>
      <c r="HB14" s="331">
        <v>4548742</v>
      </c>
      <c r="HC14" s="330">
        <v>6704542</v>
      </c>
      <c r="HD14" s="326">
        <v>2858387</v>
      </c>
      <c r="HE14" s="327">
        <v>2377890</v>
      </c>
      <c r="HF14" s="331">
        <v>5236277</v>
      </c>
      <c r="HG14" s="332">
        <v>0</v>
      </c>
      <c r="HH14" s="327">
        <v>26425957</v>
      </c>
      <c r="HI14" s="327">
        <v>25348697</v>
      </c>
      <c r="HJ14" s="327">
        <v>25540437</v>
      </c>
      <c r="HK14" s="327">
        <v>29757658</v>
      </c>
      <c r="HL14" s="327">
        <v>20222447</v>
      </c>
      <c r="HM14" s="328">
        <v>127295196</v>
      </c>
      <c r="HN14" s="329">
        <v>132531473</v>
      </c>
      <c r="HO14" s="333">
        <v>2524833</v>
      </c>
      <c r="HP14" s="327">
        <v>3118701</v>
      </c>
      <c r="HQ14" s="328">
        <v>5643534</v>
      </c>
      <c r="HR14" s="326">
        <v>0</v>
      </c>
      <c r="HS14" s="327">
        <v>29640724</v>
      </c>
      <c r="HT14" s="327">
        <v>30319122</v>
      </c>
      <c r="HU14" s="327">
        <v>19456702</v>
      </c>
      <c r="HV14" s="327">
        <v>13335173</v>
      </c>
      <c r="HW14" s="327">
        <v>8354390</v>
      </c>
      <c r="HX14" s="331">
        <v>101106111</v>
      </c>
      <c r="HY14" s="330">
        <v>106749645</v>
      </c>
      <c r="HZ14" s="335">
        <v>590947</v>
      </c>
      <c r="IA14" s="336">
        <v>973678</v>
      </c>
      <c r="IB14" s="337">
        <v>1564625</v>
      </c>
      <c r="IC14" s="355">
        <v>0</v>
      </c>
      <c r="ID14" s="356">
        <v>56409056</v>
      </c>
      <c r="IE14" s="357">
        <v>71104768</v>
      </c>
      <c r="IF14" s="358">
        <v>71811132</v>
      </c>
      <c r="IG14" s="356">
        <v>52415573</v>
      </c>
      <c r="IH14" s="358">
        <v>33372885</v>
      </c>
      <c r="II14" s="359">
        <v>285113414</v>
      </c>
      <c r="IJ14" s="341">
        <v>286678039</v>
      </c>
      <c r="IK14" s="342">
        <v>0</v>
      </c>
      <c r="IL14" s="343">
        <v>0</v>
      </c>
      <c r="IM14" s="344">
        <v>0</v>
      </c>
      <c r="IN14" s="404">
        <v>0</v>
      </c>
      <c r="IO14" s="345">
        <v>654058</v>
      </c>
      <c r="IP14" s="345">
        <v>672003</v>
      </c>
      <c r="IQ14" s="345">
        <v>608141</v>
      </c>
      <c r="IR14" s="345">
        <v>1070525</v>
      </c>
      <c r="IS14" s="345">
        <v>586138</v>
      </c>
      <c r="IT14" s="346">
        <v>3590865</v>
      </c>
      <c r="IU14" s="347">
        <v>3590865</v>
      </c>
      <c r="IV14" s="348">
        <v>0</v>
      </c>
      <c r="IW14" s="345">
        <v>0</v>
      </c>
      <c r="IX14" s="349">
        <v>0</v>
      </c>
      <c r="IY14" s="413">
        <v>0</v>
      </c>
      <c r="IZ14" s="345">
        <v>38344</v>
      </c>
      <c r="JA14" s="345">
        <v>19172</v>
      </c>
      <c r="JB14" s="345">
        <v>0</v>
      </c>
      <c r="JC14" s="345">
        <v>97865</v>
      </c>
      <c r="JD14" s="345">
        <v>30614</v>
      </c>
      <c r="JE14" s="349">
        <v>185995</v>
      </c>
      <c r="JF14" s="350">
        <v>185995</v>
      </c>
      <c r="JG14" s="348">
        <v>0</v>
      </c>
      <c r="JH14" s="345">
        <v>0</v>
      </c>
      <c r="JI14" s="346">
        <v>0</v>
      </c>
      <c r="JJ14" s="351">
        <v>0</v>
      </c>
      <c r="JK14" s="345">
        <v>27102463</v>
      </c>
      <c r="JL14" s="345">
        <v>35898645</v>
      </c>
      <c r="JM14" s="345">
        <v>19403266</v>
      </c>
      <c r="JN14" s="345">
        <v>12495762</v>
      </c>
      <c r="JO14" s="345">
        <v>7499732</v>
      </c>
      <c r="JP14" s="349">
        <v>102399868</v>
      </c>
      <c r="JQ14" s="347">
        <v>102399868</v>
      </c>
      <c r="JR14" s="348">
        <v>0</v>
      </c>
      <c r="JS14" s="345">
        <v>0</v>
      </c>
      <c r="JT14" s="346">
        <v>0</v>
      </c>
      <c r="JU14" s="351">
        <v>0</v>
      </c>
      <c r="JV14" s="345">
        <v>593374</v>
      </c>
      <c r="JW14" s="345">
        <v>689785</v>
      </c>
      <c r="JX14" s="345">
        <v>1494202</v>
      </c>
      <c r="JY14" s="345">
        <v>1404513</v>
      </c>
      <c r="JZ14" s="345">
        <v>1115716</v>
      </c>
      <c r="KA14" s="349">
        <v>5297590</v>
      </c>
      <c r="KB14" s="347">
        <v>5297590</v>
      </c>
      <c r="KC14" s="352">
        <v>590947</v>
      </c>
      <c r="KD14" s="353">
        <v>973678</v>
      </c>
      <c r="KE14" s="349">
        <v>1564625</v>
      </c>
      <c r="KF14" s="351">
        <v>0</v>
      </c>
      <c r="KG14" s="345">
        <v>8168130</v>
      </c>
      <c r="KH14" s="345">
        <v>9771244</v>
      </c>
      <c r="KI14" s="345">
        <v>12297729</v>
      </c>
      <c r="KJ14" s="345">
        <v>6942800</v>
      </c>
      <c r="KK14" s="345">
        <v>4664176</v>
      </c>
      <c r="KL14" s="349">
        <v>41844079</v>
      </c>
      <c r="KM14" s="354">
        <v>43408704</v>
      </c>
      <c r="KN14" s="342">
        <v>0</v>
      </c>
      <c r="KO14" s="343">
        <v>0</v>
      </c>
      <c r="KP14" s="344">
        <v>0</v>
      </c>
      <c r="KQ14" s="413">
        <v>0</v>
      </c>
      <c r="KR14" s="345">
        <v>17600407</v>
      </c>
      <c r="KS14" s="345">
        <v>17945465</v>
      </c>
      <c r="KT14" s="345">
        <v>26766996</v>
      </c>
      <c r="KU14" s="345">
        <v>16662074</v>
      </c>
      <c r="KV14" s="345">
        <v>12489411</v>
      </c>
      <c r="KW14" s="349">
        <v>91464353</v>
      </c>
      <c r="KX14" s="347">
        <v>91464353</v>
      </c>
      <c r="KY14" s="348">
        <v>0</v>
      </c>
      <c r="KZ14" s="345">
        <v>0</v>
      </c>
      <c r="LA14" s="349">
        <v>0</v>
      </c>
      <c r="LB14" s="413">
        <v>0</v>
      </c>
      <c r="LC14" s="345">
        <v>180086</v>
      </c>
      <c r="LD14" s="345">
        <v>1733475</v>
      </c>
      <c r="LE14" s="345">
        <v>3210153</v>
      </c>
      <c r="LF14" s="345">
        <v>2510113</v>
      </c>
      <c r="LG14" s="345">
        <v>2634805</v>
      </c>
      <c r="LH14" s="349">
        <v>10268632</v>
      </c>
      <c r="LI14" s="350">
        <v>10268632</v>
      </c>
      <c r="LJ14" s="348">
        <v>0</v>
      </c>
      <c r="LK14" s="345">
        <v>0</v>
      </c>
      <c r="LL14" s="349">
        <v>0</v>
      </c>
      <c r="LM14" s="413">
        <v>0</v>
      </c>
      <c r="LN14" s="345">
        <v>0</v>
      </c>
      <c r="LO14" s="345">
        <v>249401</v>
      </c>
      <c r="LP14" s="345">
        <v>2755381</v>
      </c>
      <c r="LQ14" s="345">
        <v>7390421</v>
      </c>
      <c r="LR14" s="345">
        <v>1631698</v>
      </c>
      <c r="LS14" s="349">
        <v>12026901</v>
      </c>
      <c r="LT14" s="347">
        <v>12026901</v>
      </c>
      <c r="LU14" s="348">
        <v>0</v>
      </c>
      <c r="LV14" s="345">
        <v>0</v>
      </c>
      <c r="LW14" s="349">
        <v>0</v>
      </c>
      <c r="LX14" s="413">
        <v>0</v>
      </c>
      <c r="LY14" s="345">
        <v>2072194</v>
      </c>
      <c r="LZ14" s="345">
        <v>4125578</v>
      </c>
      <c r="MA14" s="345">
        <v>5275264</v>
      </c>
      <c r="MB14" s="345">
        <v>3841500</v>
      </c>
      <c r="MC14" s="345">
        <v>2720595</v>
      </c>
      <c r="MD14" s="349">
        <v>18035131</v>
      </c>
      <c r="ME14" s="350">
        <v>18035131</v>
      </c>
      <c r="MF14" s="348">
        <v>0</v>
      </c>
      <c r="MG14" s="345">
        <v>0</v>
      </c>
      <c r="MH14" s="349">
        <v>0</v>
      </c>
      <c r="MI14" s="413">
        <v>0</v>
      </c>
      <c r="MJ14" s="345">
        <v>14878030</v>
      </c>
      <c r="MK14" s="345">
        <v>40603148</v>
      </c>
      <c r="ML14" s="345">
        <v>161615383</v>
      </c>
      <c r="MM14" s="345">
        <v>187037667</v>
      </c>
      <c r="MN14" s="345">
        <v>113795012</v>
      </c>
      <c r="MO14" s="349">
        <v>517929240</v>
      </c>
      <c r="MP14" s="354">
        <v>517929240</v>
      </c>
      <c r="MQ14" s="348">
        <v>0</v>
      </c>
      <c r="MR14" s="345">
        <v>0</v>
      </c>
      <c r="MS14" s="349">
        <v>0</v>
      </c>
      <c r="MT14" s="413">
        <v>0</v>
      </c>
      <c r="MU14" s="345">
        <v>2471332</v>
      </c>
      <c r="MV14" s="345">
        <v>15509807</v>
      </c>
      <c r="MW14" s="345">
        <v>116115726</v>
      </c>
      <c r="MX14" s="345">
        <v>136482463</v>
      </c>
      <c r="MY14" s="345">
        <v>81542362</v>
      </c>
      <c r="MZ14" s="349">
        <v>352121690</v>
      </c>
      <c r="NA14" s="354">
        <v>352121690</v>
      </c>
      <c r="NB14" s="348">
        <v>0</v>
      </c>
      <c r="NC14" s="345">
        <v>0</v>
      </c>
      <c r="ND14" s="349">
        <v>0</v>
      </c>
      <c r="NE14" s="413">
        <v>0</v>
      </c>
      <c r="NF14" s="345">
        <v>12118548</v>
      </c>
      <c r="NG14" s="345">
        <v>25093341</v>
      </c>
      <c r="NH14" s="345">
        <v>45079681</v>
      </c>
      <c r="NI14" s="345">
        <v>47262244</v>
      </c>
      <c r="NJ14" s="345">
        <v>28839822</v>
      </c>
      <c r="NK14" s="349">
        <v>158393636</v>
      </c>
      <c r="NL14" s="347">
        <v>158393636</v>
      </c>
      <c r="NM14" s="348">
        <v>0</v>
      </c>
      <c r="NN14" s="345">
        <v>0</v>
      </c>
      <c r="NO14" s="349">
        <v>0</v>
      </c>
      <c r="NP14" s="413">
        <v>0</v>
      </c>
      <c r="NQ14" s="345">
        <v>0</v>
      </c>
      <c r="NR14" s="345">
        <v>0</v>
      </c>
      <c r="NS14" s="345">
        <v>0</v>
      </c>
      <c r="NT14" s="345">
        <v>0</v>
      </c>
      <c r="NU14" s="345">
        <v>0</v>
      </c>
      <c r="NV14" s="349">
        <v>0</v>
      </c>
      <c r="NW14" s="350">
        <v>0</v>
      </c>
      <c r="NX14" s="348">
        <v>0</v>
      </c>
      <c r="NY14" s="345">
        <v>0</v>
      </c>
      <c r="NZ14" s="349">
        <v>0</v>
      </c>
      <c r="OA14" s="413">
        <v>0</v>
      </c>
      <c r="OB14" s="345">
        <v>288150</v>
      </c>
      <c r="OC14" s="345">
        <v>0</v>
      </c>
      <c r="OD14" s="345">
        <v>419976</v>
      </c>
      <c r="OE14" s="345">
        <v>3292960</v>
      </c>
      <c r="OF14" s="345">
        <v>3412828</v>
      </c>
      <c r="OG14" s="349">
        <v>7413914</v>
      </c>
      <c r="OH14" s="350">
        <v>7413914</v>
      </c>
      <c r="OI14" s="348">
        <v>14332506</v>
      </c>
      <c r="OJ14" s="345">
        <v>19063779</v>
      </c>
      <c r="OK14" s="346">
        <v>33396285</v>
      </c>
      <c r="OL14" s="351">
        <v>0</v>
      </c>
      <c r="OM14" s="345">
        <v>228134495</v>
      </c>
      <c r="ON14" s="345">
        <v>332492950</v>
      </c>
      <c r="OO14" s="345">
        <v>428798105</v>
      </c>
      <c r="OP14" s="345">
        <v>419007015</v>
      </c>
      <c r="OQ14" s="345">
        <v>294180094</v>
      </c>
      <c r="OR14" s="349">
        <v>1702612659</v>
      </c>
      <c r="OS14" s="354">
        <v>1736008944</v>
      </c>
    </row>
    <row r="15" spans="1:409" s="70" customFormat="1" ht="21" customHeight="1" x14ac:dyDescent="0.2">
      <c r="B15" s="410" t="s">
        <v>9</v>
      </c>
      <c r="C15" s="326">
        <v>13162235</v>
      </c>
      <c r="D15" s="327">
        <v>15895482</v>
      </c>
      <c r="E15" s="328">
        <v>29057717</v>
      </c>
      <c r="F15" s="332">
        <v>0</v>
      </c>
      <c r="G15" s="327">
        <v>156735453</v>
      </c>
      <c r="H15" s="327">
        <v>161987506</v>
      </c>
      <c r="I15" s="327">
        <v>165216503</v>
      </c>
      <c r="J15" s="327">
        <v>173476640</v>
      </c>
      <c r="K15" s="327">
        <v>136203017</v>
      </c>
      <c r="L15" s="329">
        <v>793619119</v>
      </c>
      <c r="M15" s="330">
        <v>822676836</v>
      </c>
      <c r="N15" s="326">
        <v>2823764</v>
      </c>
      <c r="O15" s="327">
        <v>3682643</v>
      </c>
      <c r="P15" s="328">
        <v>6506407</v>
      </c>
      <c r="Q15" s="326">
        <v>0</v>
      </c>
      <c r="R15" s="327">
        <v>45267934</v>
      </c>
      <c r="S15" s="327">
        <v>54225160</v>
      </c>
      <c r="T15" s="327">
        <v>60063704</v>
      </c>
      <c r="U15" s="327">
        <v>74634848</v>
      </c>
      <c r="V15" s="327">
        <v>73297304</v>
      </c>
      <c r="W15" s="328">
        <v>307488950</v>
      </c>
      <c r="X15" s="330">
        <v>313995357</v>
      </c>
      <c r="Y15" s="326">
        <v>0</v>
      </c>
      <c r="Z15" s="327">
        <v>0</v>
      </c>
      <c r="AA15" s="328">
        <v>0</v>
      </c>
      <c r="AB15" s="326">
        <v>0</v>
      </c>
      <c r="AC15" s="327">
        <v>21058956</v>
      </c>
      <c r="AD15" s="327">
        <v>27205655</v>
      </c>
      <c r="AE15" s="327">
        <v>37565525</v>
      </c>
      <c r="AF15" s="327">
        <v>47253382</v>
      </c>
      <c r="AG15" s="327">
        <v>45118126</v>
      </c>
      <c r="AH15" s="328">
        <v>178201644</v>
      </c>
      <c r="AI15" s="330">
        <v>178201644</v>
      </c>
      <c r="AJ15" s="326">
        <v>0</v>
      </c>
      <c r="AK15" s="327">
        <v>0</v>
      </c>
      <c r="AL15" s="328">
        <v>0</v>
      </c>
      <c r="AM15" s="326">
        <v>0</v>
      </c>
      <c r="AN15" s="327">
        <v>55257</v>
      </c>
      <c r="AO15" s="327">
        <v>416699</v>
      </c>
      <c r="AP15" s="327">
        <v>1157153</v>
      </c>
      <c r="AQ15" s="327">
        <v>3203508</v>
      </c>
      <c r="AR15" s="327">
        <v>6851951</v>
      </c>
      <c r="AS15" s="328">
        <v>11684568</v>
      </c>
      <c r="AT15" s="330">
        <v>11684568</v>
      </c>
      <c r="AU15" s="326">
        <v>1665980</v>
      </c>
      <c r="AV15" s="327">
        <v>2732465</v>
      </c>
      <c r="AW15" s="328">
        <v>4398445</v>
      </c>
      <c r="AX15" s="326">
        <v>0</v>
      </c>
      <c r="AY15" s="327">
        <v>15291042</v>
      </c>
      <c r="AZ15" s="327">
        <v>16863460</v>
      </c>
      <c r="BA15" s="327">
        <v>11901908</v>
      </c>
      <c r="BB15" s="327">
        <v>14076752</v>
      </c>
      <c r="BC15" s="327">
        <v>13382046</v>
      </c>
      <c r="BD15" s="328">
        <v>71515208</v>
      </c>
      <c r="BE15" s="330">
        <v>75913653</v>
      </c>
      <c r="BF15" s="326">
        <v>23332</v>
      </c>
      <c r="BG15" s="327">
        <v>247570</v>
      </c>
      <c r="BH15" s="331">
        <v>270902</v>
      </c>
      <c r="BI15" s="332">
        <v>0</v>
      </c>
      <c r="BJ15" s="327">
        <v>1207041</v>
      </c>
      <c r="BK15" s="327">
        <v>1691236</v>
      </c>
      <c r="BL15" s="327">
        <v>998068</v>
      </c>
      <c r="BM15" s="327">
        <v>1019886</v>
      </c>
      <c r="BN15" s="327">
        <v>1009228</v>
      </c>
      <c r="BO15" s="328">
        <v>5925459</v>
      </c>
      <c r="BP15" s="330">
        <v>6196361</v>
      </c>
      <c r="BQ15" s="326">
        <v>1134452</v>
      </c>
      <c r="BR15" s="327">
        <v>702608</v>
      </c>
      <c r="BS15" s="328">
        <v>1837060</v>
      </c>
      <c r="BT15" s="326">
        <v>0</v>
      </c>
      <c r="BU15" s="327">
        <v>7655638</v>
      </c>
      <c r="BV15" s="327">
        <v>8048110</v>
      </c>
      <c r="BW15" s="327">
        <v>8441050</v>
      </c>
      <c r="BX15" s="327">
        <v>9081320</v>
      </c>
      <c r="BY15" s="327">
        <v>6935953</v>
      </c>
      <c r="BZ15" s="328">
        <v>40162071</v>
      </c>
      <c r="CA15" s="330">
        <v>41999131</v>
      </c>
      <c r="CB15" s="326">
        <v>1228264</v>
      </c>
      <c r="CC15" s="327">
        <v>3230445</v>
      </c>
      <c r="CD15" s="328">
        <v>4458709</v>
      </c>
      <c r="CE15" s="326">
        <v>0</v>
      </c>
      <c r="CF15" s="327">
        <v>35157037</v>
      </c>
      <c r="CG15" s="327">
        <v>33228379</v>
      </c>
      <c r="CH15" s="327">
        <v>31507051</v>
      </c>
      <c r="CI15" s="327">
        <v>20902462</v>
      </c>
      <c r="CJ15" s="327">
        <v>8237364</v>
      </c>
      <c r="CK15" s="328">
        <v>129032293</v>
      </c>
      <c r="CL15" s="330">
        <v>133491002</v>
      </c>
      <c r="CM15" s="326">
        <v>0</v>
      </c>
      <c r="CN15" s="327">
        <v>0</v>
      </c>
      <c r="CO15" s="328">
        <v>0</v>
      </c>
      <c r="CP15" s="332">
        <v>0</v>
      </c>
      <c r="CQ15" s="327">
        <v>28728200</v>
      </c>
      <c r="CR15" s="327">
        <v>25704280</v>
      </c>
      <c r="CS15" s="327">
        <v>24778246</v>
      </c>
      <c r="CT15" s="327">
        <v>14957759</v>
      </c>
      <c r="CU15" s="327">
        <v>6370649</v>
      </c>
      <c r="CV15" s="328">
        <v>100539134</v>
      </c>
      <c r="CW15" s="330">
        <v>100539134</v>
      </c>
      <c r="CX15" s="326">
        <v>1228264</v>
      </c>
      <c r="CY15" s="327">
        <v>3230445</v>
      </c>
      <c r="CZ15" s="328">
        <v>4458709</v>
      </c>
      <c r="DA15" s="326">
        <v>0</v>
      </c>
      <c r="DB15" s="327">
        <v>6428837</v>
      </c>
      <c r="DC15" s="327">
        <v>7524099</v>
      </c>
      <c r="DD15" s="327">
        <v>6728805</v>
      </c>
      <c r="DE15" s="327">
        <v>5944703</v>
      </c>
      <c r="DF15" s="327">
        <v>1866715</v>
      </c>
      <c r="DG15" s="328">
        <v>28493159</v>
      </c>
      <c r="DH15" s="330">
        <v>32951868</v>
      </c>
      <c r="DI15" s="326">
        <v>111849</v>
      </c>
      <c r="DJ15" s="327">
        <v>104863</v>
      </c>
      <c r="DK15" s="331">
        <v>216712</v>
      </c>
      <c r="DL15" s="332">
        <v>0</v>
      </c>
      <c r="DM15" s="327">
        <v>4511382</v>
      </c>
      <c r="DN15" s="327">
        <v>9162407</v>
      </c>
      <c r="DO15" s="327">
        <v>14100845</v>
      </c>
      <c r="DP15" s="327">
        <v>13614092</v>
      </c>
      <c r="DQ15" s="327">
        <v>7690085</v>
      </c>
      <c r="DR15" s="328">
        <v>49078811</v>
      </c>
      <c r="DS15" s="330">
        <v>49295523</v>
      </c>
      <c r="DT15" s="326">
        <v>111849</v>
      </c>
      <c r="DU15" s="327">
        <v>104863</v>
      </c>
      <c r="DV15" s="328">
        <v>216712</v>
      </c>
      <c r="DW15" s="326">
        <v>0</v>
      </c>
      <c r="DX15" s="327">
        <v>3781862</v>
      </c>
      <c r="DY15" s="327">
        <v>8138390</v>
      </c>
      <c r="DZ15" s="327">
        <v>12191397</v>
      </c>
      <c r="EA15" s="327">
        <v>12292939</v>
      </c>
      <c r="EB15" s="327">
        <v>6095905</v>
      </c>
      <c r="EC15" s="328">
        <v>42500493</v>
      </c>
      <c r="ED15" s="330">
        <v>42717205</v>
      </c>
      <c r="EE15" s="326">
        <v>0</v>
      </c>
      <c r="EF15" s="331">
        <v>0</v>
      </c>
      <c r="EG15" s="328">
        <v>0</v>
      </c>
      <c r="EH15" s="326">
        <v>0</v>
      </c>
      <c r="EI15" s="327">
        <v>729520</v>
      </c>
      <c r="EJ15" s="327">
        <v>1024017</v>
      </c>
      <c r="EK15" s="327">
        <v>1909448</v>
      </c>
      <c r="EL15" s="327">
        <v>1321153</v>
      </c>
      <c r="EM15" s="327">
        <v>1594180</v>
      </c>
      <c r="EN15" s="331">
        <v>6578318</v>
      </c>
      <c r="EO15" s="330">
        <v>6578318</v>
      </c>
      <c r="EP15" s="326">
        <v>0</v>
      </c>
      <c r="EQ15" s="327">
        <v>0</v>
      </c>
      <c r="ER15" s="331">
        <v>0</v>
      </c>
      <c r="ES15" s="332">
        <v>0</v>
      </c>
      <c r="ET15" s="327">
        <v>0</v>
      </c>
      <c r="EU15" s="327">
        <v>0</v>
      </c>
      <c r="EV15" s="327">
        <v>0</v>
      </c>
      <c r="EW15" s="327">
        <v>0</v>
      </c>
      <c r="EX15" s="327">
        <v>0</v>
      </c>
      <c r="EY15" s="328">
        <v>0</v>
      </c>
      <c r="EZ15" s="330">
        <v>0</v>
      </c>
      <c r="FA15" s="326">
        <v>0</v>
      </c>
      <c r="FB15" s="327">
        <v>0</v>
      </c>
      <c r="FC15" s="331">
        <v>0</v>
      </c>
      <c r="FD15" s="332">
        <v>0</v>
      </c>
      <c r="FE15" s="327">
        <v>0</v>
      </c>
      <c r="FF15" s="327">
        <v>0</v>
      </c>
      <c r="FG15" s="327">
        <v>0</v>
      </c>
      <c r="FH15" s="327">
        <v>0</v>
      </c>
      <c r="FI15" s="327">
        <v>0</v>
      </c>
      <c r="FJ15" s="328">
        <v>0</v>
      </c>
      <c r="FK15" s="330">
        <v>0</v>
      </c>
      <c r="FL15" s="326">
        <v>3214973</v>
      </c>
      <c r="FM15" s="327">
        <v>3950871</v>
      </c>
      <c r="FN15" s="328">
        <v>7165844</v>
      </c>
      <c r="FO15" s="326">
        <v>0</v>
      </c>
      <c r="FP15" s="327">
        <v>9204135</v>
      </c>
      <c r="FQ15" s="327">
        <v>14265962</v>
      </c>
      <c r="FR15" s="327">
        <v>11525601</v>
      </c>
      <c r="FS15" s="327">
        <v>11654237</v>
      </c>
      <c r="FT15" s="327">
        <v>8879673</v>
      </c>
      <c r="FU15" s="328">
        <v>55529608</v>
      </c>
      <c r="FV15" s="330">
        <v>62695452</v>
      </c>
      <c r="FW15" s="333">
        <v>2017888</v>
      </c>
      <c r="FX15" s="327">
        <v>2683711</v>
      </c>
      <c r="FY15" s="331">
        <v>4701599</v>
      </c>
      <c r="FZ15" s="332">
        <v>0</v>
      </c>
      <c r="GA15" s="327">
        <v>7931498</v>
      </c>
      <c r="GB15" s="327">
        <v>12855032</v>
      </c>
      <c r="GC15" s="327">
        <v>10665439</v>
      </c>
      <c r="GD15" s="327">
        <v>10962131</v>
      </c>
      <c r="GE15" s="327">
        <v>8760903</v>
      </c>
      <c r="GF15" s="328">
        <v>51175003</v>
      </c>
      <c r="GG15" s="334">
        <v>55876602</v>
      </c>
      <c r="GH15" s="333">
        <v>227645</v>
      </c>
      <c r="GI15" s="327">
        <v>295296</v>
      </c>
      <c r="GJ15" s="331">
        <v>522941</v>
      </c>
      <c r="GK15" s="332">
        <v>0</v>
      </c>
      <c r="GL15" s="327">
        <v>182754</v>
      </c>
      <c r="GM15" s="327">
        <v>397345</v>
      </c>
      <c r="GN15" s="327">
        <v>418414</v>
      </c>
      <c r="GO15" s="327">
        <v>114486</v>
      </c>
      <c r="GP15" s="327">
        <v>55770</v>
      </c>
      <c r="GQ15" s="328">
        <v>1168769</v>
      </c>
      <c r="GR15" s="330">
        <v>1691710</v>
      </c>
      <c r="GS15" s="326">
        <v>969440</v>
      </c>
      <c r="GT15" s="327">
        <v>971864</v>
      </c>
      <c r="GU15" s="328">
        <v>1941304</v>
      </c>
      <c r="GV15" s="326">
        <v>0</v>
      </c>
      <c r="GW15" s="327">
        <v>1089883</v>
      </c>
      <c r="GX15" s="327">
        <v>1013585</v>
      </c>
      <c r="GY15" s="327">
        <v>441748</v>
      </c>
      <c r="GZ15" s="327">
        <v>577620</v>
      </c>
      <c r="HA15" s="327">
        <v>63000</v>
      </c>
      <c r="HB15" s="331">
        <v>3185836</v>
      </c>
      <c r="HC15" s="330">
        <v>5127140</v>
      </c>
      <c r="HD15" s="326">
        <v>3434797</v>
      </c>
      <c r="HE15" s="327">
        <v>2130372</v>
      </c>
      <c r="HF15" s="331">
        <v>5565169</v>
      </c>
      <c r="HG15" s="332">
        <v>0</v>
      </c>
      <c r="HH15" s="327">
        <v>35915595</v>
      </c>
      <c r="HI15" s="327">
        <v>31363290</v>
      </c>
      <c r="HJ15" s="327">
        <v>33410180</v>
      </c>
      <c r="HK15" s="327">
        <v>41353056</v>
      </c>
      <c r="HL15" s="327">
        <v>31037050</v>
      </c>
      <c r="HM15" s="328">
        <v>173079171</v>
      </c>
      <c r="HN15" s="329">
        <v>178644340</v>
      </c>
      <c r="HO15" s="333">
        <v>2348588</v>
      </c>
      <c r="HP15" s="327">
        <v>2796288</v>
      </c>
      <c r="HQ15" s="328">
        <v>5144876</v>
      </c>
      <c r="HR15" s="326">
        <v>0</v>
      </c>
      <c r="HS15" s="327">
        <v>26679370</v>
      </c>
      <c r="HT15" s="327">
        <v>19742308</v>
      </c>
      <c r="HU15" s="327">
        <v>14609122</v>
      </c>
      <c r="HV15" s="327">
        <v>11317945</v>
      </c>
      <c r="HW15" s="327">
        <v>7061541</v>
      </c>
      <c r="HX15" s="331">
        <v>79410286</v>
      </c>
      <c r="HY15" s="330">
        <v>84555162</v>
      </c>
      <c r="HZ15" s="360">
        <v>178602</v>
      </c>
      <c r="IA15" s="361">
        <v>174107</v>
      </c>
      <c r="IB15" s="362">
        <v>352709</v>
      </c>
      <c r="IC15" s="338">
        <v>0</v>
      </c>
      <c r="ID15" s="336">
        <v>36636158</v>
      </c>
      <c r="IE15" s="339">
        <v>43743107</v>
      </c>
      <c r="IF15" s="337">
        <v>50506892</v>
      </c>
      <c r="IG15" s="336">
        <v>43327672</v>
      </c>
      <c r="IH15" s="337">
        <v>27387455</v>
      </c>
      <c r="II15" s="340">
        <v>201601284</v>
      </c>
      <c r="IJ15" s="363">
        <v>201953993</v>
      </c>
      <c r="IK15" s="342">
        <v>0</v>
      </c>
      <c r="IL15" s="343">
        <v>0</v>
      </c>
      <c r="IM15" s="344">
        <v>0</v>
      </c>
      <c r="IN15" s="404">
        <v>0</v>
      </c>
      <c r="IO15" s="345">
        <v>0</v>
      </c>
      <c r="IP15" s="345">
        <v>379705</v>
      </c>
      <c r="IQ15" s="345">
        <v>556051</v>
      </c>
      <c r="IR15" s="345">
        <v>1461526</v>
      </c>
      <c r="IS15" s="345">
        <v>1314247</v>
      </c>
      <c r="IT15" s="346">
        <v>3711529</v>
      </c>
      <c r="IU15" s="347">
        <v>3711529</v>
      </c>
      <c r="IV15" s="348">
        <v>0</v>
      </c>
      <c r="IW15" s="345">
        <v>0</v>
      </c>
      <c r="IX15" s="349">
        <v>0</v>
      </c>
      <c r="IY15" s="413">
        <v>0</v>
      </c>
      <c r="IZ15" s="345">
        <v>0</v>
      </c>
      <c r="JA15" s="345">
        <v>0</v>
      </c>
      <c r="JB15" s="345">
        <v>0</v>
      </c>
      <c r="JC15" s="345">
        <v>0</v>
      </c>
      <c r="JD15" s="345">
        <v>0</v>
      </c>
      <c r="JE15" s="349">
        <v>0</v>
      </c>
      <c r="JF15" s="350">
        <v>0</v>
      </c>
      <c r="JG15" s="348">
        <v>0</v>
      </c>
      <c r="JH15" s="345">
        <v>0</v>
      </c>
      <c r="JI15" s="346">
        <v>0</v>
      </c>
      <c r="JJ15" s="351">
        <v>0</v>
      </c>
      <c r="JK15" s="345">
        <v>18352020</v>
      </c>
      <c r="JL15" s="345">
        <v>16598062</v>
      </c>
      <c r="JM15" s="345">
        <v>12967722</v>
      </c>
      <c r="JN15" s="345">
        <v>10626725</v>
      </c>
      <c r="JO15" s="345">
        <v>6508117</v>
      </c>
      <c r="JP15" s="349">
        <v>65052646</v>
      </c>
      <c r="JQ15" s="347">
        <v>65052646</v>
      </c>
      <c r="JR15" s="348">
        <v>0</v>
      </c>
      <c r="JS15" s="345">
        <v>0</v>
      </c>
      <c r="JT15" s="346">
        <v>0</v>
      </c>
      <c r="JU15" s="351">
        <v>0</v>
      </c>
      <c r="JV15" s="345">
        <v>659544</v>
      </c>
      <c r="JW15" s="345">
        <v>914668</v>
      </c>
      <c r="JX15" s="345">
        <v>1092469</v>
      </c>
      <c r="JY15" s="345">
        <v>0</v>
      </c>
      <c r="JZ15" s="345">
        <v>514517</v>
      </c>
      <c r="KA15" s="349">
        <v>3181198</v>
      </c>
      <c r="KB15" s="347">
        <v>3181198</v>
      </c>
      <c r="KC15" s="352">
        <v>178602</v>
      </c>
      <c r="KD15" s="353">
        <v>174107</v>
      </c>
      <c r="KE15" s="349">
        <v>352709</v>
      </c>
      <c r="KF15" s="351">
        <v>0</v>
      </c>
      <c r="KG15" s="345">
        <v>5420647</v>
      </c>
      <c r="KH15" s="345">
        <v>7222565</v>
      </c>
      <c r="KI15" s="345">
        <v>6416841</v>
      </c>
      <c r="KJ15" s="345">
        <v>5897237</v>
      </c>
      <c r="KK15" s="345">
        <v>4099124</v>
      </c>
      <c r="KL15" s="349">
        <v>29056414</v>
      </c>
      <c r="KM15" s="354">
        <v>29409123</v>
      </c>
      <c r="KN15" s="342">
        <v>0</v>
      </c>
      <c r="KO15" s="343">
        <v>0</v>
      </c>
      <c r="KP15" s="344">
        <v>0</v>
      </c>
      <c r="KQ15" s="413">
        <v>0</v>
      </c>
      <c r="KR15" s="345">
        <v>10893112</v>
      </c>
      <c r="KS15" s="345">
        <v>16459249</v>
      </c>
      <c r="KT15" s="345">
        <v>25806111</v>
      </c>
      <c r="KU15" s="345">
        <v>21035148</v>
      </c>
      <c r="KV15" s="345">
        <v>9026431</v>
      </c>
      <c r="KW15" s="349">
        <v>83220051</v>
      </c>
      <c r="KX15" s="347">
        <v>83220051</v>
      </c>
      <c r="KY15" s="348">
        <v>0</v>
      </c>
      <c r="KZ15" s="345">
        <v>0</v>
      </c>
      <c r="LA15" s="349">
        <v>0</v>
      </c>
      <c r="LB15" s="413">
        <v>0</v>
      </c>
      <c r="LC15" s="345">
        <v>350662</v>
      </c>
      <c r="LD15" s="345">
        <v>765674</v>
      </c>
      <c r="LE15" s="345">
        <v>1343686</v>
      </c>
      <c r="LF15" s="345">
        <v>2034360</v>
      </c>
      <c r="LG15" s="345">
        <v>1049051</v>
      </c>
      <c r="LH15" s="349">
        <v>5543433</v>
      </c>
      <c r="LI15" s="350">
        <v>5543433</v>
      </c>
      <c r="LJ15" s="348">
        <v>0</v>
      </c>
      <c r="LK15" s="345">
        <v>0</v>
      </c>
      <c r="LL15" s="349">
        <v>0</v>
      </c>
      <c r="LM15" s="413">
        <v>0</v>
      </c>
      <c r="LN15" s="345">
        <v>0</v>
      </c>
      <c r="LO15" s="345">
        <v>0</v>
      </c>
      <c r="LP15" s="345">
        <v>0</v>
      </c>
      <c r="LQ15" s="345">
        <v>0</v>
      </c>
      <c r="LR15" s="345">
        <v>370945</v>
      </c>
      <c r="LS15" s="349">
        <v>370945</v>
      </c>
      <c r="LT15" s="347">
        <v>370945</v>
      </c>
      <c r="LU15" s="348">
        <v>0</v>
      </c>
      <c r="LV15" s="345">
        <v>0</v>
      </c>
      <c r="LW15" s="349">
        <v>0</v>
      </c>
      <c r="LX15" s="413">
        <v>0</v>
      </c>
      <c r="LY15" s="345">
        <v>960173</v>
      </c>
      <c r="LZ15" s="345">
        <v>1403184</v>
      </c>
      <c r="MA15" s="345">
        <v>2324012</v>
      </c>
      <c r="MB15" s="345">
        <v>2272676</v>
      </c>
      <c r="MC15" s="345">
        <v>4505023</v>
      </c>
      <c r="MD15" s="349">
        <v>11465068</v>
      </c>
      <c r="ME15" s="350">
        <v>11465068</v>
      </c>
      <c r="MF15" s="348">
        <v>0</v>
      </c>
      <c r="MG15" s="345">
        <v>0</v>
      </c>
      <c r="MH15" s="349">
        <v>0</v>
      </c>
      <c r="MI15" s="413">
        <v>0</v>
      </c>
      <c r="MJ15" s="345">
        <v>10543484</v>
      </c>
      <c r="MK15" s="345">
        <v>17496305</v>
      </c>
      <c r="ML15" s="345">
        <v>88542236</v>
      </c>
      <c r="MM15" s="345">
        <v>136112660</v>
      </c>
      <c r="MN15" s="345">
        <v>116086877</v>
      </c>
      <c r="MO15" s="349">
        <v>368781562</v>
      </c>
      <c r="MP15" s="354">
        <v>368781562</v>
      </c>
      <c r="MQ15" s="348">
        <v>0</v>
      </c>
      <c r="MR15" s="345">
        <v>0</v>
      </c>
      <c r="MS15" s="349">
        <v>0</v>
      </c>
      <c r="MT15" s="413">
        <v>0</v>
      </c>
      <c r="MU15" s="345">
        <v>515802</v>
      </c>
      <c r="MV15" s="345">
        <v>1546990</v>
      </c>
      <c r="MW15" s="345">
        <v>55987646</v>
      </c>
      <c r="MX15" s="345">
        <v>102203604</v>
      </c>
      <c r="MY15" s="345">
        <v>86538515</v>
      </c>
      <c r="MZ15" s="349">
        <v>246792557</v>
      </c>
      <c r="NA15" s="354">
        <v>246792557</v>
      </c>
      <c r="NB15" s="348">
        <v>0</v>
      </c>
      <c r="NC15" s="345">
        <v>0</v>
      </c>
      <c r="ND15" s="349">
        <v>0</v>
      </c>
      <c r="NE15" s="413">
        <v>0</v>
      </c>
      <c r="NF15" s="345">
        <v>10027682</v>
      </c>
      <c r="NG15" s="345">
        <v>15949315</v>
      </c>
      <c r="NH15" s="345">
        <v>32554590</v>
      </c>
      <c r="NI15" s="345">
        <v>34260483</v>
      </c>
      <c r="NJ15" s="345">
        <v>25901774</v>
      </c>
      <c r="NK15" s="349">
        <v>118693844</v>
      </c>
      <c r="NL15" s="347">
        <v>118693844</v>
      </c>
      <c r="NM15" s="348">
        <v>0</v>
      </c>
      <c r="NN15" s="345">
        <v>0</v>
      </c>
      <c r="NO15" s="349">
        <v>0</v>
      </c>
      <c r="NP15" s="413">
        <v>0</v>
      </c>
      <c r="NQ15" s="345">
        <v>0</v>
      </c>
      <c r="NR15" s="345">
        <v>0</v>
      </c>
      <c r="NS15" s="345">
        <v>0</v>
      </c>
      <c r="NT15" s="345">
        <v>0</v>
      </c>
      <c r="NU15" s="345">
        <v>0</v>
      </c>
      <c r="NV15" s="349">
        <v>0</v>
      </c>
      <c r="NW15" s="350">
        <v>0</v>
      </c>
      <c r="NX15" s="348">
        <v>0</v>
      </c>
      <c r="NY15" s="345">
        <v>0</v>
      </c>
      <c r="NZ15" s="349">
        <v>0</v>
      </c>
      <c r="OA15" s="413">
        <v>0</v>
      </c>
      <c r="OB15" s="345">
        <v>0</v>
      </c>
      <c r="OC15" s="345">
        <v>0</v>
      </c>
      <c r="OD15" s="345">
        <v>0</v>
      </c>
      <c r="OE15" s="345">
        <v>-351427</v>
      </c>
      <c r="OF15" s="345">
        <v>3646588</v>
      </c>
      <c r="OG15" s="349">
        <v>3295161</v>
      </c>
      <c r="OH15" s="350">
        <v>3295161</v>
      </c>
      <c r="OI15" s="348">
        <v>13340837</v>
      </c>
      <c r="OJ15" s="345">
        <v>16069589</v>
      </c>
      <c r="OK15" s="346">
        <v>29410426</v>
      </c>
      <c r="OL15" s="351">
        <v>0</v>
      </c>
      <c r="OM15" s="345">
        <v>203915095</v>
      </c>
      <c r="ON15" s="345">
        <v>223226918</v>
      </c>
      <c r="OO15" s="345">
        <v>304265631</v>
      </c>
      <c r="OP15" s="345">
        <v>352916972</v>
      </c>
      <c r="OQ15" s="345">
        <v>279677349</v>
      </c>
      <c r="OR15" s="349">
        <v>1364001965</v>
      </c>
      <c r="OS15" s="354">
        <v>1393412391</v>
      </c>
    </row>
    <row r="16" spans="1:409" s="70" customFormat="1" ht="21" customHeight="1" x14ac:dyDescent="0.2">
      <c r="B16" s="410" t="s">
        <v>10</v>
      </c>
      <c r="C16" s="326">
        <v>27431341</v>
      </c>
      <c r="D16" s="327">
        <v>42074160</v>
      </c>
      <c r="E16" s="328">
        <v>69505501</v>
      </c>
      <c r="F16" s="364">
        <v>0</v>
      </c>
      <c r="G16" s="327">
        <v>365688343</v>
      </c>
      <c r="H16" s="327">
        <v>299503531</v>
      </c>
      <c r="I16" s="327">
        <v>270137973</v>
      </c>
      <c r="J16" s="327">
        <v>276192529</v>
      </c>
      <c r="K16" s="327">
        <v>211442625</v>
      </c>
      <c r="L16" s="329">
        <v>1422965001</v>
      </c>
      <c r="M16" s="330">
        <v>1492470502</v>
      </c>
      <c r="N16" s="326">
        <v>6861542</v>
      </c>
      <c r="O16" s="327">
        <v>13156732</v>
      </c>
      <c r="P16" s="328">
        <v>20018274</v>
      </c>
      <c r="Q16" s="326">
        <v>0</v>
      </c>
      <c r="R16" s="327">
        <v>112805883</v>
      </c>
      <c r="S16" s="327">
        <v>100241729</v>
      </c>
      <c r="T16" s="327">
        <v>101449817</v>
      </c>
      <c r="U16" s="327">
        <v>130275143</v>
      </c>
      <c r="V16" s="327">
        <v>117707943</v>
      </c>
      <c r="W16" s="328">
        <v>562480515</v>
      </c>
      <c r="X16" s="330">
        <v>582498789</v>
      </c>
      <c r="Y16" s="326">
        <v>0</v>
      </c>
      <c r="Z16" s="327">
        <v>0</v>
      </c>
      <c r="AA16" s="328">
        <v>0</v>
      </c>
      <c r="AB16" s="326">
        <v>0</v>
      </c>
      <c r="AC16" s="327">
        <v>52843650</v>
      </c>
      <c r="AD16" s="327">
        <v>52714665</v>
      </c>
      <c r="AE16" s="327">
        <v>64807091</v>
      </c>
      <c r="AF16" s="327">
        <v>89019477</v>
      </c>
      <c r="AG16" s="327">
        <v>72548145</v>
      </c>
      <c r="AH16" s="328">
        <v>331933028</v>
      </c>
      <c r="AI16" s="330">
        <v>331933028</v>
      </c>
      <c r="AJ16" s="326">
        <v>0</v>
      </c>
      <c r="AK16" s="327">
        <v>11652</v>
      </c>
      <c r="AL16" s="328">
        <v>11652</v>
      </c>
      <c r="AM16" s="326">
        <v>0</v>
      </c>
      <c r="AN16" s="327">
        <v>191212</v>
      </c>
      <c r="AO16" s="327">
        <v>1601726</v>
      </c>
      <c r="AP16" s="327">
        <v>2848920</v>
      </c>
      <c r="AQ16" s="327">
        <v>4868151</v>
      </c>
      <c r="AR16" s="327">
        <v>12583793</v>
      </c>
      <c r="AS16" s="328">
        <v>22093802</v>
      </c>
      <c r="AT16" s="330">
        <v>22105454</v>
      </c>
      <c r="AU16" s="326">
        <v>3945201</v>
      </c>
      <c r="AV16" s="327">
        <v>8905086</v>
      </c>
      <c r="AW16" s="328">
        <v>12850287</v>
      </c>
      <c r="AX16" s="326">
        <v>0</v>
      </c>
      <c r="AY16" s="327">
        <v>37650209</v>
      </c>
      <c r="AZ16" s="327">
        <v>26825670</v>
      </c>
      <c r="BA16" s="327">
        <v>16874355</v>
      </c>
      <c r="BB16" s="327">
        <v>19361702</v>
      </c>
      <c r="BC16" s="327">
        <v>18028238</v>
      </c>
      <c r="BD16" s="328">
        <v>118740174</v>
      </c>
      <c r="BE16" s="330">
        <v>131590461</v>
      </c>
      <c r="BF16" s="326">
        <v>500983</v>
      </c>
      <c r="BG16" s="327">
        <v>1313520</v>
      </c>
      <c r="BH16" s="331">
        <v>1814503</v>
      </c>
      <c r="BI16" s="332">
        <v>0</v>
      </c>
      <c r="BJ16" s="327">
        <v>3272867</v>
      </c>
      <c r="BK16" s="327">
        <v>3170626</v>
      </c>
      <c r="BL16" s="327">
        <v>2236133</v>
      </c>
      <c r="BM16" s="327">
        <v>1163311</v>
      </c>
      <c r="BN16" s="327">
        <v>1596350</v>
      </c>
      <c r="BO16" s="328">
        <v>11439287</v>
      </c>
      <c r="BP16" s="330">
        <v>13253790</v>
      </c>
      <c r="BQ16" s="326">
        <v>2415358</v>
      </c>
      <c r="BR16" s="327">
        <v>2926474</v>
      </c>
      <c r="BS16" s="328">
        <v>5341832</v>
      </c>
      <c r="BT16" s="326">
        <v>0</v>
      </c>
      <c r="BU16" s="327">
        <v>18847945</v>
      </c>
      <c r="BV16" s="327">
        <v>15929042</v>
      </c>
      <c r="BW16" s="327">
        <v>14683318</v>
      </c>
      <c r="BX16" s="327">
        <v>15862502</v>
      </c>
      <c r="BY16" s="327">
        <v>12951417</v>
      </c>
      <c r="BZ16" s="328">
        <v>78274224</v>
      </c>
      <c r="CA16" s="330">
        <v>83616056</v>
      </c>
      <c r="CB16" s="326">
        <v>1022274</v>
      </c>
      <c r="CC16" s="327">
        <v>3568112</v>
      </c>
      <c r="CD16" s="328">
        <v>4590386</v>
      </c>
      <c r="CE16" s="326">
        <v>0</v>
      </c>
      <c r="CF16" s="327">
        <v>111326080</v>
      </c>
      <c r="CG16" s="327">
        <v>75993838</v>
      </c>
      <c r="CH16" s="327">
        <v>55461879</v>
      </c>
      <c r="CI16" s="327">
        <v>34772307</v>
      </c>
      <c r="CJ16" s="327">
        <v>20785508</v>
      </c>
      <c r="CK16" s="328">
        <v>298339612</v>
      </c>
      <c r="CL16" s="330">
        <v>302929998</v>
      </c>
      <c r="CM16" s="326">
        <v>0</v>
      </c>
      <c r="CN16" s="327">
        <v>0</v>
      </c>
      <c r="CO16" s="328">
        <v>0</v>
      </c>
      <c r="CP16" s="332">
        <v>0</v>
      </c>
      <c r="CQ16" s="327">
        <v>97425200</v>
      </c>
      <c r="CR16" s="327">
        <v>62639180</v>
      </c>
      <c r="CS16" s="327">
        <v>45338226</v>
      </c>
      <c r="CT16" s="327">
        <v>29295132</v>
      </c>
      <c r="CU16" s="327">
        <v>17833472</v>
      </c>
      <c r="CV16" s="328">
        <v>252531210</v>
      </c>
      <c r="CW16" s="330">
        <v>252531210</v>
      </c>
      <c r="CX16" s="326">
        <v>1022274</v>
      </c>
      <c r="CY16" s="327">
        <v>3568112</v>
      </c>
      <c r="CZ16" s="328">
        <v>4590386</v>
      </c>
      <c r="DA16" s="326">
        <v>0</v>
      </c>
      <c r="DB16" s="327">
        <v>13900880</v>
      </c>
      <c r="DC16" s="327">
        <v>13354658</v>
      </c>
      <c r="DD16" s="327">
        <v>10123653</v>
      </c>
      <c r="DE16" s="327">
        <v>5477175</v>
      </c>
      <c r="DF16" s="327">
        <v>2952036</v>
      </c>
      <c r="DG16" s="328">
        <v>45808402</v>
      </c>
      <c r="DH16" s="330">
        <v>50398788</v>
      </c>
      <c r="DI16" s="326">
        <v>243447</v>
      </c>
      <c r="DJ16" s="327">
        <v>925958</v>
      </c>
      <c r="DK16" s="331">
        <v>1169405</v>
      </c>
      <c r="DL16" s="332">
        <v>0</v>
      </c>
      <c r="DM16" s="327">
        <v>10600240</v>
      </c>
      <c r="DN16" s="327">
        <v>13845803</v>
      </c>
      <c r="DO16" s="327">
        <v>21219148</v>
      </c>
      <c r="DP16" s="327">
        <v>18948207</v>
      </c>
      <c r="DQ16" s="327">
        <v>9606436</v>
      </c>
      <c r="DR16" s="328">
        <v>74219834</v>
      </c>
      <c r="DS16" s="330">
        <v>75389239</v>
      </c>
      <c r="DT16" s="326">
        <v>243447</v>
      </c>
      <c r="DU16" s="327">
        <v>925958</v>
      </c>
      <c r="DV16" s="328">
        <v>1169405</v>
      </c>
      <c r="DW16" s="326">
        <v>0</v>
      </c>
      <c r="DX16" s="327">
        <v>10439930</v>
      </c>
      <c r="DY16" s="327">
        <v>13055715</v>
      </c>
      <c r="DZ16" s="327">
        <v>19527573</v>
      </c>
      <c r="EA16" s="327">
        <v>17023983</v>
      </c>
      <c r="EB16" s="327">
        <v>8965746</v>
      </c>
      <c r="EC16" s="328">
        <v>69012947</v>
      </c>
      <c r="ED16" s="330">
        <v>70182352</v>
      </c>
      <c r="EE16" s="326">
        <v>0</v>
      </c>
      <c r="EF16" s="331">
        <v>0</v>
      </c>
      <c r="EG16" s="328">
        <v>0</v>
      </c>
      <c r="EH16" s="326">
        <v>0</v>
      </c>
      <c r="EI16" s="327">
        <v>160310</v>
      </c>
      <c r="EJ16" s="327">
        <v>790088</v>
      </c>
      <c r="EK16" s="327">
        <v>1691575</v>
      </c>
      <c r="EL16" s="327">
        <v>1924224</v>
      </c>
      <c r="EM16" s="327">
        <v>640690</v>
      </c>
      <c r="EN16" s="331">
        <v>5206887</v>
      </c>
      <c r="EO16" s="330">
        <v>5206887</v>
      </c>
      <c r="EP16" s="326">
        <v>0</v>
      </c>
      <c r="EQ16" s="327">
        <v>0</v>
      </c>
      <c r="ER16" s="331">
        <v>0</v>
      </c>
      <c r="ES16" s="332">
        <v>0</v>
      </c>
      <c r="ET16" s="327">
        <v>0</v>
      </c>
      <c r="EU16" s="327">
        <v>0</v>
      </c>
      <c r="EV16" s="327">
        <v>0</v>
      </c>
      <c r="EW16" s="327">
        <v>0</v>
      </c>
      <c r="EX16" s="327">
        <v>0</v>
      </c>
      <c r="EY16" s="328">
        <v>0</v>
      </c>
      <c r="EZ16" s="330">
        <v>0</v>
      </c>
      <c r="FA16" s="326">
        <v>0</v>
      </c>
      <c r="FB16" s="327">
        <v>0</v>
      </c>
      <c r="FC16" s="331">
        <v>0</v>
      </c>
      <c r="FD16" s="332">
        <v>0</v>
      </c>
      <c r="FE16" s="327">
        <v>0</v>
      </c>
      <c r="FF16" s="327">
        <v>0</v>
      </c>
      <c r="FG16" s="327">
        <v>0</v>
      </c>
      <c r="FH16" s="327">
        <v>0</v>
      </c>
      <c r="FI16" s="327">
        <v>0</v>
      </c>
      <c r="FJ16" s="328">
        <v>0</v>
      </c>
      <c r="FK16" s="330">
        <v>0</v>
      </c>
      <c r="FL16" s="326">
        <v>8494548</v>
      </c>
      <c r="FM16" s="327">
        <v>10209361</v>
      </c>
      <c r="FN16" s="328">
        <v>18703909</v>
      </c>
      <c r="FO16" s="326">
        <v>0</v>
      </c>
      <c r="FP16" s="327">
        <v>20285884</v>
      </c>
      <c r="FQ16" s="327">
        <v>26212477</v>
      </c>
      <c r="FR16" s="327">
        <v>19059906</v>
      </c>
      <c r="FS16" s="327">
        <v>17967916</v>
      </c>
      <c r="FT16" s="327">
        <v>14330102</v>
      </c>
      <c r="FU16" s="328">
        <v>97856285</v>
      </c>
      <c r="FV16" s="330">
        <v>116560194</v>
      </c>
      <c r="FW16" s="333">
        <v>5170455</v>
      </c>
      <c r="FX16" s="327">
        <v>8449276</v>
      </c>
      <c r="FY16" s="331">
        <v>13619731</v>
      </c>
      <c r="FZ16" s="332">
        <v>0</v>
      </c>
      <c r="GA16" s="327">
        <v>17241394</v>
      </c>
      <c r="GB16" s="327">
        <v>24044654</v>
      </c>
      <c r="GC16" s="327">
        <v>17850821</v>
      </c>
      <c r="GD16" s="327">
        <v>17162676</v>
      </c>
      <c r="GE16" s="327">
        <v>14082017</v>
      </c>
      <c r="GF16" s="328">
        <v>90381562</v>
      </c>
      <c r="GG16" s="334">
        <v>104001293</v>
      </c>
      <c r="GH16" s="333">
        <v>400190</v>
      </c>
      <c r="GI16" s="327">
        <v>328235</v>
      </c>
      <c r="GJ16" s="331">
        <v>728425</v>
      </c>
      <c r="GK16" s="332">
        <v>0</v>
      </c>
      <c r="GL16" s="327">
        <v>1114742</v>
      </c>
      <c r="GM16" s="327">
        <v>984203</v>
      </c>
      <c r="GN16" s="327">
        <v>584587</v>
      </c>
      <c r="GO16" s="327">
        <v>400880</v>
      </c>
      <c r="GP16" s="327">
        <v>229455</v>
      </c>
      <c r="GQ16" s="328">
        <v>3313867</v>
      </c>
      <c r="GR16" s="330">
        <v>4042292</v>
      </c>
      <c r="GS16" s="326">
        <v>2923903</v>
      </c>
      <c r="GT16" s="327">
        <v>1431850</v>
      </c>
      <c r="GU16" s="328">
        <v>4355753</v>
      </c>
      <c r="GV16" s="326">
        <v>0</v>
      </c>
      <c r="GW16" s="327">
        <v>1929748</v>
      </c>
      <c r="GX16" s="327">
        <v>1183620</v>
      </c>
      <c r="GY16" s="327">
        <v>624498</v>
      </c>
      <c r="GZ16" s="327">
        <v>404360</v>
      </c>
      <c r="HA16" s="327">
        <v>18630</v>
      </c>
      <c r="HB16" s="331">
        <v>4160856</v>
      </c>
      <c r="HC16" s="330">
        <v>8516609</v>
      </c>
      <c r="HD16" s="326">
        <v>4780924</v>
      </c>
      <c r="HE16" s="327">
        <v>6605439</v>
      </c>
      <c r="HF16" s="331">
        <v>11386363</v>
      </c>
      <c r="HG16" s="332">
        <v>0</v>
      </c>
      <c r="HH16" s="327">
        <v>54273340</v>
      </c>
      <c r="HI16" s="327">
        <v>52016510</v>
      </c>
      <c r="HJ16" s="327">
        <v>51385060</v>
      </c>
      <c r="HK16" s="327">
        <v>57145436</v>
      </c>
      <c r="HL16" s="327">
        <v>38160812</v>
      </c>
      <c r="HM16" s="328">
        <v>252981158</v>
      </c>
      <c r="HN16" s="329">
        <v>264367521</v>
      </c>
      <c r="HO16" s="333">
        <v>6028606</v>
      </c>
      <c r="HP16" s="327">
        <v>7608558</v>
      </c>
      <c r="HQ16" s="328">
        <v>13637164</v>
      </c>
      <c r="HR16" s="326">
        <v>0</v>
      </c>
      <c r="HS16" s="327">
        <v>56396916</v>
      </c>
      <c r="HT16" s="327">
        <v>31193174</v>
      </c>
      <c r="HU16" s="327">
        <v>21562163</v>
      </c>
      <c r="HV16" s="327">
        <v>17083520</v>
      </c>
      <c r="HW16" s="327">
        <v>10851824</v>
      </c>
      <c r="HX16" s="331">
        <v>137087597</v>
      </c>
      <c r="HY16" s="330">
        <v>150724761</v>
      </c>
      <c r="HZ16" s="358">
        <v>563607</v>
      </c>
      <c r="IA16" s="356">
        <v>1852922</v>
      </c>
      <c r="IB16" s="358">
        <v>2416529</v>
      </c>
      <c r="IC16" s="355">
        <v>0</v>
      </c>
      <c r="ID16" s="356">
        <v>80589217</v>
      </c>
      <c r="IE16" s="357">
        <v>72396845</v>
      </c>
      <c r="IF16" s="358">
        <v>87376505</v>
      </c>
      <c r="IG16" s="356">
        <v>85654774</v>
      </c>
      <c r="IH16" s="358">
        <v>66392358</v>
      </c>
      <c r="II16" s="359">
        <v>392409699</v>
      </c>
      <c r="IJ16" s="358">
        <v>394826228</v>
      </c>
      <c r="IK16" s="342">
        <v>0</v>
      </c>
      <c r="IL16" s="343">
        <v>0</v>
      </c>
      <c r="IM16" s="344">
        <v>0</v>
      </c>
      <c r="IN16" s="404">
        <v>0</v>
      </c>
      <c r="IO16" s="345">
        <v>1544687</v>
      </c>
      <c r="IP16" s="345">
        <v>2037977</v>
      </c>
      <c r="IQ16" s="345">
        <v>2932741</v>
      </c>
      <c r="IR16" s="345">
        <v>4001611</v>
      </c>
      <c r="IS16" s="345">
        <v>4003270</v>
      </c>
      <c r="IT16" s="346">
        <v>14520286</v>
      </c>
      <c r="IU16" s="347">
        <v>14520286</v>
      </c>
      <c r="IV16" s="348">
        <v>0</v>
      </c>
      <c r="IW16" s="345">
        <v>0</v>
      </c>
      <c r="IX16" s="349">
        <v>0</v>
      </c>
      <c r="IY16" s="413">
        <v>0</v>
      </c>
      <c r="IZ16" s="345">
        <v>139142</v>
      </c>
      <c r="JA16" s="345">
        <v>35060</v>
      </c>
      <c r="JB16" s="345">
        <v>85873</v>
      </c>
      <c r="JC16" s="345">
        <v>193098</v>
      </c>
      <c r="JD16" s="345">
        <v>204912</v>
      </c>
      <c r="JE16" s="349">
        <v>658085</v>
      </c>
      <c r="JF16" s="350">
        <v>658085</v>
      </c>
      <c r="JG16" s="348">
        <v>0</v>
      </c>
      <c r="JH16" s="345">
        <v>0</v>
      </c>
      <c r="JI16" s="346">
        <v>0</v>
      </c>
      <c r="JJ16" s="351">
        <v>0</v>
      </c>
      <c r="JK16" s="345">
        <v>26052359</v>
      </c>
      <c r="JL16" s="345">
        <v>15149411</v>
      </c>
      <c r="JM16" s="345">
        <v>10716403</v>
      </c>
      <c r="JN16" s="345">
        <v>7541871</v>
      </c>
      <c r="JO16" s="345">
        <v>1224294</v>
      </c>
      <c r="JP16" s="349">
        <v>60684338</v>
      </c>
      <c r="JQ16" s="347">
        <v>60684338</v>
      </c>
      <c r="JR16" s="348">
        <v>0</v>
      </c>
      <c r="JS16" s="345">
        <v>47259</v>
      </c>
      <c r="JT16" s="346">
        <v>47259</v>
      </c>
      <c r="JU16" s="351">
        <v>0</v>
      </c>
      <c r="JV16" s="345">
        <v>960131</v>
      </c>
      <c r="JW16" s="345">
        <v>1146958</v>
      </c>
      <c r="JX16" s="345">
        <v>3748867</v>
      </c>
      <c r="JY16" s="345">
        <v>1854425</v>
      </c>
      <c r="JZ16" s="345">
        <v>2150476</v>
      </c>
      <c r="KA16" s="349">
        <v>9860857</v>
      </c>
      <c r="KB16" s="347">
        <v>9908116</v>
      </c>
      <c r="KC16" s="352">
        <v>563607</v>
      </c>
      <c r="KD16" s="353">
        <v>1284104</v>
      </c>
      <c r="KE16" s="349">
        <v>1847711</v>
      </c>
      <c r="KF16" s="351">
        <v>0</v>
      </c>
      <c r="KG16" s="345">
        <v>11542407</v>
      </c>
      <c r="KH16" s="345">
        <v>12084889</v>
      </c>
      <c r="KI16" s="345">
        <v>17321655</v>
      </c>
      <c r="KJ16" s="345">
        <v>13508156</v>
      </c>
      <c r="KK16" s="345">
        <v>11548410</v>
      </c>
      <c r="KL16" s="349">
        <v>66005517</v>
      </c>
      <c r="KM16" s="354">
        <v>67853228</v>
      </c>
      <c r="KN16" s="342">
        <v>0</v>
      </c>
      <c r="KO16" s="343">
        <v>521559</v>
      </c>
      <c r="KP16" s="344">
        <v>521559</v>
      </c>
      <c r="KQ16" s="413">
        <v>0</v>
      </c>
      <c r="KR16" s="345">
        <v>30725763</v>
      </c>
      <c r="KS16" s="345">
        <v>29819303</v>
      </c>
      <c r="KT16" s="345">
        <v>36447742</v>
      </c>
      <c r="KU16" s="345">
        <v>26496082</v>
      </c>
      <c r="KV16" s="345">
        <v>23026634</v>
      </c>
      <c r="KW16" s="349">
        <v>146515524</v>
      </c>
      <c r="KX16" s="347">
        <v>147037083</v>
      </c>
      <c r="KY16" s="348">
        <v>0</v>
      </c>
      <c r="KZ16" s="345">
        <v>0</v>
      </c>
      <c r="LA16" s="349">
        <v>0</v>
      </c>
      <c r="LB16" s="413">
        <v>0</v>
      </c>
      <c r="LC16" s="345">
        <v>4941082</v>
      </c>
      <c r="LD16" s="345">
        <v>4414042</v>
      </c>
      <c r="LE16" s="345">
        <v>6279437</v>
      </c>
      <c r="LF16" s="345">
        <v>7350359</v>
      </c>
      <c r="LG16" s="345">
        <v>6933042</v>
      </c>
      <c r="LH16" s="349">
        <v>29917962</v>
      </c>
      <c r="LI16" s="350">
        <v>29917962</v>
      </c>
      <c r="LJ16" s="348">
        <v>0</v>
      </c>
      <c r="LK16" s="345">
        <v>0</v>
      </c>
      <c r="LL16" s="349">
        <v>0</v>
      </c>
      <c r="LM16" s="413">
        <v>0</v>
      </c>
      <c r="LN16" s="345">
        <v>0</v>
      </c>
      <c r="LO16" s="345">
        <v>221778</v>
      </c>
      <c r="LP16" s="345">
        <v>763051</v>
      </c>
      <c r="LQ16" s="345">
        <v>6260673</v>
      </c>
      <c r="LR16" s="345">
        <v>5179016</v>
      </c>
      <c r="LS16" s="349">
        <v>12424518</v>
      </c>
      <c r="LT16" s="347">
        <v>12424518</v>
      </c>
      <c r="LU16" s="348">
        <v>0</v>
      </c>
      <c r="LV16" s="345">
        <v>0</v>
      </c>
      <c r="LW16" s="349">
        <v>0</v>
      </c>
      <c r="LX16" s="413">
        <v>0</v>
      </c>
      <c r="LY16" s="345">
        <v>4683646</v>
      </c>
      <c r="LZ16" s="345">
        <v>7487427</v>
      </c>
      <c r="MA16" s="345">
        <v>9080736</v>
      </c>
      <c r="MB16" s="345">
        <v>18448499</v>
      </c>
      <c r="MC16" s="345">
        <v>12122304</v>
      </c>
      <c r="MD16" s="349">
        <v>51822612</v>
      </c>
      <c r="ME16" s="350">
        <v>51822612</v>
      </c>
      <c r="MF16" s="348">
        <v>0</v>
      </c>
      <c r="MG16" s="345">
        <v>0</v>
      </c>
      <c r="MH16" s="349">
        <v>0</v>
      </c>
      <c r="MI16" s="413">
        <v>0</v>
      </c>
      <c r="MJ16" s="345">
        <v>27216731</v>
      </c>
      <c r="MK16" s="345">
        <v>45142824</v>
      </c>
      <c r="ML16" s="345">
        <v>133441711</v>
      </c>
      <c r="MM16" s="345">
        <v>244103429</v>
      </c>
      <c r="MN16" s="345">
        <v>173730892</v>
      </c>
      <c r="MO16" s="349">
        <v>623635587</v>
      </c>
      <c r="MP16" s="354">
        <v>623635587</v>
      </c>
      <c r="MQ16" s="348">
        <v>0</v>
      </c>
      <c r="MR16" s="345">
        <v>0</v>
      </c>
      <c r="MS16" s="349">
        <v>0</v>
      </c>
      <c r="MT16" s="413">
        <v>0</v>
      </c>
      <c r="MU16" s="345">
        <v>3611803</v>
      </c>
      <c r="MV16" s="345">
        <v>12559866</v>
      </c>
      <c r="MW16" s="345">
        <v>87474959</v>
      </c>
      <c r="MX16" s="345">
        <v>179119950</v>
      </c>
      <c r="MY16" s="345">
        <v>133659849</v>
      </c>
      <c r="MZ16" s="349">
        <v>416426427</v>
      </c>
      <c r="NA16" s="354">
        <v>416426427</v>
      </c>
      <c r="NB16" s="348">
        <v>0</v>
      </c>
      <c r="NC16" s="345">
        <v>0</v>
      </c>
      <c r="ND16" s="349">
        <v>0</v>
      </c>
      <c r="NE16" s="413">
        <v>0</v>
      </c>
      <c r="NF16" s="345">
        <v>23574706</v>
      </c>
      <c r="NG16" s="345">
        <v>32582958</v>
      </c>
      <c r="NH16" s="345">
        <v>45296185</v>
      </c>
      <c r="NI16" s="345">
        <v>63060268</v>
      </c>
      <c r="NJ16" s="345">
        <v>31503674</v>
      </c>
      <c r="NK16" s="349">
        <v>196017791</v>
      </c>
      <c r="NL16" s="347">
        <v>196017791</v>
      </c>
      <c r="NM16" s="348">
        <v>0</v>
      </c>
      <c r="NN16" s="345">
        <v>0</v>
      </c>
      <c r="NO16" s="349">
        <v>0</v>
      </c>
      <c r="NP16" s="413">
        <v>0</v>
      </c>
      <c r="NQ16" s="345">
        <v>0</v>
      </c>
      <c r="NR16" s="345">
        <v>0</v>
      </c>
      <c r="NS16" s="345">
        <v>0</v>
      </c>
      <c r="NT16" s="345">
        <v>0</v>
      </c>
      <c r="NU16" s="345">
        <v>0</v>
      </c>
      <c r="NV16" s="349">
        <v>0</v>
      </c>
      <c r="NW16" s="350">
        <v>0</v>
      </c>
      <c r="NX16" s="348">
        <v>0</v>
      </c>
      <c r="NY16" s="345">
        <v>0</v>
      </c>
      <c r="NZ16" s="349">
        <v>0</v>
      </c>
      <c r="OA16" s="413">
        <v>0</v>
      </c>
      <c r="OB16" s="345">
        <v>30222</v>
      </c>
      <c r="OC16" s="345">
        <v>0</v>
      </c>
      <c r="OD16" s="345">
        <v>670567</v>
      </c>
      <c r="OE16" s="345">
        <v>1923211</v>
      </c>
      <c r="OF16" s="345">
        <v>8567369</v>
      </c>
      <c r="OG16" s="349">
        <v>11191369</v>
      </c>
      <c r="OH16" s="350">
        <v>11191369</v>
      </c>
      <c r="OI16" s="348">
        <v>27994948</v>
      </c>
      <c r="OJ16" s="345">
        <v>43927082</v>
      </c>
      <c r="OK16" s="346">
        <v>71922030</v>
      </c>
      <c r="OL16" s="351">
        <v>0</v>
      </c>
      <c r="OM16" s="345">
        <v>473494291</v>
      </c>
      <c r="ON16" s="345">
        <v>417043200</v>
      </c>
      <c r="OO16" s="345">
        <v>490956189</v>
      </c>
      <c r="OP16" s="345">
        <v>605950732</v>
      </c>
      <c r="OQ16" s="345">
        <v>451565875</v>
      </c>
      <c r="OR16" s="349">
        <v>2439010287</v>
      </c>
      <c r="OS16" s="354">
        <v>2510932317</v>
      </c>
    </row>
    <row r="17" spans="2:409" s="70" customFormat="1" ht="21" customHeight="1" x14ac:dyDescent="0.2">
      <c r="B17" s="410" t="s">
        <v>11</v>
      </c>
      <c r="C17" s="326">
        <v>11393691</v>
      </c>
      <c r="D17" s="327">
        <v>16303142</v>
      </c>
      <c r="E17" s="365">
        <v>27696833</v>
      </c>
      <c r="F17" s="332">
        <v>0</v>
      </c>
      <c r="G17" s="327">
        <v>162378080</v>
      </c>
      <c r="H17" s="327">
        <v>148045156</v>
      </c>
      <c r="I17" s="327">
        <v>138968602</v>
      </c>
      <c r="J17" s="327">
        <v>148248720</v>
      </c>
      <c r="K17" s="327">
        <v>106588604</v>
      </c>
      <c r="L17" s="329">
        <v>704229162</v>
      </c>
      <c r="M17" s="330">
        <v>731925995</v>
      </c>
      <c r="N17" s="326">
        <v>1578025</v>
      </c>
      <c r="O17" s="327">
        <v>2788762</v>
      </c>
      <c r="P17" s="328">
        <v>4366787</v>
      </c>
      <c r="Q17" s="326">
        <v>0</v>
      </c>
      <c r="R17" s="327">
        <v>40792498</v>
      </c>
      <c r="S17" s="327">
        <v>41288821</v>
      </c>
      <c r="T17" s="327">
        <v>45472100</v>
      </c>
      <c r="U17" s="327">
        <v>50416064</v>
      </c>
      <c r="V17" s="327">
        <v>53572326</v>
      </c>
      <c r="W17" s="328">
        <v>231541809</v>
      </c>
      <c r="X17" s="330">
        <v>235908596</v>
      </c>
      <c r="Y17" s="326">
        <v>0</v>
      </c>
      <c r="Z17" s="327">
        <v>0</v>
      </c>
      <c r="AA17" s="328">
        <v>0</v>
      </c>
      <c r="AB17" s="326">
        <v>0</v>
      </c>
      <c r="AC17" s="327">
        <v>20723736</v>
      </c>
      <c r="AD17" s="327">
        <v>23146416</v>
      </c>
      <c r="AE17" s="327">
        <v>27203782</v>
      </c>
      <c r="AF17" s="327">
        <v>30255123</v>
      </c>
      <c r="AG17" s="327">
        <v>33956549</v>
      </c>
      <c r="AH17" s="328">
        <v>135285606</v>
      </c>
      <c r="AI17" s="330">
        <v>135285606</v>
      </c>
      <c r="AJ17" s="326">
        <v>0</v>
      </c>
      <c r="AK17" s="327">
        <v>0</v>
      </c>
      <c r="AL17" s="328">
        <v>0</v>
      </c>
      <c r="AM17" s="326">
        <v>0</v>
      </c>
      <c r="AN17" s="327">
        <v>174272</v>
      </c>
      <c r="AO17" s="327">
        <v>584404</v>
      </c>
      <c r="AP17" s="327">
        <v>1498615</v>
      </c>
      <c r="AQ17" s="327">
        <v>3429640</v>
      </c>
      <c r="AR17" s="327">
        <v>5824727</v>
      </c>
      <c r="AS17" s="328">
        <v>11511658</v>
      </c>
      <c r="AT17" s="330">
        <v>11511658</v>
      </c>
      <c r="AU17" s="326">
        <v>937271</v>
      </c>
      <c r="AV17" s="327">
        <v>2122197</v>
      </c>
      <c r="AW17" s="328">
        <v>3059468</v>
      </c>
      <c r="AX17" s="326">
        <v>0</v>
      </c>
      <c r="AY17" s="327">
        <v>13206731</v>
      </c>
      <c r="AZ17" s="327">
        <v>10162968</v>
      </c>
      <c r="BA17" s="327">
        <v>9968007</v>
      </c>
      <c r="BB17" s="327">
        <v>9589390</v>
      </c>
      <c r="BC17" s="327">
        <v>9353117</v>
      </c>
      <c r="BD17" s="328">
        <v>52280213</v>
      </c>
      <c r="BE17" s="330">
        <v>55339681</v>
      </c>
      <c r="BF17" s="326">
        <v>101249</v>
      </c>
      <c r="BG17" s="327">
        <v>177709</v>
      </c>
      <c r="BH17" s="331">
        <v>278958</v>
      </c>
      <c r="BI17" s="332">
        <v>0</v>
      </c>
      <c r="BJ17" s="327">
        <v>984573</v>
      </c>
      <c r="BK17" s="327">
        <v>718640</v>
      </c>
      <c r="BL17" s="327">
        <v>850100</v>
      </c>
      <c r="BM17" s="327">
        <v>859631</v>
      </c>
      <c r="BN17" s="327">
        <v>365786</v>
      </c>
      <c r="BO17" s="328">
        <v>3778730</v>
      </c>
      <c r="BP17" s="330">
        <v>4057688</v>
      </c>
      <c r="BQ17" s="326">
        <v>539505</v>
      </c>
      <c r="BR17" s="327">
        <v>488856</v>
      </c>
      <c r="BS17" s="328">
        <v>1028361</v>
      </c>
      <c r="BT17" s="326">
        <v>0</v>
      </c>
      <c r="BU17" s="327">
        <v>5703186</v>
      </c>
      <c r="BV17" s="327">
        <v>6676393</v>
      </c>
      <c r="BW17" s="327">
        <v>5951596</v>
      </c>
      <c r="BX17" s="327">
        <v>6282280</v>
      </c>
      <c r="BY17" s="327">
        <v>4072147</v>
      </c>
      <c r="BZ17" s="328">
        <v>28685602</v>
      </c>
      <c r="CA17" s="330">
        <v>29713963</v>
      </c>
      <c r="CB17" s="326">
        <v>2029925</v>
      </c>
      <c r="CC17" s="327">
        <v>2926776</v>
      </c>
      <c r="CD17" s="328">
        <v>4956701</v>
      </c>
      <c r="CE17" s="326">
        <v>0</v>
      </c>
      <c r="CF17" s="327">
        <v>49445528</v>
      </c>
      <c r="CG17" s="327">
        <v>41183736</v>
      </c>
      <c r="CH17" s="327">
        <v>34597212</v>
      </c>
      <c r="CI17" s="327">
        <v>28878295</v>
      </c>
      <c r="CJ17" s="327">
        <v>13125120</v>
      </c>
      <c r="CK17" s="328">
        <v>167229891</v>
      </c>
      <c r="CL17" s="330">
        <v>172186592</v>
      </c>
      <c r="CM17" s="326">
        <v>0</v>
      </c>
      <c r="CN17" s="327">
        <v>0</v>
      </c>
      <c r="CO17" s="328">
        <v>0</v>
      </c>
      <c r="CP17" s="332">
        <v>0</v>
      </c>
      <c r="CQ17" s="327">
        <v>39751827</v>
      </c>
      <c r="CR17" s="327">
        <v>32923143</v>
      </c>
      <c r="CS17" s="327">
        <v>28237875</v>
      </c>
      <c r="CT17" s="327">
        <v>23018997</v>
      </c>
      <c r="CU17" s="327">
        <v>10654044</v>
      </c>
      <c r="CV17" s="328">
        <v>134585886</v>
      </c>
      <c r="CW17" s="330">
        <v>134585886</v>
      </c>
      <c r="CX17" s="326">
        <v>2029925</v>
      </c>
      <c r="CY17" s="327">
        <v>2926776</v>
      </c>
      <c r="CZ17" s="328">
        <v>4956701</v>
      </c>
      <c r="DA17" s="326">
        <v>0</v>
      </c>
      <c r="DB17" s="327">
        <v>9693701</v>
      </c>
      <c r="DC17" s="327">
        <v>8260593</v>
      </c>
      <c r="DD17" s="327">
        <v>6359337</v>
      </c>
      <c r="DE17" s="327">
        <v>5859298</v>
      </c>
      <c r="DF17" s="327">
        <v>2471076</v>
      </c>
      <c r="DG17" s="328">
        <v>32644005</v>
      </c>
      <c r="DH17" s="330">
        <v>37600706</v>
      </c>
      <c r="DI17" s="326">
        <v>226283</v>
      </c>
      <c r="DJ17" s="327">
        <v>570415</v>
      </c>
      <c r="DK17" s="331">
        <v>796698</v>
      </c>
      <c r="DL17" s="332">
        <v>0</v>
      </c>
      <c r="DM17" s="327">
        <v>5206064</v>
      </c>
      <c r="DN17" s="327">
        <v>6136210</v>
      </c>
      <c r="DO17" s="327">
        <v>11057514</v>
      </c>
      <c r="DP17" s="327">
        <v>10056041</v>
      </c>
      <c r="DQ17" s="327">
        <v>5573983</v>
      </c>
      <c r="DR17" s="328">
        <v>38029812</v>
      </c>
      <c r="DS17" s="330">
        <v>38826510</v>
      </c>
      <c r="DT17" s="326">
        <v>226283</v>
      </c>
      <c r="DU17" s="327">
        <v>475604</v>
      </c>
      <c r="DV17" s="328">
        <v>701887</v>
      </c>
      <c r="DW17" s="326">
        <v>0</v>
      </c>
      <c r="DX17" s="327">
        <v>4760400</v>
      </c>
      <c r="DY17" s="327">
        <v>5804756</v>
      </c>
      <c r="DZ17" s="327">
        <v>10370681</v>
      </c>
      <c r="EA17" s="327">
        <v>9401169</v>
      </c>
      <c r="EB17" s="327">
        <v>4829875</v>
      </c>
      <c r="EC17" s="328">
        <v>35166881</v>
      </c>
      <c r="ED17" s="330">
        <v>35868768</v>
      </c>
      <c r="EE17" s="326">
        <v>0</v>
      </c>
      <c r="EF17" s="331">
        <v>94811</v>
      </c>
      <c r="EG17" s="328">
        <v>94811</v>
      </c>
      <c r="EH17" s="326">
        <v>0</v>
      </c>
      <c r="EI17" s="327">
        <v>445664</v>
      </c>
      <c r="EJ17" s="327">
        <v>331454</v>
      </c>
      <c r="EK17" s="327">
        <v>686833</v>
      </c>
      <c r="EL17" s="327">
        <v>654872</v>
      </c>
      <c r="EM17" s="327">
        <v>744108</v>
      </c>
      <c r="EN17" s="331">
        <v>2862931</v>
      </c>
      <c r="EO17" s="330">
        <v>2957742</v>
      </c>
      <c r="EP17" s="326">
        <v>0</v>
      </c>
      <c r="EQ17" s="327">
        <v>0</v>
      </c>
      <c r="ER17" s="331">
        <v>0</v>
      </c>
      <c r="ES17" s="332">
        <v>0</v>
      </c>
      <c r="ET17" s="327">
        <v>0</v>
      </c>
      <c r="EU17" s="327">
        <v>0</v>
      </c>
      <c r="EV17" s="327">
        <v>0</v>
      </c>
      <c r="EW17" s="327">
        <v>0</v>
      </c>
      <c r="EX17" s="327">
        <v>0</v>
      </c>
      <c r="EY17" s="328">
        <v>0</v>
      </c>
      <c r="EZ17" s="330">
        <v>0</v>
      </c>
      <c r="FA17" s="326">
        <v>0</v>
      </c>
      <c r="FB17" s="327">
        <v>0</v>
      </c>
      <c r="FC17" s="331">
        <v>0</v>
      </c>
      <c r="FD17" s="332">
        <v>0</v>
      </c>
      <c r="FE17" s="327">
        <v>0</v>
      </c>
      <c r="FF17" s="327">
        <v>0</v>
      </c>
      <c r="FG17" s="327">
        <v>0</v>
      </c>
      <c r="FH17" s="327">
        <v>0</v>
      </c>
      <c r="FI17" s="327">
        <v>0</v>
      </c>
      <c r="FJ17" s="328">
        <v>0</v>
      </c>
      <c r="FK17" s="330">
        <v>0</v>
      </c>
      <c r="FL17" s="326">
        <v>2933865</v>
      </c>
      <c r="FM17" s="327">
        <v>4532698</v>
      </c>
      <c r="FN17" s="328">
        <v>7466563</v>
      </c>
      <c r="FO17" s="326">
        <v>0</v>
      </c>
      <c r="FP17" s="327">
        <v>7844986</v>
      </c>
      <c r="FQ17" s="327">
        <v>11677771</v>
      </c>
      <c r="FR17" s="327">
        <v>10910244</v>
      </c>
      <c r="FS17" s="327">
        <v>9635453</v>
      </c>
      <c r="FT17" s="327">
        <v>7050995</v>
      </c>
      <c r="FU17" s="328">
        <v>47119449</v>
      </c>
      <c r="FV17" s="330">
        <v>54586012</v>
      </c>
      <c r="FW17" s="333">
        <v>2028849</v>
      </c>
      <c r="FX17" s="327">
        <v>3368260</v>
      </c>
      <c r="FY17" s="331">
        <v>5397109</v>
      </c>
      <c r="FZ17" s="332">
        <v>0</v>
      </c>
      <c r="GA17" s="327">
        <v>6793448</v>
      </c>
      <c r="GB17" s="327">
        <v>11112137</v>
      </c>
      <c r="GC17" s="327">
        <v>10125490</v>
      </c>
      <c r="GD17" s="327">
        <v>9348374</v>
      </c>
      <c r="GE17" s="327">
        <v>6828263</v>
      </c>
      <c r="GF17" s="328">
        <v>44207712</v>
      </c>
      <c r="GG17" s="334">
        <v>49604821</v>
      </c>
      <c r="GH17" s="333">
        <v>155146</v>
      </c>
      <c r="GI17" s="327">
        <v>110988</v>
      </c>
      <c r="GJ17" s="331">
        <v>266134</v>
      </c>
      <c r="GK17" s="332">
        <v>0</v>
      </c>
      <c r="GL17" s="327">
        <v>268398</v>
      </c>
      <c r="GM17" s="327">
        <v>263684</v>
      </c>
      <c r="GN17" s="327">
        <v>341760</v>
      </c>
      <c r="GO17" s="327">
        <v>182799</v>
      </c>
      <c r="GP17" s="327">
        <v>172044</v>
      </c>
      <c r="GQ17" s="328">
        <v>1228685</v>
      </c>
      <c r="GR17" s="330">
        <v>1494819</v>
      </c>
      <c r="GS17" s="326">
        <v>749870</v>
      </c>
      <c r="GT17" s="327">
        <v>1053450</v>
      </c>
      <c r="GU17" s="328">
        <v>1803320</v>
      </c>
      <c r="GV17" s="326">
        <v>0</v>
      </c>
      <c r="GW17" s="327">
        <v>783140</v>
      </c>
      <c r="GX17" s="327">
        <v>301950</v>
      </c>
      <c r="GY17" s="327">
        <v>442994</v>
      </c>
      <c r="GZ17" s="327">
        <v>104280</v>
      </c>
      <c r="HA17" s="327">
        <v>50688</v>
      </c>
      <c r="HB17" s="331">
        <v>1683052</v>
      </c>
      <c r="HC17" s="330">
        <v>3486372</v>
      </c>
      <c r="HD17" s="326">
        <v>2165759</v>
      </c>
      <c r="HE17" s="327">
        <v>2468853</v>
      </c>
      <c r="HF17" s="331">
        <v>4634612</v>
      </c>
      <c r="HG17" s="332">
        <v>0</v>
      </c>
      <c r="HH17" s="327">
        <v>31360224</v>
      </c>
      <c r="HI17" s="327">
        <v>30468813</v>
      </c>
      <c r="HJ17" s="327">
        <v>22652122</v>
      </c>
      <c r="HK17" s="327">
        <v>38687505</v>
      </c>
      <c r="HL17" s="327">
        <v>21535429</v>
      </c>
      <c r="HM17" s="328">
        <v>144704093</v>
      </c>
      <c r="HN17" s="329">
        <v>149338705</v>
      </c>
      <c r="HO17" s="333">
        <v>2459834</v>
      </c>
      <c r="HP17" s="327">
        <v>3015638</v>
      </c>
      <c r="HQ17" s="328">
        <v>5475472</v>
      </c>
      <c r="HR17" s="326">
        <v>0</v>
      </c>
      <c r="HS17" s="327">
        <v>27728780</v>
      </c>
      <c r="HT17" s="327">
        <v>17289805</v>
      </c>
      <c r="HU17" s="327">
        <v>14279410</v>
      </c>
      <c r="HV17" s="327">
        <v>10575362</v>
      </c>
      <c r="HW17" s="327">
        <v>5730751</v>
      </c>
      <c r="HX17" s="331">
        <v>75604108</v>
      </c>
      <c r="HY17" s="330">
        <v>81079580</v>
      </c>
      <c r="HZ17" s="335">
        <v>156807</v>
      </c>
      <c r="IA17" s="336">
        <v>945954</v>
      </c>
      <c r="IB17" s="337">
        <v>1102761</v>
      </c>
      <c r="IC17" s="338">
        <v>0</v>
      </c>
      <c r="ID17" s="336">
        <v>50660114</v>
      </c>
      <c r="IE17" s="339">
        <v>52819395</v>
      </c>
      <c r="IF17" s="337">
        <v>54894417</v>
      </c>
      <c r="IG17" s="336">
        <v>39899743</v>
      </c>
      <c r="IH17" s="337">
        <v>19136116</v>
      </c>
      <c r="II17" s="340">
        <v>217409785</v>
      </c>
      <c r="IJ17" s="341">
        <v>218512546</v>
      </c>
      <c r="IK17" s="342">
        <v>0</v>
      </c>
      <c r="IL17" s="343">
        <v>0</v>
      </c>
      <c r="IM17" s="344">
        <v>0</v>
      </c>
      <c r="IN17" s="404">
        <v>0</v>
      </c>
      <c r="IO17" s="345">
        <v>707526</v>
      </c>
      <c r="IP17" s="345">
        <v>852156</v>
      </c>
      <c r="IQ17" s="345">
        <v>498505</v>
      </c>
      <c r="IR17" s="345">
        <v>1654591</v>
      </c>
      <c r="IS17" s="345">
        <v>1596389</v>
      </c>
      <c r="IT17" s="346">
        <v>5309167</v>
      </c>
      <c r="IU17" s="347">
        <v>5309167</v>
      </c>
      <c r="IV17" s="348">
        <v>0</v>
      </c>
      <c r="IW17" s="345">
        <v>0</v>
      </c>
      <c r="IX17" s="349">
        <v>0</v>
      </c>
      <c r="IY17" s="413">
        <v>0</v>
      </c>
      <c r="IZ17" s="345">
        <v>207044</v>
      </c>
      <c r="JA17" s="345">
        <v>198017</v>
      </c>
      <c r="JB17" s="345">
        <v>150760</v>
      </c>
      <c r="JC17" s="345">
        <v>752389</v>
      </c>
      <c r="JD17" s="345">
        <v>175087</v>
      </c>
      <c r="JE17" s="349">
        <v>1483297</v>
      </c>
      <c r="JF17" s="350">
        <v>1483297</v>
      </c>
      <c r="JG17" s="348">
        <v>0</v>
      </c>
      <c r="JH17" s="345">
        <v>0</v>
      </c>
      <c r="JI17" s="346">
        <v>0</v>
      </c>
      <c r="JJ17" s="351">
        <v>0</v>
      </c>
      <c r="JK17" s="345">
        <v>26415567</v>
      </c>
      <c r="JL17" s="345">
        <v>19041980</v>
      </c>
      <c r="JM17" s="345">
        <v>15579209</v>
      </c>
      <c r="JN17" s="345">
        <v>9302214</v>
      </c>
      <c r="JO17" s="345">
        <v>4258147</v>
      </c>
      <c r="JP17" s="349">
        <v>74597117</v>
      </c>
      <c r="JQ17" s="347">
        <v>74597117</v>
      </c>
      <c r="JR17" s="348">
        <v>0</v>
      </c>
      <c r="JS17" s="345">
        <v>0</v>
      </c>
      <c r="JT17" s="346">
        <v>0</v>
      </c>
      <c r="JU17" s="351">
        <v>0</v>
      </c>
      <c r="JV17" s="345">
        <v>2115462</v>
      </c>
      <c r="JW17" s="345">
        <v>1494816</v>
      </c>
      <c r="JX17" s="345">
        <v>1223114</v>
      </c>
      <c r="JY17" s="345">
        <v>1116103</v>
      </c>
      <c r="JZ17" s="345">
        <v>172913</v>
      </c>
      <c r="KA17" s="349">
        <v>6122408</v>
      </c>
      <c r="KB17" s="347">
        <v>6122408</v>
      </c>
      <c r="KC17" s="352">
        <v>156807</v>
      </c>
      <c r="KD17" s="353">
        <v>422176</v>
      </c>
      <c r="KE17" s="349">
        <v>578983</v>
      </c>
      <c r="KF17" s="351">
        <v>0</v>
      </c>
      <c r="KG17" s="345">
        <v>4604813</v>
      </c>
      <c r="KH17" s="345">
        <v>7475915</v>
      </c>
      <c r="KI17" s="345">
        <v>9652374</v>
      </c>
      <c r="KJ17" s="345">
        <v>7276810</v>
      </c>
      <c r="KK17" s="345">
        <v>3062736</v>
      </c>
      <c r="KL17" s="349">
        <v>32072648</v>
      </c>
      <c r="KM17" s="354">
        <v>32651631</v>
      </c>
      <c r="KN17" s="342">
        <v>0</v>
      </c>
      <c r="KO17" s="343">
        <v>523778</v>
      </c>
      <c r="KP17" s="344">
        <v>523778</v>
      </c>
      <c r="KQ17" s="413">
        <v>0</v>
      </c>
      <c r="KR17" s="345">
        <v>14583667</v>
      </c>
      <c r="KS17" s="345">
        <v>21970586</v>
      </c>
      <c r="KT17" s="345">
        <v>25704447</v>
      </c>
      <c r="KU17" s="345">
        <v>17444233</v>
      </c>
      <c r="KV17" s="345">
        <v>6397568</v>
      </c>
      <c r="KW17" s="349">
        <v>86100501</v>
      </c>
      <c r="KX17" s="347">
        <v>86624279</v>
      </c>
      <c r="KY17" s="348">
        <v>0</v>
      </c>
      <c r="KZ17" s="345">
        <v>0</v>
      </c>
      <c r="LA17" s="349">
        <v>0</v>
      </c>
      <c r="LB17" s="413">
        <v>0</v>
      </c>
      <c r="LC17" s="345">
        <v>0</v>
      </c>
      <c r="LD17" s="345">
        <v>0</v>
      </c>
      <c r="LE17" s="345">
        <v>0</v>
      </c>
      <c r="LF17" s="345">
        <v>0</v>
      </c>
      <c r="LG17" s="345">
        <v>0</v>
      </c>
      <c r="LH17" s="349">
        <v>0</v>
      </c>
      <c r="LI17" s="350">
        <v>0</v>
      </c>
      <c r="LJ17" s="348">
        <v>0</v>
      </c>
      <c r="LK17" s="345">
        <v>0</v>
      </c>
      <c r="LL17" s="349">
        <v>0</v>
      </c>
      <c r="LM17" s="413">
        <v>0</v>
      </c>
      <c r="LN17" s="345">
        <v>0</v>
      </c>
      <c r="LO17" s="345">
        <v>264186</v>
      </c>
      <c r="LP17" s="345">
        <v>0</v>
      </c>
      <c r="LQ17" s="345">
        <v>311256</v>
      </c>
      <c r="LR17" s="345">
        <v>0</v>
      </c>
      <c r="LS17" s="349">
        <v>575442</v>
      </c>
      <c r="LT17" s="347">
        <v>575442</v>
      </c>
      <c r="LU17" s="348">
        <v>0</v>
      </c>
      <c r="LV17" s="345">
        <v>0</v>
      </c>
      <c r="LW17" s="349">
        <v>0</v>
      </c>
      <c r="LX17" s="413">
        <v>0</v>
      </c>
      <c r="LY17" s="345">
        <v>2026035</v>
      </c>
      <c r="LZ17" s="345">
        <v>1521739</v>
      </c>
      <c r="MA17" s="345">
        <v>2086008</v>
      </c>
      <c r="MB17" s="345">
        <v>2042147</v>
      </c>
      <c r="MC17" s="345">
        <v>3473276</v>
      </c>
      <c r="MD17" s="349">
        <v>11149205</v>
      </c>
      <c r="ME17" s="350">
        <v>11149205</v>
      </c>
      <c r="MF17" s="348">
        <v>0</v>
      </c>
      <c r="MG17" s="345">
        <v>0</v>
      </c>
      <c r="MH17" s="349">
        <v>0</v>
      </c>
      <c r="MI17" s="413">
        <v>0</v>
      </c>
      <c r="MJ17" s="345">
        <v>13230157</v>
      </c>
      <c r="MK17" s="345">
        <v>31703297</v>
      </c>
      <c r="ML17" s="345">
        <v>96189454</v>
      </c>
      <c r="MM17" s="345">
        <v>163086949</v>
      </c>
      <c r="MN17" s="345">
        <v>109479364</v>
      </c>
      <c r="MO17" s="349">
        <v>413689221</v>
      </c>
      <c r="MP17" s="354">
        <v>413689221</v>
      </c>
      <c r="MQ17" s="348">
        <v>0</v>
      </c>
      <c r="MR17" s="345">
        <v>0</v>
      </c>
      <c r="MS17" s="349">
        <v>0</v>
      </c>
      <c r="MT17" s="413">
        <v>0</v>
      </c>
      <c r="MU17" s="345">
        <v>428377</v>
      </c>
      <c r="MV17" s="345">
        <v>1212583</v>
      </c>
      <c r="MW17" s="345">
        <v>51599058</v>
      </c>
      <c r="MX17" s="345">
        <v>107018344</v>
      </c>
      <c r="MY17" s="345">
        <v>64443433</v>
      </c>
      <c r="MZ17" s="349">
        <v>224701795</v>
      </c>
      <c r="NA17" s="354">
        <v>224701795</v>
      </c>
      <c r="NB17" s="348">
        <v>0</v>
      </c>
      <c r="NC17" s="345">
        <v>0</v>
      </c>
      <c r="ND17" s="349">
        <v>0</v>
      </c>
      <c r="NE17" s="413">
        <v>0</v>
      </c>
      <c r="NF17" s="345">
        <v>12035828</v>
      </c>
      <c r="NG17" s="345">
        <v>27784784</v>
      </c>
      <c r="NH17" s="345">
        <v>41723312</v>
      </c>
      <c r="NI17" s="345">
        <v>51427963</v>
      </c>
      <c r="NJ17" s="345">
        <v>29650612</v>
      </c>
      <c r="NK17" s="349">
        <v>162622499</v>
      </c>
      <c r="NL17" s="347">
        <v>162622499</v>
      </c>
      <c r="NM17" s="348">
        <v>0</v>
      </c>
      <c r="NN17" s="345">
        <v>0</v>
      </c>
      <c r="NO17" s="349">
        <v>0</v>
      </c>
      <c r="NP17" s="413">
        <v>0</v>
      </c>
      <c r="NQ17" s="345">
        <v>0</v>
      </c>
      <c r="NR17" s="345">
        <v>0</v>
      </c>
      <c r="NS17" s="345">
        <v>0</v>
      </c>
      <c r="NT17" s="345">
        <v>0</v>
      </c>
      <c r="NU17" s="345">
        <v>0</v>
      </c>
      <c r="NV17" s="349">
        <v>0</v>
      </c>
      <c r="NW17" s="350">
        <v>0</v>
      </c>
      <c r="NX17" s="348">
        <v>0</v>
      </c>
      <c r="NY17" s="345">
        <v>0</v>
      </c>
      <c r="NZ17" s="349">
        <v>0</v>
      </c>
      <c r="OA17" s="413">
        <v>0</v>
      </c>
      <c r="OB17" s="345">
        <v>765952</v>
      </c>
      <c r="OC17" s="345">
        <v>2705930</v>
      </c>
      <c r="OD17" s="345">
        <v>2867084</v>
      </c>
      <c r="OE17" s="345">
        <v>4640642</v>
      </c>
      <c r="OF17" s="345">
        <v>15385319</v>
      </c>
      <c r="OG17" s="349">
        <v>26364927</v>
      </c>
      <c r="OH17" s="350">
        <v>26364927</v>
      </c>
      <c r="OI17" s="348">
        <v>11550498</v>
      </c>
      <c r="OJ17" s="345">
        <v>17249096</v>
      </c>
      <c r="OK17" s="346">
        <v>28799594</v>
      </c>
      <c r="OL17" s="351">
        <v>0</v>
      </c>
      <c r="OM17" s="345">
        <v>226268351</v>
      </c>
      <c r="ON17" s="345">
        <v>232567848</v>
      </c>
      <c r="OO17" s="345">
        <v>290052473</v>
      </c>
      <c r="OP17" s="345">
        <v>351235412</v>
      </c>
      <c r="OQ17" s="345">
        <v>235204084</v>
      </c>
      <c r="OR17" s="349">
        <v>1335328168</v>
      </c>
      <c r="OS17" s="354">
        <v>1364127762</v>
      </c>
    </row>
    <row r="18" spans="2:409" s="70" customFormat="1" ht="21" customHeight="1" x14ac:dyDescent="0.2">
      <c r="B18" s="410" t="s">
        <v>12</v>
      </c>
      <c r="C18" s="326">
        <v>16432501</v>
      </c>
      <c r="D18" s="327">
        <v>37647387</v>
      </c>
      <c r="E18" s="328">
        <v>54079888</v>
      </c>
      <c r="F18" s="329">
        <v>0</v>
      </c>
      <c r="G18" s="327">
        <v>146133560</v>
      </c>
      <c r="H18" s="366">
        <v>174491957</v>
      </c>
      <c r="I18" s="366">
        <v>156035292</v>
      </c>
      <c r="J18" s="366">
        <v>166631622</v>
      </c>
      <c r="K18" s="366">
        <v>117890037</v>
      </c>
      <c r="L18" s="331">
        <v>761182468</v>
      </c>
      <c r="M18" s="330">
        <v>815262356</v>
      </c>
      <c r="N18" s="326">
        <v>3726804</v>
      </c>
      <c r="O18" s="327">
        <v>11303028</v>
      </c>
      <c r="P18" s="328">
        <v>15029832</v>
      </c>
      <c r="Q18" s="326">
        <v>0</v>
      </c>
      <c r="R18" s="327">
        <v>42158616</v>
      </c>
      <c r="S18" s="327">
        <v>56448600</v>
      </c>
      <c r="T18" s="327">
        <v>52421614</v>
      </c>
      <c r="U18" s="327">
        <v>66629737</v>
      </c>
      <c r="V18" s="327">
        <v>61115077</v>
      </c>
      <c r="W18" s="328">
        <v>278773644</v>
      </c>
      <c r="X18" s="330">
        <v>293803476</v>
      </c>
      <c r="Y18" s="326">
        <v>0</v>
      </c>
      <c r="Z18" s="327">
        <v>0</v>
      </c>
      <c r="AA18" s="328">
        <v>0</v>
      </c>
      <c r="AB18" s="326">
        <v>0</v>
      </c>
      <c r="AC18" s="327">
        <v>24413452</v>
      </c>
      <c r="AD18" s="327">
        <v>30301364</v>
      </c>
      <c r="AE18" s="327">
        <v>33522077</v>
      </c>
      <c r="AF18" s="327">
        <v>43716746</v>
      </c>
      <c r="AG18" s="327">
        <v>41471586</v>
      </c>
      <c r="AH18" s="328">
        <v>173425225</v>
      </c>
      <c r="AI18" s="330">
        <v>173425225</v>
      </c>
      <c r="AJ18" s="326">
        <v>0</v>
      </c>
      <c r="AK18" s="327">
        <v>137330</v>
      </c>
      <c r="AL18" s="328">
        <v>137330</v>
      </c>
      <c r="AM18" s="326">
        <v>0</v>
      </c>
      <c r="AN18" s="327">
        <v>200832</v>
      </c>
      <c r="AO18" s="327">
        <v>1254662</v>
      </c>
      <c r="AP18" s="327">
        <v>971012</v>
      </c>
      <c r="AQ18" s="327">
        <v>4123155</v>
      </c>
      <c r="AR18" s="327">
        <v>5119307</v>
      </c>
      <c r="AS18" s="328">
        <v>11668968</v>
      </c>
      <c r="AT18" s="330">
        <v>11806298</v>
      </c>
      <c r="AU18" s="326">
        <v>2666460</v>
      </c>
      <c r="AV18" s="327">
        <v>9158427</v>
      </c>
      <c r="AW18" s="328">
        <v>11824887</v>
      </c>
      <c r="AX18" s="326">
        <v>0</v>
      </c>
      <c r="AY18" s="327">
        <v>12187235</v>
      </c>
      <c r="AZ18" s="327">
        <v>17679895</v>
      </c>
      <c r="BA18" s="327">
        <v>11597452</v>
      </c>
      <c r="BB18" s="327">
        <v>11385028</v>
      </c>
      <c r="BC18" s="327">
        <v>9310681</v>
      </c>
      <c r="BD18" s="328">
        <v>62160291</v>
      </c>
      <c r="BE18" s="330">
        <v>73985178</v>
      </c>
      <c r="BF18" s="326">
        <v>192580</v>
      </c>
      <c r="BG18" s="327">
        <v>707361</v>
      </c>
      <c r="BH18" s="331">
        <v>899941</v>
      </c>
      <c r="BI18" s="332">
        <v>0</v>
      </c>
      <c r="BJ18" s="327">
        <v>479972</v>
      </c>
      <c r="BK18" s="327">
        <v>1483108</v>
      </c>
      <c r="BL18" s="327">
        <v>870094</v>
      </c>
      <c r="BM18" s="327">
        <v>678209</v>
      </c>
      <c r="BN18" s="327">
        <v>467167</v>
      </c>
      <c r="BO18" s="328">
        <v>3978550</v>
      </c>
      <c r="BP18" s="330">
        <v>4878491</v>
      </c>
      <c r="BQ18" s="326">
        <v>867764</v>
      </c>
      <c r="BR18" s="327">
        <v>1299910</v>
      </c>
      <c r="BS18" s="328">
        <v>2167674</v>
      </c>
      <c r="BT18" s="326">
        <v>0</v>
      </c>
      <c r="BU18" s="327">
        <v>4877125</v>
      </c>
      <c r="BV18" s="327">
        <v>5729571</v>
      </c>
      <c r="BW18" s="327">
        <v>5460979</v>
      </c>
      <c r="BX18" s="327">
        <v>6726599</v>
      </c>
      <c r="BY18" s="327">
        <v>4746336</v>
      </c>
      <c r="BZ18" s="328">
        <v>27540610</v>
      </c>
      <c r="CA18" s="330">
        <v>29708284</v>
      </c>
      <c r="CB18" s="326">
        <v>2481435</v>
      </c>
      <c r="CC18" s="327">
        <v>6314254</v>
      </c>
      <c r="CD18" s="328">
        <v>8795689</v>
      </c>
      <c r="CE18" s="326">
        <v>0</v>
      </c>
      <c r="CF18" s="327">
        <v>48068200</v>
      </c>
      <c r="CG18" s="327">
        <v>49443086</v>
      </c>
      <c r="CH18" s="327">
        <v>37746633</v>
      </c>
      <c r="CI18" s="327">
        <v>29738421</v>
      </c>
      <c r="CJ18" s="327">
        <v>14051880</v>
      </c>
      <c r="CK18" s="328">
        <v>179048220</v>
      </c>
      <c r="CL18" s="330">
        <v>187843909</v>
      </c>
      <c r="CM18" s="326">
        <v>0</v>
      </c>
      <c r="CN18" s="327">
        <v>0</v>
      </c>
      <c r="CO18" s="328">
        <v>0</v>
      </c>
      <c r="CP18" s="332">
        <v>0</v>
      </c>
      <c r="CQ18" s="327">
        <v>42286285</v>
      </c>
      <c r="CR18" s="327">
        <v>37182326</v>
      </c>
      <c r="CS18" s="327">
        <v>29544109</v>
      </c>
      <c r="CT18" s="327">
        <v>23348675</v>
      </c>
      <c r="CU18" s="327">
        <v>11490787</v>
      </c>
      <c r="CV18" s="328">
        <v>143852182</v>
      </c>
      <c r="CW18" s="330">
        <v>143852182</v>
      </c>
      <c r="CX18" s="326">
        <v>2481435</v>
      </c>
      <c r="CY18" s="327">
        <v>6314254</v>
      </c>
      <c r="CZ18" s="328">
        <v>8795689</v>
      </c>
      <c r="DA18" s="326">
        <v>0</v>
      </c>
      <c r="DB18" s="327">
        <v>5781915</v>
      </c>
      <c r="DC18" s="327">
        <v>12260760</v>
      </c>
      <c r="DD18" s="327">
        <v>8202524</v>
      </c>
      <c r="DE18" s="327">
        <v>6389746</v>
      </c>
      <c r="DF18" s="327">
        <v>2561093</v>
      </c>
      <c r="DG18" s="328">
        <v>35196038</v>
      </c>
      <c r="DH18" s="330">
        <v>43991727</v>
      </c>
      <c r="DI18" s="326">
        <v>210573</v>
      </c>
      <c r="DJ18" s="327">
        <v>836831</v>
      </c>
      <c r="DK18" s="331">
        <v>1047404</v>
      </c>
      <c r="DL18" s="332">
        <v>0</v>
      </c>
      <c r="DM18" s="327">
        <v>5480749</v>
      </c>
      <c r="DN18" s="327">
        <v>8271919</v>
      </c>
      <c r="DO18" s="327">
        <v>12949514</v>
      </c>
      <c r="DP18" s="327">
        <v>12203028</v>
      </c>
      <c r="DQ18" s="327">
        <v>6700967</v>
      </c>
      <c r="DR18" s="328">
        <v>45606177</v>
      </c>
      <c r="DS18" s="330">
        <v>46653581</v>
      </c>
      <c r="DT18" s="326">
        <v>210573</v>
      </c>
      <c r="DU18" s="327">
        <v>774722</v>
      </c>
      <c r="DV18" s="328">
        <v>985295</v>
      </c>
      <c r="DW18" s="326">
        <v>0</v>
      </c>
      <c r="DX18" s="327">
        <v>5245201</v>
      </c>
      <c r="DY18" s="327">
        <v>7936135</v>
      </c>
      <c r="DZ18" s="327">
        <v>12389752</v>
      </c>
      <c r="EA18" s="327">
        <v>11731802</v>
      </c>
      <c r="EB18" s="327">
        <v>6590788</v>
      </c>
      <c r="EC18" s="328">
        <v>43893678</v>
      </c>
      <c r="ED18" s="330">
        <v>44878973</v>
      </c>
      <c r="EE18" s="326">
        <v>0</v>
      </c>
      <c r="EF18" s="331">
        <v>62109</v>
      </c>
      <c r="EG18" s="328">
        <v>62109</v>
      </c>
      <c r="EH18" s="326">
        <v>0</v>
      </c>
      <c r="EI18" s="327">
        <v>235548</v>
      </c>
      <c r="EJ18" s="327">
        <v>335784</v>
      </c>
      <c r="EK18" s="327">
        <v>559762</v>
      </c>
      <c r="EL18" s="327">
        <v>471226</v>
      </c>
      <c r="EM18" s="327">
        <v>110179</v>
      </c>
      <c r="EN18" s="331">
        <v>1712499</v>
      </c>
      <c r="EO18" s="330">
        <v>1774608</v>
      </c>
      <c r="EP18" s="326">
        <v>0</v>
      </c>
      <c r="EQ18" s="327">
        <v>0</v>
      </c>
      <c r="ER18" s="331">
        <v>0</v>
      </c>
      <c r="ES18" s="332">
        <v>0</v>
      </c>
      <c r="ET18" s="327">
        <v>0</v>
      </c>
      <c r="EU18" s="327">
        <v>0</v>
      </c>
      <c r="EV18" s="327">
        <v>0</v>
      </c>
      <c r="EW18" s="327">
        <v>0</v>
      </c>
      <c r="EX18" s="327">
        <v>0</v>
      </c>
      <c r="EY18" s="328">
        <v>0</v>
      </c>
      <c r="EZ18" s="330">
        <v>0</v>
      </c>
      <c r="FA18" s="326">
        <v>0</v>
      </c>
      <c r="FB18" s="327">
        <v>0</v>
      </c>
      <c r="FC18" s="331">
        <v>0</v>
      </c>
      <c r="FD18" s="332">
        <v>0</v>
      </c>
      <c r="FE18" s="327">
        <v>0</v>
      </c>
      <c r="FF18" s="327">
        <v>0</v>
      </c>
      <c r="FG18" s="327">
        <v>0</v>
      </c>
      <c r="FH18" s="327">
        <v>0</v>
      </c>
      <c r="FI18" s="327">
        <v>0</v>
      </c>
      <c r="FJ18" s="328">
        <v>0</v>
      </c>
      <c r="FK18" s="330">
        <v>0</v>
      </c>
      <c r="FL18" s="326">
        <v>4122529</v>
      </c>
      <c r="FM18" s="327">
        <v>9546859</v>
      </c>
      <c r="FN18" s="328">
        <v>13669388</v>
      </c>
      <c r="FO18" s="326">
        <v>0</v>
      </c>
      <c r="FP18" s="327">
        <v>5268592</v>
      </c>
      <c r="FQ18" s="327">
        <v>15798668</v>
      </c>
      <c r="FR18" s="327">
        <v>12631917</v>
      </c>
      <c r="FS18" s="327">
        <v>13375987</v>
      </c>
      <c r="FT18" s="327">
        <v>9055023</v>
      </c>
      <c r="FU18" s="328">
        <v>56130187</v>
      </c>
      <c r="FV18" s="330">
        <v>69799575</v>
      </c>
      <c r="FW18" s="333">
        <v>2488425</v>
      </c>
      <c r="FX18" s="327">
        <v>6603710</v>
      </c>
      <c r="FY18" s="331">
        <v>9092135</v>
      </c>
      <c r="FZ18" s="332">
        <v>0</v>
      </c>
      <c r="GA18" s="327">
        <v>4264422</v>
      </c>
      <c r="GB18" s="327">
        <v>14730499</v>
      </c>
      <c r="GC18" s="327">
        <v>11901307</v>
      </c>
      <c r="GD18" s="327">
        <v>12730835</v>
      </c>
      <c r="GE18" s="327">
        <v>8381969</v>
      </c>
      <c r="GF18" s="328">
        <v>52009032</v>
      </c>
      <c r="GG18" s="334">
        <v>61101167</v>
      </c>
      <c r="GH18" s="333">
        <v>192103</v>
      </c>
      <c r="GI18" s="327">
        <v>474962</v>
      </c>
      <c r="GJ18" s="331">
        <v>667065</v>
      </c>
      <c r="GK18" s="332">
        <v>0</v>
      </c>
      <c r="GL18" s="327">
        <v>313289</v>
      </c>
      <c r="GM18" s="327">
        <v>294887</v>
      </c>
      <c r="GN18" s="327">
        <v>171220</v>
      </c>
      <c r="GO18" s="327">
        <v>403152</v>
      </c>
      <c r="GP18" s="327">
        <v>228904</v>
      </c>
      <c r="GQ18" s="328">
        <v>1411452</v>
      </c>
      <c r="GR18" s="330">
        <v>2078517</v>
      </c>
      <c r="GS18" s="326">
        <v>1442001</v>
      </c>
      <c r="GT18" s="327">
        <v>2468187</v>
      </c>
      <c r="GU18" s="328">
        <v>3910188</v>
      </c>
      <c r="GV18" s="326">
        <v>0</v>
      </c>
      <c r="GW18" s="327">
        <v>690881</v>
      </c>
      <c r="GX18" s="327">
        <v>773282</v>
      </c>
      <c r="GY18" s="327">
        <v>559390</v>
      </c>
      <c r="GZ18" s="327">
        <v>242000</v>
      </c>
      <c r="HA18" s="327">
        <v>444150</v>
      </c>
      <c r="HB18" s="331">
        <v>2709703</v>
      </c>
      <c r="HC18" s="330">
        <v>6619891</v>
      </c>
      <c r="HD18" s="326">
        <v>2510610</v>
      </c>
      <c r="HE18" s="327">
        <v>3768117</v>
      </c>
      <c r="HF18" s="331">
        <v>6278727</v>
      </c>
      <c r="HG18" s="332">
        <v>0</v>
      </c>
      <c r="HH18" s="327">
        <v>21858357</v>
      </c>
      <c r="HI18" s="327">
        <v>23829693</v>
      </c>
      <c r="HJ18" s="327">
        <v>25774614</v>
      </c>
      <c r="HK18" s="327">
        <v>33051388</v>
      </c>
      <c r="HL18" s="327">
        <v>20601679</v>
      </c>
      <c r="HM18" s="328">
        <v>125115731</v>
      </c>
      <c r="HN18" s="329">
        <v>131394458</v>
      </c>
      <c r="HO18" s="333">
        <v>3380550</v>
      </c>
      <c r="HP18" s="327">
        <v>5878298</v>
      </c>
      <c r="HQ18" s="328">
        <v>9258848</v>
      </c>
      <c r="HR18" s="326">
        <v>0</v>
      </c>
      <c r="HS18" s="327">
        <v>23299046</v>
      </c>
      <c r="HT18" s="327">
        <v>20699991</v>
      </c>
      <c r="HU18" s="327">
        <v>14511000</v>
      </c>
      <c r="HV18" s="327">
        <v>11633061</v>
      </c>
      <c r="HW18" s="327">
        <v>6365411</v>
      </c>
      <c r="HX18" s="331">
        <v>76508509</v>
      </c>
      <c r="HY18" s="330">
        <v>85767357</v>
      </c>
      <c r="HZ18" s="358">
        <v>0</v>
      </c>
      <c r="IA18" s="356">
        <v>92727</v>
      </c>
      <c r="IB18" s="358">
        <v>92727</v>
      </c>
      <c r="IC18" s="355">
        <v>0</v>
      </c>
      <c r="ID18" s="356">
        <v>37484766</v>
      </c>
      <c r="IE18" s="357">
        <v>42642010</v>
      </c>
      <c r="IF18" s="358">
        <v>53757744</v>
      </c>
      <c r="IG18" s="356">
        <v>43502615</v>
      </c>
      <c r="IH18" s="358">
        <v>32570497</v>
      </c>
      <c r="II18" s="359">
        <v>209957632</v>
      </c>
      <c r="IJ18" s="358">
        <v>210050359</v>
      </c>
      <c r="IK18" s="342">
        <v>0</v>
      </c>
      <c r="IL18" s="343">
        <v>0</v>
      </c>
      <c r="IM18" s="344">
        <v>0</v>
      </c>
      <c r="IN18" s="404">
        <v>0</v>
      </c>
      <c r="IO18" s="345">
        <v>649361</v>
      </c>
      <c r="IP18" s="345">
        <v>510127</v>
      </c>
      <c r="IQ18" s="345">
        <v>608171</v>
      </c>
      <c r="IR18" s="345">
        <v>770050</v>
      </c>
      <c r="IS18" s="345">
        <v>1412391</v>
      </c>
      <c r="IT18" s="346">
        <v>3950100</v>
      </c>
      <c r="IU18" s="347">
        <v>3950100</v>
      </c>
      <c r="IV18" s="348">
        <v>0</v>
      </c>
      <c r="IW18" s="345">
        <v>0</v>
      </c>
      <c r="IX18" s="349">
        <v>0</v>
      </c>
      <c r="IY18" s="413">
        <v>0</v>
      </c>
      <c r="IZ18" s="345">
        <v>0</v>
      </c>
      <c r="JA18" s="345">
        <v>0</v>
      </c>
      <c r="JB18" s="345">
        <v>0</v>
      </c>
      <c r="JC18" s="345">
        <v>0</v>
      </c>
      <c r="JD18" s="345">
        <v>0</v>
      </c>
      <c r="JE18" s="349">
        <v>0</v>
      </c>
      <c r="JF18" s="350">
        <v>0</v>
      </c>
      <c r="JG18" s="348">
        <v>0</v>
      </c>
      <c r="JH18" s="345">
        <v>0</v>
      </c>
      <c r="JI18" s="346">
        <v>0</v>
      </c>
      <c r="JJ18" s="351">
        <v>0</v>
      </c>
      <c r="JK18" s="345">
        <v>20985795</v>
      </c>
      <c r="JL18" s="345">
        <v>17341048</v>
      </c>
      <c r="JM18" s="345">
        <v>15307150</v>
      </c>
      <c r="JN18" s="345">
        <v>7111765</v>
      </c>
      <c r="JO18" s="345">
        <v>3791125</v>
      </c>
      <c r="JP18" s="349">
        <v>64536883</v>
      </c>
      <c r="JQ18" s="347">
        <v>64536883</v>
      </c>
      <c r="JR18" s="348">
        <v>0</v>
      </c>
      <c r="JS18" s="345">
        <v>0</v>
      </c>
      <c r="JT18" s="346">
        <v>0</v>
      </c>
      <c r="JU18" s="351">
        <v>0</v>
      </c>
      <c r="JV18" s="345">
        <v>397915</v>
      </c>
      <c r="JW18" s="345">
        <v>112230</v>
      </c>
      <c r="JX18" s="345">
        <v>40951</v>
      </c>
      <c r="JY18" s="345">
        <v>59353</v>
      </c>
      <c r="JZ18" s="345">
        <v>223176</v>
      </c>
      <c r="KA18" s="349">
        <v>833625</v>
      </c>
      <c r="KB18" s="347">
        <v>833625</v>
      </c>
      <c r="KC18" s="352">
        <v>0</v>
      </c>
      <c r="KD18" s="353">
        <v>92727</v>
      </c>
      <c r="KE18" s="349">
        <v>92727</v>
      </c>
      <c r="KF18" s="351">
        <v>0</v>
      </c>
      <c r="KG18" s="345">
        <v>4101059</v>
      </c>
      <c r="KH18" s="345">
        <v>6099286</v>
      </c>
      <c r="KI18" s="345">
        <v>12522277</v>
      </c>
      <c r="KJ18" s="345">
        <v>11435823</v>
      </c>
      <c r="KK18" s="345">
        <v>8944641</v>
      </c>
      <c r="KL18" s="349">
        <v>43103086</v>
      </c>
      <c r="KM18" s="354">
        <v>43195813</v>
      </c>
      <c r="KN18" s="342">
        <v>0</v>
      </c>
      <c r="KO18" s="343">
        <v>0</v>
      </c>
      <c r="KP18" s="344">
        <v>0</v>
      </c>
      <c r="KQ18" s="413">
        <v>0</v>
      </c>
      <c r="KR18" s="345">
        <v>10360749</v>
      </c>
      <c r="KS18" s="345">
        <v>13988536</v>
      </c>
      <c r="KT18" s="345">
        <v>12443315</v>
      </c>
      <c r="KU18" s="345">
        <v>9632271</v>
      </c>
      <c r="KV18" s="345">
        <v>10357162</v>
      </c>
      <c r="KW18" s="349">
        <v>56782033</v>
      </c>
      <c r="KX18" s="347">
        <v>56782033</v>
      </c>
      <c r="KY18" s="348">
        <v>0</v>
      </c>
      <c r="KZ18" s="345">
        <v>0</v>
      </c>
      <c r="LA18" s="349">
        <v>0</v>
      </c>
      <c r="LB18" s="413">
        <v>0</v>
      </c>
      <c r="LC18" s="345">
        <v>0</v>
      </c>
      <c r="LD18" s="345">
        <v>1175559</v>
      </c>
      <c r="LE18" s="345">
        <v>1621732</v>
      </c>
      <c r="LF18" s="345">
        <v>2219614</v>
      </c>
      <c r="LG18" s="345">
        <v>1231214</v>
      </c>
      <c r="LH18" s="349">
        <v>6248119</v>
      </c>
      <c r="LI18" s="350">
        <v>6248119</v>
      </c>
      <c r="LJ18" s="348">
        <v>0</v>
      </c>
      <c r="LK18" s="345">
        <v>0</v>
      </c>
      <c r="LL18" s="349">
        <v>0</v>
      </c>
      <c r="LM18" s="413">
        <v>0</v>
      </c>
      <c r="LN18" s="345">
        <v>0</v>
      </c>
      <c r="LO18" s="345">
        <v>0</v>
      </c>
      <c r="LP18" s="345">
        <v>3377069</v>
      </c>
      <c r="LQ18" s="345">
        <v>3894449</v>
      </c>
      <c r="LR18" s="345">
        <v>1318566</v>
      </c>
      <c r="LS18" s="349">
        <v>8590084</v>
      </c>
      <c r="LT18" s="347">
        <v>8590084</v>
      </c>
      <c r="LU18" s="348">
        <v>0</v>
      </c>
      <c r="LV18" s="345">
        <v>0</v>
      </c>
      <c r="LW18" s="349">
        <v>0</v>
      </c>
      <c r="LX18" s="413">
        <v>0</v>
      </c>
      <c r="LY18" s="345">
        <v>989887</v>
      </c>
      <c r="LZ18" s="345">
        <v>3415224</v>
      </c>
      <c r="MA18" s="345">
        <v>7837079</v>
      </c>
      <c r="MB18" s="345">
        <v>8379290</v>
      </c>
      <c r="MC18" s="345">
        <v>5292222</v>
      </c>
      <c r="MD18" s="349">
        <v>25913702</v>
      </c>
      <c r="ME18" s="350">
        <v>25913702</v>
      </c>
      <c r="MF18" s="348">
        <v>0</v>
      </c>
      <c r="MG18" s="345">
        <v>0</v>
      </c>
      <c r="MH18" s="349">
        <v>0</v>
      </c>
      <c r="MI18" s="413">
        <v>0</v>
      </c>
      <c r="MJ18" s="345">
        <v>10055523</v>
      </c>
      <c r="MK18" s="345">
        <v>27053389</v>
      </c>
      <c r="ML18" s="345">
        <v>102358183</v>
      </c>
      <c r="MM18" s="345">
        <v>157880674</v>
      </c>
      <c r="MN18" s="345">
        <v>92457836</v>
      </c>
      <c r="MO18" s="349">
        <v>389805605</v>
      </c>
      <c r="MP18" s="354">
        <v>389805605</v>
      </c>
      <c r="MQ18" s="348">
        <v>0</v>
      </c>
      <c r="MR18" s="345">
        <v>0</v>
      </c>
      <c r="MS18" s="349">
        <v>0</v>
      </c>
      <c r="MT18" s="413">
        <v>0</v>
      </c>
      <c r="MU18" s="345">
        <v>506055</v>
      </c>
      <c r="MV18" s="345">
        <v>2915875</v>
      </c>
      <c r="MW18" s="345">
        <v>52991597</v>
      </c>
      <c r="MX18" s="345">
        <v>95615084</v>
      </c>
      <c r="MY18" s="345">
        <v>62976023</v>
      </c>
      <c r="MZ18" s="349">
        <v>215004634</v>
      </c>
      <c r="NA18" s="354">
        <v>215004634</v>
      </c>
      <c r="NB18" s="348">
        <v>0</v>
      </c>
      <c r="NC18" s="345">
        <v>0</v>
      </c>
      <c r="ND18" s="349">
        <v>0</v>
      </c>
      <c r="NE18" s="413">
        <v>0</v>
      </c>
      <c r="NF18" s="345">
        <v>9549468</v>
      </c>
      <c r="NG18" s="345">
        <v>24137514</v>
      </c>
      <c r="NH18" s="345">
        <v>48273679</v>
      </c>
      <c r="NI18" s="345">
        <v>55741414</v>
      </c>
      <c r="NJ18" s="345">
        <v>25346804</v>
      </c>
      <c r="NK18" s="349">
        <v>163048879</v>
      </c>
      <c r="NL18" s="347">
        <v>163048879</v>
      </c>
      <c r="NM18" s="348">
        <v>0</v>
      </c>
      <c r="NN18" s="345">
        <v>0</v>
      </c>
      <c r="NO18" s="349">
        <v>0</v>
      </c>
      <c r="NP18" s="413">
        <v>0</v>
      </c>
      <c r="NQ18" s="345">
        <v>0</v>
      </c>
      <c r="NR18" s="345">
        <v>0</v>
      </c>
      <c r="NS18" s="345">
        <v>0</v>
      </c>
      <c r="NT18" s="345">
        <v>0</v>
      </c>
      <c r="NU18" s="345">
        <v>0</v>
      </c>
      <c r="NV18" s="349">
        <v>0</v>
      </c>
      <c r="NW18" s="350">
        <v>0</v>
      </c>
      <c r="NX18" s="348">
        <v>0</v>
      </c>
      <c r="NY18" s="345">
        <v>0</v>
      </c>
      <c r="NZ18" s="349">
        <v>0</v>
      </c>
      <c r="OA18" s="413">
        <v>0</v>
      </c>
      <c r="OB18" s="345">
        <v>0</v>
      </c>
      <c r="OC18" s="345">
        <v>0</v>
      </c>
      <c r="OD18" s="345">
        <v>1092907</v>
      </c>
      <c r="OE18" s="345">
        <v>6524176</v>
      </c>
      <c r="OF18" s="345">
        <v>4135009</v>
      </c>
      <c r="OG18" s="349">
        <v>11752092</v>
      </c>
      <c r="OH18" s="350">
        <v>11752092</v>
      </c>
      <c r="OI18" s="348">
        <v>16432501</v>
      </c>
      <c r="OJ18" s="345">
        <v>37740114</v>
      </c>
      <c r="OK18" s="346">
        <v>54172615</v>
      </c>
      <c r="OL18" s="351">
        <v>0</v>
      </c>
      <c r="OM18" s="345">
        <v>193673849</v>
      </c>
      <c r="ON18" s="345">
        <v>244187356</v>
      </c>
      <c r="OO18" s="345">
        <v>312151219</v>
      </c>
      <c r="OP18" s="345">
        <v>368014911</v>
      </c>
      <c r="OQ18" s="345">
        <v>242918370</v>
      </c>
      <c r="OR18" s="349">
        <v>1360945705</v>
      </c>
      <c r="OS18" s="354">
        <v>1415118320</v>
      </c>
    </row>
    <row r="19" spans="2:409" s="70" customFormat="1" ht="21" customHeight="1" x14ac:dyDescent="0.2">
      <c r="B19" s="410" t="s">
        <v>13</v>
      </c>
      <c r="C19" s="326">
        <v>3364153</v>
      </c>
      <c r="D19" s="327">
        <v>5718406</v>
      </c>
      <c r="E19" s="328">
        <v>9082559</v>
      </c>
      <c r="F19" s="326">
        <v>0</v>
      </c>
      <c r="G19" s="366">
        <v>54157808</v>
      </c>
      <c r="H19" s="327">
        <v>73586575</v>
      </c>
      <c r="I19" s="327">
        <v>59822949</v>
      </c>
      <c r="J19" s="327">
        <v>63310628</v>
      </c>
      <c r="K19" s="327">
        <v>58973295</v>
      </c>
      <c r="L19" s="331">
        <v>309851255</v>
      </c>
      <c r="M19" s="330">
        <v>318933814</v>
      </c>
      <c r="N19" s="326">
        <v>778729</v>
      </c>
      <c r="O19" s="327">
        <v>1182078</v>
      </c>
      <c r="P19" s="328">
        <v>1960807</v>
      </c>
      <c r="Q19" s="326">
        <v>0</v>
      </c>
      <c r="R19" s="327">
        <v>16953079</v>
      </c>
      <c r="S19" s="327">
        <v>24038576</v>
      </c>
      <c r="T19" s="327">
        <v>21033403</v>
      </c>
      <c r="U19" s="327">
        <v>23277775</v>
      </c>
      <c r="V19" s="327">
        <v>28602829</v>
      </c>
      <c r="W19" s="328">
        <v>113905662</v>
      </c>
      <c r="X19" s="330">
        <v>115866469</v>
      </c>
      <c r="Y19" s="326">
        <v>0</v>
      </c>
      <c r="Z19" s="327">
        <v>0</v>
      </c>
      <c r="AA19" s="328">
        <v>0</v>
      </c>
      <c r="AB19" s="326">
        <v>0</v>
      </c>
      <c r="AC19" s="327">
        <v>7773237</v>
      </c>
      <c r="AD19" s="327">
        <v>11524218</v>
      </c>
      <c r="AE19" s="327">
        <v>12749838</v>
      </c>
      <c r="AF19" s="327">
        <v>14782689</v>
      </c>
      <c r="AG19" s="327">
        <v>17716752</v>
      </c>
      <c r="AH19" s="328">
        <v>64546734</v>
      </c>
      <c r="AI19" s="330">
        <v>64546734</v>
      </c>
      <c r="AJ19" s="326">
        <v>0</v>
      </c>
      <c r="AK19" s="327">
        <v>0</v>
      </c>
      <c r="AL19" s="328">
        <v>0</v>
      </c>
      <c r="AM19" s="326">
        <v>0</v>
      </c>
      <c r="AN19" s="327">
        <v>15951</v>
      </c>
      <c r="AO19" s="327">
        <v>153135</v>
      </c>
      <c r="AP19" s="327">
        <v>169195</v>
      </c>
      <c r="AQ19" s="327">
        <v>1175081</v>
      </c>
      <c r="AR19" s="327">
        <v>3177025</v>
      </c>
      <c r="AS19" s="328">
        <v>4690387</v>
      </c>
      <c r="AT19" s="330">
        <v>4690387</v>
      </c>
      <c r="AU19" s="326">
        <v>308963</v>
      </c>
      <c r="AV19" s="327">
        <v>792244</v>
      </c>
      <c r="AW19" s="328">
        <v>1101207</v>
      </c>
      <c r="AX19" s="326">
        <v>0</v>
      </c>
      <c r="AY19" s="327">
        <v>5474402</v>
      </c>
      <c r="AZ19" s="327">
        <v>8454948</v>
      </c>
      <c r="BA19" s="327">
        <v>4613917</v>
      </c>
      <c r="BB19" s="327">
        <v>3923186</v>
      </c>
      <c r="BC19" s="327">
        <v>4667127</v>
      </c>
      <c r="BD19" s="328">
        <v>27133580</v>
      </c>
      <c r="BE19" s="330">
        <v>28234787</v>
      </c>
      <c r="BF19" s="326">
        <v>52830</v>
      </c>
      <c r="BG19" s="327">
        <v>48351</v>
      </c>
      <c r="BH19" s="331">
        <v>101181</v>
      </c>
      <c r="BI19" s="332">
        <v>0</v>
      </c>
      <c r="BJ19" s="327">
        <v>413365</v>
      </c>
      <c r="BK19" s="327">
        <v>484679</v>
      </c>
      <c r="BL19" s="327">
        <v>495507</v>
      </c>
      <c r="BM19" s="327">
        <v>136851</v>
      </c>
      <c r="BN19" s="327">
        <v>283643</v>
      </c>
      <c r="BO19" s="328">
        <v>1814045</v>
      </c>
      <c r="BP19" s="330">
        <v>1915226</v>
      </c>
      <c r="BQ19" s="326">
        <v>416936</v>
      </c>
      <c r="BR19" s="327">
        <v>341483</v>
      </c>
      <c r="BS19" s="328">
        <v>758419</v>
      </c>
      <c r="BT19" s="326">
        <v>0</v>
      </c>
      <c r="BU19" s="327">
        <v>3276124</v>
      </c>
      <c r="BV19" s="327">
        <v>3421596</v>
      </c>
      <c r="BW19" s="327">
        <v>3004946</v>
      </c>
      <c r="BX19" s="327">
        <v>3259968</v>
      </c>
      <c r="BY19" s="327">
        <v>2758282</v>
      </c>
      <c r="BZ19" s="328">
        <v>15720916</v>
      </c>
      <c r="CA19" s="330">
        <v>16479335</v>
      </c>
      <c r="CB19" s="326">
        <v>326425</v>
      </c>
      <c r="CC19" s="327">
        <v>737537</v>
      </c>
      <c r="CD19" s="328">
        <v>1063962</v>
      </c>
      <c r="CE19" s="326">
        <v>0</v>
      </c>
      <c r="CF19" s="327">
        <v>10410526</v>
      </c>
      <c r="CG19" s="327">
        <v>17148977</v>
      </c>
      <c r="CH19" s="327">
        <v>9499088</v>
      </c>
      <c r="CI19" s="327">
        <v>9973834</v>
      </c>
      <c r="CJ19" s="327">
        <v>5155936</v>
      </c>
      <c r="CK19" s="328">
        <v>52188361</v>
      </c>
      <c r="CL19" s="330">
        <v>53252323</v>
      </c>
      <c r="CM19" s="326">
        <v>0</v>
      </c>
      <c r="CN19" s="327">
        <v>0</v>
      </c>
      <c r="CO19" s="328">
        <v>0</v>
      </c>
      <c r="CP19" s="332">
        <v>0</v>
      </c>
      <c r="CQ19" s="327">
        <v>8927302</v>
      </c>
      <c r="CR19" s="327">
        <v>14705252</v>
      </c>
      <c r="CS19" s="327">
        <v>7784026</v>
      </c>
      <c r="CT19" s="327">
        <v>7934185</v>
      </c>
      <c r="CU19" s="327">
        <v>3970411</v>
      </c>
      <c r="CV19" s="328">
        <v>43321176</v>
      </c>
      <c r="CW19" s="330">
        <v>43321176</v>
      </c>
      <c r="CX19" s="326">
        <v>326425</v>
      </c>
      <c r="CY19" s="327">
        <v>737537</v>
      </c>
      <c r="CZ19" s="328">
        <v>1063962</v>
      </c>
      <c r="DA19" s="326">
        <v>0</v>
      </c>
      <c r="DB19" s="327">
        <v>1483224</v>
      </c>
      <c r="DC19" s="327">
        <v>2443725</v>
      </c>
      <c r="DD19" s="327">
        <v>1715062</v>
      </c>
      <c r="DE19" s="327">
        <v>2039649</v>
      </c>
      <c r="DF19" s="327">
        <v>1185525</v>
      </c>
      <c r="DG19" s="328">
        <v>8867185</v>
      </c>
      <c r="DH19" s="330">
        <v>9931147</v>
      </c>
      <c r="DI19" s="326">
        <v>0</v>
      </c>
      <c r="DJ19" s="327">
        <v>0</v>
      </c>
      <c r="DK19" s="331">
        <v>0</v>
      </c>
      <c r="DL19" s="332">
        <v>0</v>
      </c>
      <c r="DM19" s="327">
        <v>736215</v>
      </c>
      <c r="DN19" s="327">
        <v>2367504</v>
      </c>
      <c r="DO19" s="327">
        <v>5520218</v>
      </c>
      <c r="DP19" s="327">
        <v>3543547</v>
      </c>
      <c r="DQ19" s="327">
        <v>5745768</v>
      </c>
      <c r="DR19" s="328">
        <v>17913252</v>
      </c>
      <c r="DS19" s="330">
        <v>17913252</v>
      </c>
      <c r="DT19" s="326">
        <v>0</v>
      </c>
      <c r="DU19" s="327">
        <v>0</v>
      </c>
      <c r="DV19" s="328">
        <v>0</v>
      </c>
      <c r="DW19" s="326">
        <v>0</v>
      </c>
      <c r="DX19" s="327">
        <v>736215</v>
      </c>
      <c r="DY19" s="327">
        <v>2083783</v>
      </c>
      <c r="DZ19" s="327">
        <v>5105046</v>
      </c>
      <c r="EA19" s="327">
        <v>3241233</v>
      </c>
      <c r="EB19" s="327">
        <v>5259841</v>
      </c>
      <c r="EC19" s="328">
        <v>16426118</v>
      </c>
      <c r="ED19" s="330">
        <v>16426118</v>
      </c>
      <c r="EE19" s="326">
        <v>0</v>
      </c>
      <c r="EF19" s="331">
        <v>0</v>
      </c>
      <c r="EG19" s="328">
        <v>0</v>
      </c>
      <c r="EH19" s="326">
        <v>0</v>
      </c>
      <c r="EI19" s="327">
        <v>0</v>
      </c>
      <c r="EJ19" s="327">
        <v>283721</v>
      </c>
      <c r="EK19" s="327">
        <v>415172</v>
      </c>
      <c r="EL19" s="327">
        <v>302314</v>
      </c>
      <c r="EM19" s="327">
        <v>485927</v>
      </c>
      <c r="EN19" s="331">
        <v>1487134</v>
      </c>
      <c r="EO19" s="330">
        <v>1487134</v>
      </c>
      <c r="EP19" s="326">
        <v>0</v>
      </c>
      <c r="EQ19" s="327">
        <v>0</v>
      </c>
      <c r="ER19" s="331">
        <v>0</v>
      </c>
      <c r="ES19" s="332">
        <v>0</v>
      </c>
      <c r="ET19" s="327">
        <v>0</v>
      </c>
      <c r="EU19" s="327">
        <v>0</v>
      </c>
      <c r="EV19" s="327">
        <v>0</v>
      </c>
      <c r="EW19" s="327">
        <v>0</v>
      </c>
      <c r="EX19" s="327">
        <v>0</v>
      </c>
      <c r="EY19" s="328">
        <v>0</v>
      </c>
      <c r="EZ19" s="330">
        <v>0</v>
      </c>
      <c r="FA19" s="326">
        <v>0</v>
      </c>
      <c r="FB19" s="327">
        <v>0</v>
      </c>
      <c r="FC19" s="331">
        <v>0</v>
      </c>
      <c r="FD19" s="332">
        <v>0</v>
      </c>
      <c r="FE19" s="327">
        <v>0</v>
      </c>
      <c r="FF19" s="327">
        <v>0</v>
      </c>
      <c r="FG19" s="327">
        <v>0</v>
      </c>
      <c r="FH19" s="327">
        <v>0</v>
      </c>
      <c r="FI19" s="327">
        <v>0</v>
      </c>
      <c r="FJ19" s="328">
        <v>0</v>
      </c>
      <c r="FK19" s="330">
        <v>0</v>
      </c>
      <c r="FL19" s="326">
        <v>653139</v>
      </c>
      <c r="FM19" s="327">
        <v>1489605</v>
      </c>
      <c r="FN19" s="328">
        <v>2142744</v>
      </c>
      <c r="FO19" s="326">
        <v>0</v>
      </c>
      <c r="FP19" s="327">
        <v>2471777</v>
      </c>
      <c r="FQ19" s="327">
        <v>6038070</v>
      </c>
      <c r="FR19" s="327">
        <v>3909025</v>
      </c>
      <c r="FS19" s="327">
        <v>4185072</v>
      </c>
      <c r="FT19" s="327">
        <v>3069162</v>
      </c>
      <c r="FU19" s="328">
        <v>19673106</v>
      </c>
      <c r="FV19" s="330">
        <v>21815850</v>
      </c>
      <c r="FW19" s="333">
        <v>430097</v>
      </c>
      <c r="FX19" s="327">
        <v>982604</v>
      </c>
      <c r="FY19" s="331">
        <v>1412701</v>
      </c>
      <c r="FZ19" s="332">
        <v>0</v>
      </c>
      <c r="GA19" s="327">
        <v>1995175</v>
      </c>
      <c r="GB19" s="327">
        <v>5656552</v>
      </c>
      <c r="GC19" s="327">
        <v>3663088</v>
      </c>
      <c r="GD19" s="327">
        <v>3770020</v>
      </c>
      <c r="GE19" s="327">
        <v>2987883</v>
      </c>
      <c r="GF19" s="328">
        <v>18072718</v>
      </c>
      <c r="GG19" s="334">
        <v>19485419</v>
      </c>
      <c r="GH19" s="333">
        <v>35392</v>
      </c>
      <c r="GI19" s="327">
        <v>56281</v>
      </c>
      <c r="GJ19" s="331">
        <v>91673</v>
      </c>
      <c r="GK19" s="332">
        <v>0</v>
      </c>
      <c r="GL19" s="327">
        <v>87142</v>
      </c>
      <c r="GM19" s="327">
        <v>187118</v>
      </c>
      <c r="GN19" s="327">
        <v>65937</v>
      </c>
      <c r="GO19" s="327">
        <v>21252</v>
      </c>
      <c r="GP19" s="327">
        <v>81279</v>
      </c>
      <c r="GQ19" s="328">
        <v>442728</v>
      </c>
      <c r="GR19" s="330">
        <v>534401</v>
      </c>
      <c r="GS19" s="326">
        <v>187650</v>
      </c>
      <c r="GT19" s="327">
        <v>450720</v>
      </c>
      <c r="GU19" s="328">
        <v>638370</v>
      </c>
      <c r="GV19" s="326">
        <v>0</v>
      </c>
      <c r="GW19" s="327">
        <v>389460</v>
      </c>
      <c r="GX19" s="327">
        <v>194400</v>
      </c>
      <c r="GY19" s="327">
        <v>180000</v>
      </c>
      <c r="GZ19" s="327">
        <v>393800</v>
      </c>
      <c r="HA19" s="327">
        <v>0</v>
      </c>
      <c r="HB19" s="331">
        <v>1157660</v>
      </c>
      <c r="HC19" s="330">
        <v>1796030</v>
      </c>
      <c r="HD19" s="326">
        <v>1107236</v>
      </c>
      <c r="HE19" s="327">
        <v>1332405</v>
      </c>
      <c r="HF19" s="331">
        <v>2439641</v>
      </c>
      <c r="HG19" s="332">
        <v>0</v>
      </c>
      <c r="HH19" s="327">
        <v>14702523</v>
      </c>
      <c r="HI19" s="327">
        <v>14620629</v>
      </c>
      <c r="HJ19" s="327">
        <v>14463060</v>
      </c>
      <c r="HK19" s="327">
        <v>18256893</v>
      </c>
      <c r="HL19" s="327">
        <v>13372481</v>
      </c>
      <c r="HM19" s="328">
        <v>75415586</v>
      </c>
      <c r="HN19" s="329">
        <v>77855227</v>
      </c>
      <c r="HO19" s="333">
        <v>498624</v>
      </c>
      <c r="HP19" s="327">
        <v>976781</v>
      </c>
      <c r="HQ19" s="328">
        <v>1475405</v>
      </c>
      <c r="HR19" s="326">
        <v>0</v>
      </c>
      <c r="HS19" s="327">
        <v>8883688</v>
      </c>
      <c r="HT19" s="327">
        <v>9372819</v>
      </c>
      <c r="HU19" s="327">
        <v>5398155</v>
      </c>
      <c r="HV19" s="327">
        <v>4073507</v>
      </c>
      <c r="HW19" s="327">
        <v>3027119</v>
      </c>
      <c r="HX19" s="331">
        <v>30755288</v>
      </c>
      <c r="HY19" s="330">
        <v>32230693</v>
      </c>
      <c r="HZ19" s="335">
        <v>196237</v>
      </c>
      <c r="IA19" s="336">
        <v>91447</v>
      </c>
      <c r="IB19" s="337">
        <v>287684</v>
      </c>
      <c r="IC19" s="338">
        <v>0</v>
      </c>
      <c r="ID19" s="336">
        <v>12439608</v>
      </c>
      <c r="IE19" s="339">
        <v>15773813</v>
      </c>
      <c r="IF19" s="337">
        <v>14475248</v>
      </c>
      <c r="IG19" s="336">
        <v>13621366</v>
      </c>
      <c r="IH19" s="337">
        <v>10604860</v>
      </c>
      <c r="II19" s="340">
        <v>66914895</v>
      </c>
      <c r="IJ19" s="341">
        <v>67202579</v>
      </c>
      <c r="IK19" s="342">
        <v>0</v>
      </c>
      <c r="IL19" s="343">
        <v>0</v>
      </c>
      <c r="IM19" s="344">
        <v>0</v>
      </c>
      <c r="IN19" s="404">
        <v>0</v>
      </c>
      <c r="IO19" s="345">
        <v>152430</v>
      </c>
      <c r="IP19" s="345">
        <v>133798</v>
      </c>
      <c r="IQ19" s="345">
        <v>161968</v>
      </c>
      <c r="IR19" s="345">
        <v>287990</v>
      </c>
      <c r="IS19" s="345">
        <v>631094</v>
      </c>
      <c r="IT19" s="346">
        <v>1367280</v>
      </c>
      <c r="IU19" s="347">
        <v>1367280</v>
      </c>
      <c r="IV19" s="348">
        <v>0</v>
      </c>
      <c r="IW19" s="345">
        <v>0</v>
      </c>
      <c r="IX19" s="349">
        <v>0</v>
      </c>
      <c r="IY19" s="413">
        <v>0</v>
      </c>
      <c r="IZ19" s="345">
        <v>0</v>
      </c>
      <c r="JA19" s="345">
        <v>0</v>
      </c>
      <c r="JB19" s="345">
        <v>0</v>
      </c>
      <c r="JC19" s="345">
        <v>0</v>
      </c>
      <c r="JD19" s="345">
        <v>0</v>
      </c>
      <c r="JE19" s="349">
        <v>0</v>
      </c>
      <c r="JF19" s="350">
        <v>0</v>
      </c>
      <c r="JG19" s="348">
        <v>0</v>
      </c>
      <c r="JH19" s="345">
        <v>0</v>
      </c>
      <c r="JI19" s="346">
        <v>0</v>
      </c>
      <c r="JJ19" s="351">
        <v>0</v>
      </c>
      <c r="JK19" s="345">
        <v>6019978</v>
      </c>
      <c r="JL19" s="345">
        <v>9639045</v>
      </c>
      <c r="JM19" s="345">
        <v>5957544</v>
      </c>
      <c r="JN19" s="345">
        <v>3571028</v>
      </c>
      <c r="JO19" s="345">
        <v>1620405</v>
      </c>
      <c r="JP19" s="349">
        <v>26808000</v>
      </c>
      <c r="JQ19" s="347">
        <v>26808000</v>
      </c>
      <c r="JR19" s="348">
        <v>0</v>
      </c>
      <c r="JS19" s="345">
        <v>0</v>
      </c>
      <c r="JT19" s="346">
        <v>0</v>
      </c>
      <c r="JU19" s="351">
        <v>0</v>
      </c>
      <c r="JV19" s="345">
        <v>0</v>
      </c>
      <c r="JW19" s="345">
        <v>801703</v>
      </c>
      <c r="JX19" s="345">
        <v>930690</v>
      </c>
      <c r="JY19" s="345">
        <v>1205673</v>
      </c>
      <c r="JZ19" s="345">
        <v>1203838</v>
      </c>
      <c r="KA19" s="349">
        <v>4141904</v>
      </c>
      <c r="KB19" s="347">
        <v>4141904</v>
      </c>
      <c r="KC19" s="352">
        <v>196237</v>
      </c>
      <c r="KD19" s="353">
        <v>91447</v>
      </c>
      <c r="KE19" s="349">
        <v>287684</v>
      </c>
      <c r="KF19" s="351">
        <v>0</v>
      </c>
      <c r="KG19" s="345">
        <v>1597892</v>
      </c>
      <c r="KH19" s="345">
        <v>2036055</v>
      </c>
      <c r="KI19" s="345">
        <v>1878705</v>
      </c>
      <c r="KJ19" s="345">
        <v>0</v>
      </c>
      <c r="KK19" s="345">
        <v>861752</v>
      </c>
      <c r="KL19" s="349">
        <v>6374404</v>
      </c>
      <c r="KM19" s="354">
        <v>6662088</v>
      </c>
      <c r="KN19" s="342">
        <v>0</v>
      </c>
      <c r="KO19" s="343">
        <v>0</v>
      </c>
      <c r="KP19" s="344">
        <v>0</v>
      </c>
      <c r="KQ19" s="413">
        <v>0</v>
      </c>
      <c r="KR19" s="345">
        <v>4115802</v>
      </c>
      <c r="KS19" s="345">
        <v>3163212</v>
      </c>
      <c r="KT19" s="345">
        <v>4657041</v>
      </c>
      <c r="KU19" s="345">
        <v>6834432</v>
      </c>
      <c r="KV19" s="345">
        <v>6012867</v>
      </c>
      <c r="KW19" s="349">
        <v>24783354</v>
      </c>
      <c r="KX19" s="347">
        <v>24783354</v>
      </c>
      <c r="KY19" s="348">
        <v>0</v>
      </c>
      <c r="KZ19" s="345">
        <v>0</v>
      </c>
      <c r="LA19" s="349">
        <v>0</v>
      </c>
      <c r="LB19" s="413">
        <v>0</v>
      </c>
      <c r="LC19" s="345">
        <v>553506</v>
      </c>
      <c r="LD19" s="345">
        <v>0</v>
      </c>
      <c r="LE19" s="345">
        <v>889300</v>
      </c>
      <c r="LF19" s="345">
        <v>1722243</v>
      </c>
      <c r="LG19" s="345">
        <v>274904</v>
      </c>
      <c r="LH19" s="349">
        <v>3439953</v>
      </c>
      <c r="LI19" s="350">
        <v>3439953</v>
      </c>
      <c r="LJ19" s="348">
        <v>0</v>
      </c>
      <c r="LK19" s="345">
        <v>0</v>
      </c>
      <c r="LL19" s="349">
        <v>0</v>
      </c>
      <c r="LM19" s="413">
        <v>0</v>
      </c>
      <c r="LN19" s="345">
        <v>0</v>
      </c>
      <c r="LO19" s="345">
        <v>0</v>
      </c>
      <c r="LP19" s="345">
        <v>0</v>
      </c>
      <c r="LQ19" s="345">
        <v>0</v>
      </c>
      <c r="LR19" s="345">
        <v>0</v>
      </c>
      <c r="LS19" s="349">
        <v>0</v>
      </c>
      <c r="LT19" s="347">
        <v>0</v>
      </c>
      <c r="LU19" s="348">
        <v>0</v>
      </c>
      <c r="LV19" s="345">
        <v>0</v>
      </c>
      <c r="LW19" s="349">
        <v>0</v>
      </c>
      <c r="LX19" s="413">
        <v>0</v>
      </c>
      <c r="LY19" s="345">
        <v>0</v>
      </c>
      <c r="LZ19" s="345">
        <v>0</v>
      </c>
      <c r="MA19" s="345">
        <v>0</v>
      </c>
      <c r="MB19" s="345">
        <v>0</v>
      </c>
      <c r="MC19" s="345">
        <v>0</v>
      </c>
      <c r="MD19" s="349">
        <v>0</v>
      </c>
      <c r="ME19" s="350">
        <v>0</v>
      </c>
      <c r="MF19" s="348">
        <v>0</v>
      </c>
      <c r="MG19" s="345">
        <v>0</v>
      </c>
      <c r="MH19" s="349">
        <v>0</v>
      </c>
      <c r="MI19" s="413">
        <v>0</v>
      </c>
      <c r="MJ19" s="345">
        <v>3243972</v>
      </c>
      <c r="MK19" s="345">
        <v>5171799</v>
      </c>
      <c r="ML19" s="345">
        <v>30572659</v>
      </c>
      <c r="MM19" s="345">
        <v>50762927</v>
      </c>
      <c r="MN19" s="345">
        <v>47252171</v>
      </c>
      <c r="MO19" s="349">
        <v>137003528</v>
      </c>
      <c r="MP19" s="354">
        <v>137003528</v>
      </c>
      <c r="MQ19" s="348">
        <v>0</v>
      </c>
      <c r="MR19" s="345">
        <v>0</v>
      </c>
      <c r="MS19" s="349">
        <v>0</v>
      </c>
      <c r="MT19" s="413">
        <v>0</v>
      </c>
      <c r="MU19" s="345">
        <v>245934</v>
      </c>
      <c r="MV19" s="345">
        <v>1048939</v>
      </c>
      <c r="MW19" s="345">
        <v>18218363</v>
      </c>
      <c r="MX19" s="345">
        <v>38091624</v>
      </c>
      <c r="MY19" s="345">
        <v>38509732</v>
      </c>
      <c r="MZ19" s="349">
        <v>96114592</v>
      </c>
      <c r="NA19" s="354">
        <v>96114592</v>
      </c>
      <c r="NB19" s="348">
        <v>0</v>
      </c>
      <c r="NC19" s="345">
        <v>0</v>
      </c>
      <c r="ND19" s="349">
        <v>0</v>
      </c>
      <c r="NE19" s="413">
        <v>0</v>
      </c>
      <c r="NF19" s="345">
        <v>2998038</v>
      </c>
      <c r="NG19" s="345">
        <v>4122860</v>
      </c>
      <c r="NH19" s="345">
        <v>12354296</v>
      </c>
      <c r="NI19" s="345">
        <v>12671303</v>
      </c>
      <c r="NJ19" s="345">
        <v>8742439</v>
      </c>
      <c r="NK19" s="349">
        <v>40888936</v>
      </c>
      <c r="NL19" s="347">
        <v>40888936</v>
      </c>
      <c r="NM19" s="348">
        <v>0</v>
      </c>
      <c r="NN19" s="345">
        <v>0</v>
      </c>
      <c r="NO19" s="349">
        <v>0</v>
      </c>
      <c r="NP19" s="413">
        <v>0</v>
      </c>
      <c r="NQ19" s="345">
        <v>0</v>
      </c>
      <c r="NR19" s="345">
        <v>0</v>
      </c>
      <c r="NS19" s="345">
        <v>0</v>
      </c>
      <c r="NT19" s="345">
        <v>0</v>
      </c>
      <c r="NU19" s="345">
        <v>0</v>
      </c>
      <c r="NV19" s="349">
        <v>0</v>
      </c>
      <c r="NW19" s="350">
        <v>0</v>
      </c>
      <c r="NX19" s="348">
        <v>0</v>
      </c>
      <c r="NY19" s="345">
        <v>0</v>
      </c>
      <c r="NZ19" s="349">
        <v>0</v>
      </c>
      <c r="OA19" s="413">
        <v>0</v>
      </c>
      <c r="OB19" s="345">
        <v>0</v>
      </c>
      <c r="OC19" s="345">
        <v>0</v>
      </c>
      <c r="OD19" s="345">
        <v>0</v>
      </c>
      <c r="OE19" s="345">
        <v>0</v>
      </c>
      <c r="OF19" s="345">
        <v>0</v>
      </c>
      <c r="OG19" s="349">
        <v>0</v>
      </c>
      <c r="OH19" s="350">
        <v>0</v>
      </c>
      <c r="OI19" s="348">
        <v>3560390</v>
      </c>
      <c r="OJ19" s="345">
        <v>5809853</v>
      </c>
      <c r="OK19" s="346">
        <v>9370243</v>
      </c>
      <c r="OL19" s="351">
        <v>0</v>
      </c>
      <c r="OM19" s="345">
        <v>69841388</v>
      </c>
      <c r="ON19" s="345">
        <v>94532187</v>
      </c>
      <c r="OO19" s="345">
        <v>104870856</v>
      </c>
      <c r="OP19" s="345">
        <v>127694921</v>
      </c>
      <c r="OQ19" s="345">
        <v>116830326</v>
      </c>
      <c r="OR19" s="349">
        <v>513769678</v>
      </c>
      <c r="OS19" s="354">
        <v>523139921</v>
      </c>
    </row>
    <row r="20" spans="2:409" s="70" customFormat="1" ht="21" customHeight="1" x14ac:dyDescent="0.2">
      <c r="B20" s="410" t="s">
        <v>15</v>
      </c>
      <c r="C20" s="326">
        <v>2467390</v>
      </c>
      <c r="D20" s="327">
        <v>4042676</v>
      </c>
      <c r="E20" s="328">
        <v>6510066</v>
      </c>
      <c r="F20" s="329">
        <v>0</v>
      </c>
      <c r="G20" s="327">
        <v>35674741</v>
      </c>
      <c r="H20" s="327">
        <v>43542105</v>
      </c>
      <c r="I20" s="327">
        <v>36595114</v>
      </c>
      <c r="J20" s="327">
        <v>45531121</v>
      </c>
      <c r="K20" s="327">
        <v>28055511</v>
      </c>
      <c r="L20" s="329">
        <v>189398592</v>
      </c>
      <c r="M20" s="330">
        <v>195908658</v>
      </c>
      <c r="N20" s="326">
        <v>331291</v>
      </c>
      <c r="O20" s="327">
        <v>563669</v>
      </c>
      <c r="P20" s="328">
        <v>894960</v>
      </c>
      <c r="Q20" s="326">
        <v>0</v>
      </c>
      <c r="R20" s="327">
        <v>7133493</v>
      </c>
      <c r="S20" s="327">
        <v>11400861</v>
      </c>
      <c r="T20" s="327">
        <v>11142590</v>
      </c>
      <c r="U20" s="327">
        <v>14428271</v>
      </c>
      <c r="V20" s="327">
        <v>14116963</v>
      </c>
      <c r="W20" s="328">
        <v>58222178</v>
      </c>
      <c r="X20" s="330">
        <v>59117138</v>
      </c>
      <c r="Y20" s="326">
        <v>0</v>
      </c>
      <c r="Z20" s="327">
        <v>0</v>
      </c>
      <c r="AA20" s="328">
        <v>0</v>
      </c>
      <c r="AB20" s="326">
        <v>0</v>
      </c>
      <c r="AC20" s="327">
        <v>2861139</v>
      </c>
      <c r="AD20" s="327">
        <v>6048687</v>
      </c>
      <c r="AE20" s="327">
        <v>6165079</v>
      </c>
      <c r="AF20" s="327">
        <v>8824330</v>
      </c>
      <c r="AG20" s="327">
        <v>8829243</v>
      </c>
      <c r="AH20" s="328">
        <v>32728478</v>
      </c>
      <c r="AI20" s="330">
        <v>32728478</v>
      </c>
      <c r="AJ20" s="326">
        <v>0</v>
      </c>
      <c r="AK20" s="327">
        <v>0</v>
      </c>
      <c r="AL20" s="328">
        <v>0</v>
      </c>
      <c r="AM20" s="326">
        <v>0</v>
      </c>
      <c r="AN20" s="327">
        <v>0</v>
      </c>
      <c r="AO20" s="327">
        <v>94582</v>
      </c>
      <c r="AP20" s="327">
        <v>521992</v>
      </c>
      <c r="AQ20" s="327">
        <v>1004207</v>
      </c>
      <c r="AR20" s="327">
        <v>1416438</v>
      </c>
      <c r="AS20" s="328">
        <v>3037219</v>
      </c>
      <c r="AT20" s="330">
        <v>3037219</v>
      </c>
      <c r="AU20" s="326">
        <v>140734</v>
      </c>
      <c r="AV20" s="327">
        <v>430436</v>
      </c>
      <c r="AW20" s="328">
        <v>571170</v>
      </c>
      <c r="AX20" s="326">
        <v>0</v>
      </c>
      <c r="AY20" s="327">
        <v>2101469</v>
      </c>
      <c r="AZ20" s="327">
        <v>3135233</v>
      </c>
      <c r="BA20" s="327">
        <v>2805706</v>
      </c>
      <c r="BB20" s="327">
        <v>2370674</v>
      </c>
      <c r="BC20" s="327">
        <v>2375355</v>
      </c>
      <c r="BD20" s="328">
        <v>12788437</v>
      </c>
      <c r="BE20" s="330">
        <v>13359607</v>
      </c>
      <c r="BF20" s="326">
        <v>0</v>
      </c>
      <c r="BG20" s="327">
        <v>54492</v>
      </c>
      <c r="BH20" s="331">
        <v>54492</v>
      </c>
      <c r="BI20" s="332">
        <v>0</v>
      </c>
      <c r="BJ20" s="327">
        <v>382202</v>
      </c>
      <c r="BK20" s="327">
        <v>380076</v>
      </c>
      <c r="BL20" s="327">
        <v>174884</v>
      </c>
      <c r="BM20" s="327">
        <v>114472</v>
      </c>
      <c r="BN20" s="327">
        <v>242645</v>
      </c>
      <c r="BO20" s="328">
        <v>1294279</v>
      </c>
      <c r="BP20" s="330">
        <v>1348771</v>
      </c>
      <c r="BQ20" s="326">
        <v>190557</v>
      </c>
      <c r="BR20" s="327">
        <v>78741</v>
      </c>
      <c r="BS20" s="328">
        <v>269298</v>
      </c>
      <c r="BT20" s="326">
        <v>0</v>
      </c>
      <c r="BU20" s="327">
        <v>1788683</v>
      </c>
      <c r="BV20" s="327">
        <v>1742283</v>
      </c>
      <c r="BW20" s="327">
        <v>1474929</v>
      </c>
      <c r="BX20" s="327">
        <v>2114588</v>
      </c>
      <c r="BY20" s="327">
        <v>1253282</v>
      </c>
      <c r="BZ20" s="328">
        <v>8373765</v>
      </c>
      <c r="CA20" s="330">
        <v>8643063</v>
      </c>
      <c r="CB20" s="326">
        <v>93858</v>
      </c>
      <c r="CC20" s="327">
        <v>324311</v>
      </c>
      <c r="CD20" s="328">
        <v>418169</v>
      </c>
      <c r="CE20" s="326">
        <v>0</v>
      </c>
      <c r="CF20" s="327">
        <v>7782980</v>
      </c>
      <c r="CG20" s="327">
        <v>11048199</v>
      </c>
      <c r="CH20" s="327">
        <v>7098087</v>
      </c>
      <c r="CI20" s="327">
        <v>5432728</v>
      </c>
      <c r="CJ20" s="327">
        <v>2226038</v>
      </c>
      <c r="CK20" s="328">
        <v>33588032</v>
      </c>
      <c r="CL20" s="330">
        <v>34006201</v>
      </c>
      <c r="CM20" s="326">
        <v>0</v>
      </c>
      <c r="CN20" s="327">
        <v>0</v>
      </c>
      <c r="CO20" s="328">
        <v>0</v>
      </c>
      <c r="CP20" s="332">
        <v>0</v>
      </c>
      <c r="CQ20" s="327">
        <v>5722457</v>
      </c>
      <c r="CR20" s="327">
        <v>7960176</v>
      </c>
      <c r="CS20" s="327">
        <v>4996128</v>
      </c>
      <c r="CT20" s="327">
        <v>4172081</v>
      </c>
      <c r="CU20" s="327">
        <v>1390007</v>
      </c>
      <c r="CV20" s="328">
        <v>24240849</v>
      </c>
      <c r="CW20" s="330">
        <v>24240849</v>
      </c>
      <c r="CX20" s="326">
        <v>93858</v>
      </c>
      <c r="CY20" s="327">
        <v>324311</v>
      </c>
      <c r="CZ20" s="328">
        <v>418169</v>
      </c>
      <c r="DA20" s="326">
        <v>0</v>
      </c>
      <c r="DB20" s="327">
        <v>2060523</v>
      </c>
      <c r="DC20" s="327">
        <v>3088023</v>
      </c>
      <c r="DD20" s="327">
        <v>2101959</v>
      </c>
      <c r="DE20" s="327">
        <v>1260647</v>
      </c>
      <c r="DF20" s="327">
        <v>836031</v>
      </c>
      <c r="DG20" s="328">
        <v>9347183</v>
      </c>
      <c r="DH20" s="330">
        <v>9765352</v>
      </c>
      <c r="DI20" s="326">
        <v>0</v>
      </c>
      <c r="DJ20" s="327">
        <v>65171</v>
      </c>
      <c r="DK20" s="331">
        <v>65171</v>
      </c>
      <c r="DL20" s="332">
        <v>0</v>
      </c>
      <c r="DM20" s="327">
        <v>1189094</v>
      </c>
      <c r="DN20" s="327">
        <v>3659308</v>
      </c>
      <c r="DO20" s="327">
        <v>6119635</v>
      </c>
      <c r="DP20" s="327">
        <v>8157525</v>
      </c>
      <c r="DQ20" s="327">
        <v>3010563</v>
      </c>
      <c r="DR20" s="328">
        <v>22136125</v>
      </c>
      <c r="DS20" s="330">
        <v>22201296</v>
      </c>
      <c r="DT20" s="326">
        <v>0</v>
      </c>
      <c r="DU20" s="327">
        <v>65171</v>
      </c>
      <c r="DV20" s="328">
        <v>65171</v>
      </c>
      <c r="DW20" s="326">
        <v>0</v>
      </c>
      <c r="DX20" s="327">
        <v>1118283</v>
      </c>
      <c r="DY20" s="327">
        <v>3033168</v>
      </c>
      <c r="DZ20" s="327">
        <v>6064437</v>
      </c>
      <c r="EA20" s="327">
        <v>8025594</v>
      </c>
      <c r="EB20" s="327">
        <v>2976888</v>
      </c>
      <c r="EC20" s="328">
        <v>21218370</v>
      </c>
      <c r="ED20" s="330">
        <v>21283541</v>
      </c>
      <c r="EE20" s="326">
        <v>0</v>
      </c>
      <c r="EF20" s="331">
        <v>0</v>
      </c>
      <c r="EG20" s="328">
        <v>0</v>
      </c>
      <c r="EH20" s="326">
        <v>0</v>
      </c>
      <c r="EI20" s="327">
        <v>70811</v>
      </c>
      <c r="EJ20" s="327">
        <v>626140</v>
      </c>
      <c r="EK20" s="327">
        <v>55198</v>
      </c>
      <c r="EL20" s="327">
        <v>131931</v>
      </c>
      <c r="EM20" s="327">
        <v>33675</v>
      </c>
      <c r="EN20" s="331">
        <v>917755</v>
      </c>
      <c r="EO20" s="330">
        <v>917755</v>
      </c>
      <c r="EP20" s="326">
        <v>0</v>
      </c>
      <c r="EQ20" s="327">
        <v>0</v>
      </c>
      <c r="ER20" s="331">
        <v>0</v>
      </c>
      <c r="ES20" s="332">
        <v>0</v>
      </c>
      <c r="ET20" s="327">
        <v>0</v>
      </c>
      <c r="EU20" s="327">
        <v>0</v>
      </c>
      <c r="EV20" s="327">
        <v>0</v>
      </c>
      <c r="EW20" s="327">
        <v>0</v>
      </c>
      <c r="EX20" s="327">
        <v>0</v>
      </c>
      <c r="EY20" s="328">
        <v>0</v>
      </c>
      <c r="EZ20" s="330">
        <v>0</v>
      </c>
      <c r="FA20" s="326">
        <v>0</v>
      </c>
      <c r="FB20" s="327">
        <v>0</v>
      </c>
      <c r="FC20" s="331">
        <v>0</v>
      </c>
      <c r="FD20" s="332">
        <v>0</v>
      </c>
      <c r="FE20" s="327">
        <v>0</v>
      </c>
      <c r="FF20" s="327">
        <v>0</v>
      </c>
      <c r="FG20" s="327">
        <v>0</v>
      </c>
      <c r="FH20" s="327">
        <v>0</v>
      </c>
      <c r="FI20" s="327">
        <v>0</v>
      </c>
      <c r="FJ20" s="328">
        <v>0</v>
      </c>
      <c r="FK20" s="330">
        <v>0</v>
      </c>
      <c r="FL20" s="326">
        <v>660538</v>
      </c>
      <c r="FM20" s="327">
        <v>1113463</v>
      </c>
      <c r="FN20" s="328">
        <v>1774001</v>
      </c>
      <c r="FO20" s="326">
        <v>0</v>
      </c>
      <c r="FP20" s="327">
        <v>2466866</v>
      </c>
      <c r="FQ20" s="327">
        <v>4680162</v>
      </c>
      <c r="FR20" s="327">
        <v>2872476</v>
      </c>
      <c r="FS20" s="327">
        <v>2993797</v>
      </c>
      <c r="FT20" s="327">
        <v>2170064</v>
      </c>
      <c r="FU20" s="328">
        <v>15183365</v>
      </c>
      <c r="FV20" s="330">
        <v>16957366</v>
      </c>
      <c r="FW20" s="333">
        <v>413892</v>
      </c>
      <c r="FX20" s="327">
        <v>858002</v>
      </c>
      <c r="FY20" s="331">
        <v>1271894</v>
      </c>
      <c r="FZ20" s="332">
        <v>0</v>
      </c>
      <c r="GA20" s="327">
        <v>1461862</v>
      </c>
      <c r="GB20" s="327">
        <v>4033788</v>
      </c>
      <c r="GC20" s="327">
        <v>2729304</v>
      </c>
      <c r="GD20" s="327">
        <v>2447776</v>
      </c>
      <c r="GE20" s="327">
        <v>1996599</v>
      </c>
      <c r="GF20" s="328">
        <v>12669329</v>
      </c>
      <c r="GG20" s="334">
        <v>13941223</v>
      </c>
      <c r="GH20" s="333">
        <v>127846</v>
      </c>
      <c r="GI20" s="327">
        <v>56232</v>
      </c>
      <c r="GJ20" s="331">
        <v>184078</v>
      </c>
      <c r="GK20" s="332">
        <v>0</v>
      </c>
      <c r="GL20" s="327">
        <v>162405</v>
      </c>
      <c r="GM20" s="327">
        <v>138252</v>
      </c>
      <c r="GN20" s="327">
        <v>46728</v>
      </c>
      <c r="GO20" s="327">
        <v>230184</v>
      </c>
      <c r="GP20" s="327">
        <v>123965</v>
      </c>
      <c r="GQ20" s="328">
        <v>701534</v>
      </c>
      <c r="GR20" s="330">
        <v>885612</v>
      </c>
      <c r="GS20" s="326">
        <v>118800</v>
      </c>
      <c r="GT20" s="327">
        <v>199229</v>
      </c>
      <c r="GU20" s="328">
        <v>318029</v>
      </c>
      <c r="GV20" s="326">
        <v>0</v>
      </c>
      <c r="GW20" s="327">
        <v>842599</v>
      </c>
      <c r="GX20" s="327">
        <v>508122</v>
      </c>
      <c r="GY20" s="327">
        <v>96444</v>
      </c>
      <c r="GZ20" s="327">
        <v>315837</v>
      </c>
      <c r="HA20" s="327">
        <v>49500</v>
      </c>
      <c r="HB20" s="331">
        <v>1812502</v>
      </c>
      <c r="HC20" s="330">
        <v>2130531</v>
      </c>
      <c r="HD20" s="326">
        <v>975684</v>
      </c>
      <c r="HE20" s="327">
        <v>1128191</v>
      </c>
      <c r="HF20" s="331">
        <v>2103875</v>
      </c>
      <c r="HG20" s="332">
        <v>0</v>
      </c>
      <c r="HH20" s="327">
        <v>9903754</v>
      </c>
      <c r="HI20" s="327">
        <v>5118088</v>
      </c>
      <c r="HJ20" s="327">
        <v>5198128</v>
      </c>
      <c r="HK20" s="327">
        <v>11287102</v>
      </c>
      <c r="HL20" s="327">
        <v>4493984</v>
      </c>
      <c r="HM20" s="328">
        <v>36001056</v>
      </c>
      <c r="HN20" s="329">
        <v>38104931</v>
      </c>
      <c r="HO20" s="333">
        <v>406019</v>
      </c>
      <c r="HP20" s="327">
        <v>847871</v>
      </c>
      <c r="HQ20" s="328">
        <v>1253890</v>
      </c>
      <c r="HR20" s="326">
        <v>0</v>
      </c>
      <c r="HS20" s="327">
        <v>7198554</v>
      </c>
      <c r="HT20" s="327">
        <v>7635487</v>
      </c>
      <c r="HU20" s="327">
        <v>4164198</v>
      </c>
      <c r="HV20" s="327">
        <v>3231698</v>
      </c>
      <c r="HW20" s="327">
        <v>2037899</v>
      </c>
      <c r="HX20" s="331">
        <v>24267836</v>
      </c>
      <c r="HY20" s="330">
        <v>25521726</v>
      </c>
      <c r="HZ20" s="358">
        <v>51126</v>
      </c>
      <c r="IA20" s="356">
        <v>1331932</v>
      </c>
      <c r="IB20" s="358">
        <v>1383058</v>
      </c>
      <c r="IC20" s="355">
        <v>0</v>
      </c>
      <c r="ID20" s="356">
        <v>22523119</v>
      </c>
      <c r="IE20" s="357">
        <v>27621313</v>
      </c>
      <c r="IF20" s="358">
        <v>24543266</v>
      </c>
      <c r="IG20" s="356">
        <v>16347831</v>
      </c>
      <c r="IH20" s="358">
        <v>13626367</v>
      </c>
      <c r="II20" s="359">
        <v>104661896</v>
      </c>
      <c r="IJ20" s="358">
        <v>106044954</v>
      </c>
      <c r="IK20" s="342">
        <v>0</v>
      </c>
      <c r="IL20" s="343">
        <v>0</v>
      </c>
      <c r="IM20" s="344">
        <v>0</v>
      </c>
      <c r="IN20" s="404">
        <v>0</v>
      </c>
      <c r="IO20" s="345">
        <v>234318</v>
      </c>
      <c r="IP20" s="345">
        <v>492344</v>
      </c>
      <c r="IQ20" s="345">
        <v>627396</v>
      </c>
      <c r="IR20" s="345">
        <v>617217</v>
      </c>
      <c r="IS20" s="345">
        <v>2154055</v>
      </c>
      <c r="IT20" s="346">
        <v>4125330</v>
      </c>
      <c r="IU20" s="347">
        <v>4125330</v>
      </c>
      <c r="IV20" s="348">
        <v>0</v>
      </c>
      <c r="IW20" s="345">
        <v>0</v>
      </c>
      <c r="IX20" s="349">
        <v>0</v>
      </c>
      <c r="IY20" s="413">
        <v>0</v>
      </c>
      <c r="IZ20" s="345">
        <v>0</v>
      </c>
      <c r="JA20" s="345">
        <v>0</v>
      </c>
      <c r="JB20" s="345">
        <v>0</v>
      </c>
      <c r="JC20" s="345">
        <v>0</v>
      </c>
      <c r="JD20" s="345">
        <v>0</v>
      </c>
      <c r="JE20" s="349">
        <v>0</v>
      </c>
      <c r="JF20" s="350">
        <v>0</v>
      </c>
      <c r="JG20" s="348">
        <v>0</v>
      </c>
      <c r="JH20" s="345">
        <v>0</v>
      </c>
      <c r="JI20" s="346">
        <v>0</v>
      </c>
      <c r="JJ20" s="351">
        <v>0</v>
      </c>
      <c r="JK20" s="345">
        <v>9227596</v>
      </c>
      <c r="JL20" s="345">
        <v>10674073</v>
      </c>
      <c r="JM20" s="345">
        <v>7376596</v>
      </c>
      <c r="JN20" s="345">
        <v>3558951</v>
      </c>
      <c r="JO20" s="345">
        <v>1894383</v>
      </c>
      <c r="JP20" s="349">
        <v>32731599</v>
      </c>
      <c r="JQ20" s="347">
        <v>32731599</v>
      </c>
      <c r="JR20" s="348">
        <v>0</v>
      </c>
      <c r="JS20" s="345">
        <v>86431</v>
      </c>
      <c r="JT20" s="346">
        <v>86431</v>
      </c>
      <c r="JU20" s="351">
        <v>0</v>
      </c>
      <c r="JV20" s="345">
        <v>138880</v>
      </c>
      <c r="JW20" s="345">
        <v>225802</v>
      </c>
      <c r="JX20" s="345">
        <v>702077</v>
      </c>
      <c r="JY20" s="345">
        <v>235094</v>
      </c>
      <c r="JZ20" s="345">
        <v>318462</v>
      </c>
      <c r="KA20" s="349">
        <v>1620315</v>
      </c>
      <c r="KB20" s="347">
        <v>1706746</v>
      </c>
      <c r="KC20" s="352">
        <v>51126</v>
      </c>
      <c r="KD20" s="353">
        <v>985263</v>
      </c>
      <c r="KE20" s="349">
        <v>1036389</v>
      </c>
      <c r="KF20" s="351">
        <v>0</v>
      </c>
      <c r="KG20" s="345">
        <v>2200270</v>
      </c>
      <c r="KH20" s="345">
        <v>1906138</v>
      </c>
      <c r="KI20" s="345">
        <v>0</v>
      </c>
      <c r="KJ20" s="345">
        <v>1130410</v>
      </c>
      <c r="KK20" s="345">
        <v>911223</v>
      </c>
      <c r="KL20" s="349">
        <v>6148041</v>
      </c>
      <c r="KM20" s="354">
        <v>7184430</v>
      </c>
      <c r="KN20" s="342">
        <v>0</v>
      </c>
      <c r="KO20" s="343">
        <v>260238</v>
      </c>
      <c r="KP20" s="344">
        <v>260238</v>
      </c>
      <c r="KQ20" s="413">
        <v>0</v>
      </c>
      <c r="KR20" s="345">
        <v>9968480</v>
      </c>
      <c r="KS20" s="345">
        <v>12838330</v>
      </c>
      <c r="KT20" s="345">
        <v>10801786</v>
      </c>
      <c r="KU20" s="345">
        <v>6840098</v>
      </c>
      <c r="KV20" s="345">
        <v>5560338</v>
      </c>
      <c r="KW20" s="349">
        <v>46009032</v>
      </c>
      <c r="KX20" s="347">
        <v>46269270</v>
      </c>
      <c r="KY20" s="348">
        <v>0</v>
      </c>
      <c r="KZ20" s="345">
        <v>0</v>
      </c>
      <c r="LA20" s="349">
        <v>0</v>
      </c>
      <c r="LB20" s="413">
        <v>0</v>
      </c>
      <c r="LC20" s="345">
        <v>0</v>
      </c>
      <c r="LD20" s="345">
        <v>0</v>
      </c>
      <c r="LE20" s="345">
        <v>0</v>
      </c>
      <c r="LF20" s="345">
        <v>0</v>
      </c>
      <c r="LG20" s="345">
        <v>0</v>
      </c>
      <c r="LH20" s="349">
        <v>0</v>
      </c>
      <c r="LI20" s="350">
        <v>0</v>
      </c>
      <c r="LJ20" s="348">
        <v>0</v>
      </c>
      <c r="LK20" s="345">
        <v>0</v>
      </c>
      <c r="LL20" s="349">
        <v>0</v>
      </c>
      <c r="LM20" s="413">
        <v>0</v>
      </c>
      <c r="LN20" s="345">
        <v>0</v>
      </c>
      <c r="LO20" s="345">
        <v>0</v>
      </c>
      <c r="LP20" s="345">
        <v>3073440</v>
      </c>
      <c r="LQ20" s="345">
        <v>3354065</v>
      </c>
      <c r="LR20" s="345">
        <v>2424285</v>
      </c>
      <c r="LS20" s="349">
        <v>8851790</v>
      </c>
      <c r="LT20" s="347">
        <v>8851790</v>
      </c>
      <c r="LU20" s="348">
        <v>0</v>
      </c>
      <c r="LV20" s="345">
        <v>0</v>
      </c>
      <c r="LW20" s="349">
        <v>0</v>
      </c>
      <c r="LX20" s="413">
        <v>0</v>
      </c>
      <c r="LY20" s="345">
        <v>753575</v>
      </c>
      <c r="LZ20" s="345">
        <v>1484626</v>
      </c>
      <c r="MA20" s="345">
        <v>1961971</v>
      </c>
      <c r="MB20" s="345">
        <v>611996</v>
      </c>
      <c r="MC20" s="345">
        <v>363621</v>
      </c>
      <c r="MD20" s="349">
        <v>5175789</v>
      </c>
      <c r="ME20" s="350">
        <v>5175789</v>
      </c>
      <c r="MF20" s="348">
        <v>0</v>
      </c>
      <c r="MG20" s="345">
        <v>0</v>
      </c>
      <c r="MH20" s="349">
        <v>0</v>
      </c>
      <c r="MI20" s="413">
        <v>0</v>
      </c>
      <c r="MJ20" s="345">
        <v>5369830</v>
      </c>
      <c r="MK20" s="345">
        <v>9039032</v>
      </c>
      <c r="ML20" s="345">
        <v>35959775</v>
      </c>
      <c r="MM20" s="345">
        <v>68092430</v>
      </c>
      <c r="MN20" s="345">
        <v>28416609</v>
      </c>
      <c r="MO20" s="349">
        <v>146877676</v>
      </c>
      <c r="MP20" s="354">
        <v>146877676</v>
      </c>
      <c r="MQ20" s="348">
        <v>0</v>
      </c>
      <c r="MR20" s="345">
        <v>0</v>
      </c>
      <c r="MS20" s="349">
        <v>0</v>
      </c>
      <c r="MT20" s="413">
        <v>0</v>
      </c>
      <c r="MU20" s="345">
        <v>237349</v>
      </c>
      <c r="MV20" s="345">
        <v>243922</v>
      </c>
      <c r="MW20" s="345">
        <v>23598985</v>
      </c>
      <c r="MX20" s="345">
        <v>48447767</v>
      </c>
      <c r="MY20" s="345">
        <v>21109078</v>
      </c>
      <c r="MZ20" s="349">
        <v>93637101</v>
      </c>
      <c r="NA20" s="354">
        <v>93637101</v>
      </c>
      <c r="NB20" s="348">
        <v>0</v>
      </c>
      <c r="NC20" s="345">
        <v>0</v>
      </c>
      <c r="ND20" s="349">
        <v>0</v>
      </c>
      <c r="NE20" s="413">
        <v>0</v>
      </c>
      <c r="NF20" s="345">
        <v>5132481</v>
      </c>
      <c r="NG20" s="345">
        <v>8795110</v>
      </c>
      <c r="NH20" s="345">
        <v>12360790</v>
      </c>
      <c r="NI20" s="345">
        <v>19644663</v>
      </c>
      <c r="NJ20" s="345">
        <v>7307531</v>
      </c>
      <c r="NK20" s="349">
        <v>53240575</v>
      </c>
      <c r="NL20" s="347">
        <v>53240575</v>
      </c>
      <c r="NM20" s="348">
        <v>0</v>
      </c>
      <c r="NN20" s="345">
        <v>0</v>
      </c>
      <c r="NO20" s="349">
        <v>0</v>
      </c>
      <c r="NP20" s="413">
        <v>0</v>
      </c>
      <c r="NQ20" s="345">
        <v>0</v>
      </c>
      <c r="NR20" s="345">
        <v>0</v>
      </c>
      <c r="NS20" s="345">
        <v>0</v>
      </c>
      <c r="NT20" s="345">
        <v>0</v>
      </c>
      <c r="NU20" s="345">
        <v>0</v>
      </c>
      <c r="NV20" s="349">
        <v>0</v>
      </c>
      <c r="NW20" s="350">
        <v>0</v>
      </c>
      <c r="NX20" s="348">
        <v>0</v>
      </c>
      <c r="NY20" s="345">
        <v>0</v>
      </c>
      <c r="NZ20" s="349">
        <v>0</v>
      </c>
      <c r="OA20" s="413">
        <v>0</v>
      </c>
      <c r="OB20" s="345">
        <v>0</v>
      </c>
      <c r="OC20" s="345">
        <v>0</v>
      </c>
      <c r="OD20" s="345">
        <v>0</v>
      </c>
      <c r="OE20" s="345">
        <v>0</v>
      </c>
      <c r="OF20" s="345">
        <v>0</v>
      </c>
      <c r="OG20" s="349">
        <v>0</v>
      </c>
      <c r="OH20" s="350">
        <v>0</v>
      </c>
      <c r="OI20" s="348">
        <v>2518516</v>
      </c>
      <c r="OJ20" s="345">
        <v>5374608</v>
      </c>
      <c r="OK20" s="346">
        <v>7893124</v>
      </c>
      <c r="OL20" s="351">
        <v>0</v>
      </c>
      <c r="OM20" s="345">
        <v>63567690</v>
      </c>
      <c r="ON20" s="345">
        <v>80202450</v>
      </c>
      <c r="OO20" s="345">
        <v>97098155</v>
      </c>
      <c r="OP20" s="345">
        <v>129971382</v>
      </c>
      <c r="OQ20" s="345">
        <v>70098487</v>
      </c>
      <c r="OR20" s="349">
        <v>440938164</v>
      </c>
      <c r="OS20" s="354">
        <v>448831288</v>
      </c>
    </row>
    <row r="21" spans="2:409" s="70" customFormat="1" ht="21" customHeight="1" x14ac:dyDescent="0.2">
      <c r="B21" s="410" t="s">
        <v>16</v>
      </c>
      <c r="C21" s="326">
        <v>6966913</v>
      </c>
      <c r="D21" s="327">
        <v>15065738</v>
      </c>
      <c r="E21" s="328">
        <v>22032651</v>
      </c>
      <c r="F21" s="329">
        <v>0</v>
      </c>
      <c r="G21" s="327">
        <v>84253376</v>
      </c>
      <c r="H21" s="327">
        <v>142104350</v>
      </c>
      <c r="I21" s="327">
        <v>109491548</v>
      </c>
      <c r="J21" s="327">
        <v>111542515</v>
      </c>
      <c r="K21" s="327">
        <v>72586766</v>
      </c>
      <c r="L21" s="329">
        <v>519978555</v>
      </c>
      <c r="M21" s="330">
        <v>542011206</v>
      </c>
      <c r="N21" s="326">
        <v>1616905</v>
      </c>
      <c r="O21" s="327">
        <v>2758340</v>
      </c>
      <c r="P21" s="328">
        <v>4375245</v>
      </c>
      <c r="Q21" s="326">
        <v>0</v>
      </c>
      <c r="R21" s="327">
        <v>16437647</v>
      </c>
      <c r="S21" s="327">
        <v>33430050</v>
      </c>
      <c r="T21" s="327">
        <v>28742807</v>
      </c>
      <c r="U21" s="327">
        <v>31928327</v>
      </c>
      <c r="V21" s="327">
        <v>25739607</v>
      </c>
      <c r="W21" s="328">
        <v>136278438</v>
      </c>
      <c r="X21" s="330">
        <v>140653683</v>
      </c>
      <c r="Y21" s="326">
        <v>0</v>
      </c>
      <c r="Z21" s="327">
        <v>0</v>
      </c>
      <c r="AA21" s="328">
        <v>0</v>
      </c>
      <c r="AB21" s="326">
        <v>0</v>
      </c>
      <c r="AC21" s="327">
        <v>6752571</v>
      </c>
      <c r="AD21" s="327">
        <v>13055877</v>
      </c>
      <c r="AE21" s="327">
        <v>15574504</v>
      </c>
      <c r="AF21" s="327">
        <v>17996462</v>
      </c>
      <c r="AG21" s="327">
        <v>12041815</v>
      </c>
      <c r="AH21" s="328">
        <v>65421229</v>
      </c>
      <c r="AI21" s="330">
        <v>65421229</v>
      </c>
      <c r="AJ21" s="326">
        <v>0</v>
      </c>
      <c r="AK21" s="327">
        <v>0</v>
      </c>
      <c r="AL21" s="328">
        <v>0</v>
      </c>
      <c r="AM21" s="326">
        <v>0</v>
      </c>
      <c r="AN21" s="327">
        <v>116556</v>
      </c>
      <c r="AO21" s="327">
        <v>309279</v>
      </c>
      <c r="AP21" s="327">
        <v>630944</v>
      </c>
      <c r="AQ21" s="327">
        <v>1053440</v>
      </c>
      <c r="AR21" s="327">
        <v>2921777</v>
      </c>
      <c r="AS21" s="328">
        <v>5031996</v>
      </c>
      <c r="AT21" s="330">
        <v>5031996</v>
      </c>
      <c r="AU21" s="326">
        <v>1066554</v>
      </c>
      <c r="AV21" s="327">
        <v>1992894</v>
      </c>
      <c r="AW21" s="328">
        <v>3059448</v>
      </c>
      <c r="AX21" s="326">
        <v>0</v>
      </c>
      <c r="AY21" s="327">
        <v>5783862</v>
      </c>
      <c r="AZ21" s="327">
        <v>13606050</v>
      </c>
      <c r="BA21" s="327">
        <v>8086999</v>
      </c>
      <c r="BB21" s="327">
        <v>8148328</v>
      </c>
      <c r="BC21" s="327">
        <v>7422433</v>
      </c>
      <c r="BD21" s="328">
        <v>43047672</v>
      </c>
      <c r="BE21" s="330">
        <v>46107120</v>
      </c>
      <c r="BF21" s="326">
        <v>126466</v>
      </c>
      <c r="BG21" s="327">
        <v>277258</v>
      </c>
      <c r="BH21" s="331">
        <v>403724</v>
      </c>
      <c r="BI21" s="332">
        <v>0</v>
      </c>
      <c r="BJ21" s="327">
        <v>247186</v>
      </c>
      <c r="BK21" s="327">
        <v>1329533</v>
      </c>
      <c r="BL21" s="327">
        <v>585566</v>
      </c>
      <c r="BM21" s="327">
        <v>281039</v>
      </c>
      <c r="BN21" s="327">
        <v>553178</v>
      </c>
      <c r="BO21" s="328">
        <v>2996502</v>
      </c>
      <c r="BP21" s="330">
        <v>3400226</v>
      </c>
      <c r="BQ21" s="326">
        <v>423885</v>
      </c>
      <c r="BR21" s="327">
        <v>488188</v>
      </c>
      <c r="BS21" s="328">
        <v>912073</v>
      </c>
      <c r="BT21" s="326">
        <v>0</v>
      </c>
      <c r="BU21" s="327">
        <v>3537472</v>
      </c>
      <c r="BV21" s="327">
        <v>5129311</v>
      </c>
      <c r="BW21" s="327">
        <v>3864794</v>
      </c>
      <c r="BX21" s="327">
        <v>4449058</v>
      </c>
      <c r="BY21" s="327">
        <v>2800404</v>
      </c>
      <c r="BZ21" s="328">
        <v>19781039</v>
      </c>
      <c r="CA21" s="330">
        <v>20693112</v>
      </c>
      <c r="CB21" s="326">
        <v>1270085</v>
      </c>
      <c r="CC21" s="327">
        <v>4796125</v>
      </c>
      <c r="CD21" s="328">
        <v>6066210</v>
      </c>
      <c r="CE21" s="326">
        <v>0</v>
      </c>
      <c r="CF21" s="327">
        <v>30333777</v>
      </c>
      <c r="CG21" s="327">
        <v>49920991</v>
      </c>
      <c r="CH21" s="327">
        <v>34095867</v>
      </c>
      <c r="CI21" s="327">
        <v>28654870</v>
      </c>
      <c r="CJ21" s="327">
        <v>16089082</v>
      </c>
      <c r="CK21" s="328">
        <v>159094587</v>
      </c>
      <c r="CL21" s="330">
        <v>165160797</v>
      </c>
      <c r="CM21" s="326">
        <v>0</v>
      </c>
      <c r="CN21" s="327">
        <v>0</v>
      </c>
      <c r="CO21" s="328">
        <v>0</v>
      </c>
      <c r="CP21" s="332">
        <v>0</v>
      </c>
      <c r="CQ21" s="327">
        <v>20631375</v>
      </c>
      <c r="CR21" s="327">
        <v>31589437</v>
      </c>
      <c r="CS21" s="327">
        <v>25777116</v>
      </c>
      <c r="CT21" s="327">
        <v>21806914</v>
      </c>
      <c r="CU21" s="327">
        <v>12362355</v>
      </c>
      <c r="CV21" s="328">
        <v>112167197</v>
      </c>
      <c r="CW21" s="330">
        <v>112167197</v>
      </c>
      <c r="CX21" s="326">
        <v>1270085</v>
      </c>
      <c r="CY21" s="327">
        <v>4796125</v>
      </c>
      <c r="CZ21" s="328">
        <v>6066210</v>
      </c>
      <c r="DA21" s="326">
        <v>0</v>
      </c>
      <c r="DB21" s="327">
        <v>9702402</v>
      </c>
      <c r="DC21" s="327">
        <v>18331554</v>
      </c>
      <c r="DD21" s="327">
        <v>8318751</v>
      </c>
      <c r="DE21" s="327">
        <v>6847956</v>
      </c>
      <c r="DF21" s="327">
        <v>3726727</v>
      </c>
      <c r="DG21" s="328">
        <v>46927390</v>
      </c>
      <c r="DH21" s="330">
        <v>52993600</v>
      </c>
      <c r="DI21" s="326">
        <v>59709</v>
      </c>
      <c r="DJ21" s="327">
        <v>180359</v>
      </c>
      <c r="DK21" s="331">
        <v>240068</v>
      </c>
      <c r="DL21" s="332">
        <v>0</v>
      </c>
      <c r="DM21" s="327">
        <v>1987246</v>
      </c>
      <c r="DN21" s="327">
        <v>5903325</v>
      </c>
      <c r="DO21" s="327">
        <v>8731333</v>
      </c>
      <c r="DP21" s="327">
        <v>6194592</v>
      </c>
      <c r="DQ21" s="327">
        <v>3312759</v>
      </c>
      <c r="DR21" s="328">
        <v>26129255</v>
      </c>
      <c r="DS21" s="330">
        <v>26369323</v>
      </c>
      <c r="DT21" s="326">
        <v>59709</v>
      </c>
      <c r="DU21" s="327">
        <v>180359</v>
      </c>
      <c r="DV21" s="328">
        <v>240068</v>
      </c>
      <c r="DW21" s="326">
        <v>0</v>
      </c>
      <c r="DX21" s="327">
        <v>1805587</v>
      </c>
      <c r="DY21" s="327">
        <v>5240337</v>
      </c>
      <c r="DZ21" s="327">
        <v>7742384</v>
      </c>
      <c r="EA21" s="327">
        <v>5351457</v>
      </c>
      <c r="EB21" s="327">
        <v>3116421</v>
      </c>
      <c r="EC21" s="328">
        <v>23256186</v>
      </c>
      <c r="ED21" s="330">
        <v>23496254</v>
      </c>
      <c r="EE21" s="326">
        <v>0</v>
      </c>
      <c r="EF21" s="331">
        <v>0</v>
      </c>
      <c r="EG21" s="328">
        <v>0</v>
      </c>
      <c r="EH21" s="326">
        <v>0</v>
      </c>
      <c r="EI21" s="327">
        <v>181659</v>
      </c>
      <c r="EJ21" s="327">
        <v>662988</v>
      </c>
      <c r="EK21" s="327">
        <v>988949</v>
      </c>
      <c r="EL21" s="327">
        <v>843135</v>
      </c>
      <c r="EM21" s="327">
        <v>196338</v>
      </c>
      <c r="EN21" s="331">
        <v>2873069</v>
      </c>
      <c r="EO21" s="330">
        <v>2873069</v>
      </c>
      <c r="EP21" s="326">
        <v>0</v>
      </c>
      <c r="EQ21" s="327">
        <v>0</v>
      </c>
      <c r="ER21" s="331">
        <v>0</v>
      </c>
      <c r="ES21" s="332">
        <v>0</v>
      </c>
      <c r="ET21" s="327">
        <v>0</v>
      </c>
      <c r="EU21" s="327">
        <v>0</v>
      </c>
      <c r="EV21" s="327">
        <v>0</v>
      </c>
      <c r="EW21" s="327">
        <v>0</v>
      </c>
      <c r="EX21" s="327">
        <v>0</v>
      </c>
      <c r="EY21" s="328">
        <v>0</v>
      </c>
      <c r="EZ21" s="330">
        <v>0</v>
      </c>
      <c r="FA21" s="326">
        <v>0</v>
      </c>
      <c r="FB21" s="327">
        <v>0</v>
      </c>
      <c r="FC21" s="331">
        <v>0</v>
      </c>
      <c r="FD21" s="332">
        <v>0</v>
      </c>
      <c r="FE21" s="327">
        <v>0</v>
      </c>
      <c r="FF21" s="327">
        <v>0</v>
      </c>
      <c r="FG21" s="327">
        <v>0</v>
      </c>
      <c r="FH21" s="327">
        <v>0</v>
      </c>
      <c r="FI21" s="327">
        <v>0</v>
      </c>
      <c r="FJ21" s="328">
        <v>0</v>
      </c>
      <c r="FK21" s="330">
        <v>0</v>
      </c>
      <c r="FL21" s="326">
        <v>1298943</v>
      </c>
      <c r="FM21" s="327">
        <v>3328849</v>
      </c>
      <c r="FN21" s="328">
        <v>4627792</v>
      </c>
      <c r="FO21" s="326">
        <v>0</v>
      </c>
      <c r="FP21" s="327">
        <v>4005186</v>
      </c>
      <c r="FQ21" s="327">
        <v>13084633</v>
      </c>
      <c r="FR21" s="327">
        <v>7957915</v>
      </c>
      <c r="FS21" s="327">
        <v>7884859</v>
      </c>
      <c r="FT21" s="327">
        <v>5382285</v>
      </c>
      <c r="FU21" s="328">
        <v>38314878</v>
      </c>
      <c r="FV21" s="330">
        <v>42942670</v>
      </c>
      <c r="FW21" s="333">
        <v>975571</v>
      </c>
      <c r="FX21" s="327">
        <v>2770362</v>
      </c>
      <c r="FY21" s="331">
        <v>3745933</v>
      </c>
      <c r="FZ21" s="332">
        <v>0</v>
      </c>
      <c r="GA21" s="327">
        <v>3027071</v>
      </c>
      <c r="GB21" s="327">
        <v>12010267</v>
      </c>
      <c r="GC21" s="327">
        <v>7669398</v>
      </c>
      <c r="GD21" s="327">
        <v>7154755</v>
      </c>
      <c r="GE21" s="327">
        <v>5334977</v>
      </c>
      <c r="GF21" s="328">
        <v>35196468</v>
      </c>
      <c r="GG21" s="334">
        <v>38942401</v>
      </c>
      <c r="GH21" s="333">
        <v>32472</v>
      </c>
      <c r="GI21" s="327">
        <v>357805</v>
      </c>
      <c r="GJ21" s="331">
        <v>390277</v>
      </c>
      <c r="GK21" s="332">
        <v>0</v>
      </c>
      <c r="GL21" s="327">
        <v>388241</v>
      </c>
      <c r="GM21" s="327">
        <v>433579</v>
      </c>
      <c r="GN21" s="327">
        <v>258784</v>
      </c>
      <c r="GO21" s="327">
        <v>184536</v>
      </c>
      <c r="GP21" s="327">
        <v>47308</v>
      </c>
      <c r="GQ21" s="328">
        <v>1312448</v>
      </c>
      <c r="GR21" s="330">
        <v>1702725</v>
      </c>
      <c r="GS21" s="326">
        <v>290900</v>
      </c>
      <c r="GT21" s="327">
        <v>200682</v>
      </c>
      <c r="GU21" s="328">
        <v>491582</v>
      </c>
      <c r="GV21" s="326">
        <v>0</v>
      </c>
      <c r="GW21" s="327">
        <v>589874</v>
      </c>
      <c r="GX21" s="327">
        <v>640787</v>
      </c>
      <c r="GY21" s="327">
        <v>29733</v>
      </c>
      <c r="GZ21" s="327">
        <v>545568</v>
      </c>
      <c r="HA21" s="327">
        <v>0</v>
      </c>
      <c r="HB21" s="331">
        <v>1805962</v>
      </c>
      <c r="HC21" s="330">
        <v>2297544</v>
      </c>
      <c r="HD21" s="326">
        <v>1643197</v>
      </c>
      <c r="HE21" s="327">
        <v>1545309</v>
      </c>
      <c r="HF21" s="331">
        <v>3188506</v>
      </c>
      <c r="HG21" s="332">
        <v>0</v>
      </c>
      <c r="HH21" s="327">
        <v>18597671</v>
      </c>
      <c r="HI21" s="327">
        <v>22636313</v>
      </c>
      <c r="HJ21" s="327">
        <v>19062197</v>
      </c>
      <c r="HK21" s="327">
        <v>29606456</v>
      </c>
      <c r="HL21" s="327">
        <v>18045635</v>
      </c>
      <c r="HM21" s="328">
        <v>107948272</v>
      </c>
      <c r="HN21" s="329">
        <v>111136778</v>
      </c>
      <c r="HO21" s="333">
        <v>1078074</v>
      </c>
      <c r="HP21" s="327">
        <v>2456756</v>
      </c>
      <c r="HQ21" s="328">
        <v>3534830</v>
      </c>
      <c r="HR21" s="326">
        <v>0</v>
      </c>
      <c r="HS21" s="327">
        <v>12891849</v>
      </c>
      <c r="HT21" s="327">
        <v>17129038</v>
      </c>
      <c r="HU21" s="327">
        <v>10901429</v>
      </c>
      <c r="HV21" s="327">
        <v>7273411</v>
      </c>
      <c r="HW21" s="327">
        <v>4017398</v>
      </c>
      <c r="HX21" s="331">
        <v>52213125</v>
      </c>
      <c r="HY21" s="330">
        <v>55747955</v>
      </c>
      <c r="HZ21" s="335">
        <v>148629</v>
      </c>
      <c r="IA21" s="336">
        <v>510985</v>
      </c>
      <c r="IB21" s="337">
        <v>659614</v>
      </c>
      <c r="IC21" s="338">
        <v>0</v>
      </c>
      <c r="ID21" s="336">
        <v>17390620</v>
      </c>
      <c r="IE21" s="339">
        <v>31859142</v>
      </c>
      <c r="IF21" s="337">
        <v>32181352</v>
      </c>
      <c r="IG21" s="336">
        <v>28950257</v>
      </c>
      <c r="IH21" s="337">
        <v>19784386</v>
      </c>
      <c r="II21" s="340">
        <v>130165757</v>
      </c>
      <c r="IJ21" s="341">
        <v>130825371</v>
      </c>
      <c r="IK21" s="342">
        <v>0</v>
      </c>
      <c r="IL21" s="343">
        <v>0</v>
      </c>
      <c r="IM21" s="344">
        <v>0</v>
      </c>
      <c r="IN21" s="404">
        <v>0</v>
      </c>
      <c r="IO21" s="345">
        <v>512722</v>
      </c>
      <c r="IP21" s="345">
        <v>1674899</v>
      </c>
      <c r="IQ21" s="345">
        <v>3302788</v>
      </c>
      <c r="IR21" s="345">
        <v>2720792</v>
      </c>
      <c r="IS21" s="345">
        <v>2738761</v>
      </c>
      <c r="IT21" s="346">
        <v>10949962</v>
      </c>
      <c r="IU21" s="347">
        <v>10949962</v>
      </c>
      <c r="IV21" s="348">
        <v>0</v>
      </c>
      <c r="IW21" s="345">
        <v>0</v>
      </c>
      <c r="IX21" s="349">
        <v>0</v>
      </c>
      <c r="IY21" s="413">
        <v>0</v>
      </c>
      <c r="IZ21" s="345">
        <v>0</v>
      </c>
      <c r="JA21" s="345">
        <v>55053</v>
      </c>
      <c r="JB21" s="345">
        <v>36657</v>
      </c>
      <c r="JC21" s="345">
        <v>16312</v>
      </c>
      <c r="JD21" s="345">
        <v>18671</v>
      </c>
      <c r="JE21" s="349">
        <v>126693</v>
      </c>
      <c r="JF21" s="350">
        <v>126693</v>
      </c>
      <c r="JG21" s="348">
        <v>0</v>
      </c>
      <c r="JH21" s="345">
        <v>0</v>
      </c>
      <c r="JI21" s="346">
        <v>0</v>
      </c>
      <c r="JJ21" s="351">
        <v>0</v>
      </c>
      <c r="JK21" s="345">
        <v>6783543</v>
      </c>
      <c r="JL21" s="345">
        <v>10236012</v>
      </c>
      <c r="JM21" s="345">
        <v>8268503</v>
      </c>
      <c r="JN21" s="345">
        <v>3871304</v>
      </c>
      <c r="JO21" s="345">
        <v>1804062</v>
      </c>
      <c r="JP21" s="349">
        <v>30963424</v>
      </c>
      <c r="JQ21" s="347">
        <v>30963424</v>
      </c>
      <c r="JR21" s="348">
        <v>0</v>
      </c>
      <c r="JS21" s="345">
        <v>0</v>
      </c>
      <c r="JT21" s="346">
        <v>0</v>
      </c>
      <c r="JU21" s="351">
        <v>0</v>
      </c>
      <c r="JV21" s="345">
        <v>563695</v>
      </c>
      <c r="JW21" s="345">
        <v>758315</v>
      </c>
      <c r="JX21" s="345">
        <v>933036</v>
      </c>
      <c r="JY21" s="345">
        <v>878809</v>
      </c>
      <c r="JZ21" s="345">
        <v>342834</v>
      </c>
      <c r="KA21" s="349">
        <v>3476689</v>
      </c>
      <c r="KB21" s="347">
        <v>3476689</v>
      </c>
      <c r="KC21" s="352">
        <v>148629</v>
      </c>
      <c r="KD21" s="353">
        <v>252774</v>
      </c>
      <c r="KE21" s="349">
        <v>401403</v>
      </c>
      <c r="KF21" s="351">
        <v>0</v>
      </c>
      <c r="KG21" s="345">
        <v>2627325</v>
      </c>
      <c r="KH21" s="345">
        <v>5363593</v>
      </c>
      <c r="KI21" s="345">
        <v>4584141</v>
      </c>
      <c r="KJ21" s="345">
        <v>5367530</v>
      </c>
      <c r="KK21" s="345">
        <v>3840455</v>
      </c>
      <c r="KL21" s="349">
        <v>21783044</v>
      </c>
      <c r="KM21" s="354">
        <v>22184447</v>
      </c>
      <c r="KN21" s="342">
        <v>0</v>
      </c>
      <c r="KO21" s="343">
        <v>258211</v>
      </c>
      <c r="KP21" s="344">
        <v>258211</v>
      </c>
      <c r="KQ21" s="413">
        <v>0</v>
      </c>
      <c r="KR21" s="345">
        <v>6752585</v>
      </c>
      <c r="KS21" s="345">
        <v>12777223</v>
      </c>
      <c r="KT21" s="345">
        <v>11108184</v>
      </c>
      <c r="KU21" s="345">
        <v>11094174</v>
      </c>
      <c r="KV21" s="345">
        <v>5717698</v>
      </c>
      <c r="KW21" s="349">
        <v>47449864</v>
      </c>
      <c r="KX21" s="347">
        <v>47708075</v>
      </c>
      <c r="KY21" s="348">
        <v>0</v>
      </c>
      <c r="KZ21" s="345">
        <v>0</v>
      </c>
      <c r="LA21" s="349">
        <v>0</v>
      </c>
      <c r="LB21" s="413">
        <v>0</v>
      </c>
      <c r="LC21" s="345">
        <v>0</v>
      </c>
      <c r="LD21" s="345">
        <v>0</v>
      </c>
      <c r="LE21" s="345">
        <v>0</v>
      </c>
      <c r="LF21" s="345">
        <v>0</v>
      </c>
      <c r="LG21" s="345">
        <v>0</v>
      </c>
      <c r="LH21" s="349">
        <v>0</v>
      </c>
      <c r="LI21" s="350">
        <v>0</v>
      </c>
      <c r="LJ21" s="348">
        <v>0</v>
      </c>
      <c r="LK21" s="345">
        <v>0</v>
      </c>
      <c r="LL21" s="349">
        <v>0</v>
      </c>
      <c r="LM21" s="413">
        <v>0</v>
      </c>
      <c r="LN21" s="345">
        <v>0</v>
      </c>
      <c r="LO21" s="345">
        <v>0</v>
      </c>
      <c r="LP21" s="345">
        <v>2600935</v>
      </c>
      <c r="LQ21" s="345">
        <v>4384798</v>
      </c>
      <c r="LR21" s="345">
        <v>2726384</v>
      </c>
      <c r="LS21" s="349">
        <v>9712117</v>
      </c>
      <c r="LT21" s="347">
        <v>9712117</v>
      </c>
      <c r="LU21" s="348">
        <v>0</v>
      </c>
      <c r="LV21" s="345">
        <v>0</v>
      </c>
      <c r="LW21" s="349">
        <v>0</v>
      </c>
      <c r="LX21" s="413">
        <v>0</v>
      </c>
      <c r="LY21" s="345">
        <v>150750</v>
      </c>
      <c r="LZ21" s="345">
        <v>994047</v>
      </c>
      <c r="MA21" s="345">
        <v>1347108</v>
      </c>
      <c r="MB21" s="345">
        <v>616538</v>
      </c>
      <c r="MC21" s="345">
        <v>2595521</v>
      </c>
      <c r="MD21" s="349">
        <v>5703964</v>
      </c>
      <c r="ME21" s="350">
        <v>5703964</v>
      </c>
      <c r="MF21" s="348">
        <v>0</v>
      </c>
      <c r="MG21" s="345">
        <v>0</v>
      </c>
      <c r="MH21" s="349">
        <v>0</v>
      </c>
      <c r="MI21" s="413">
        <v>0</v>
      </c>
      <c r="MJ21" s="345">
        <v>14333347</v>
      </c>
      <c r="MK21" s="345">
        <v>27290081</v>
      </c>
      <c r="ML21" s="345">
        <v>99140407</v>
      </c>
      <c r="MM21" s="345">
        <v>140392709</v>
      </c>
      <c r="MN21" s="345">
        <v>78700338</v>
      </c>
      <c r="MO21" s="349">
        <v>359856882</v>
      </c>
      <c r="MP21" s="354">
        <v>359856882</v>
      </c>
      <c r="MQ21" s="348">
        <v>0</v>
      </c>
      <c r="MR21" s="345">
        <v>0</v>
      </c>
      <c r="MS21" s="349">
        <v>0</v>
      </c>
      <c r="MT21" s="413">
        <v>0</v>
      </c>
      <c r="MU21" s="345">
        <v>912023</v>
      </c>
      <c r="MV21" s="345">
        <v>3376572</v>
      </c>
      <c r="MW21" s="345">
        <v>58788405</v>
      </c>
      <c r="MX21" s="345">
        <v>91228197</v>
      </c>
      <c r="MY21" s="345">
        <v>54562628</v>
      </c>
      <c r="MZ21" s="349">
        <v>208867825</v>
      </c>
      <c r="NA21" s="354">
        <v>208867825</v>
      </c>
      <c r="NB21" s="348">
        <v>0</v>
      </c>
      <c r="NC21" s="345">
        <v>0</v>
      </c>
      <c r="ND21" s="349">
        <v>0</v>
      </c>
      <c r="NE21" s="413">
        <v>0</v>
      </c>
      <c r="NF21" s="345">
        <v>13421324</v>
      </c>
      <c r="NG21" s="345">
        <v>23913509</v>
      </c>
      <c r="NH21" s="345">
        <v>39624256</v>
      </c>
      <c r="NI21" s="345">
        <v>44343409</v>
      </c>
      <c r="NJ21" s="345">
        <v>19968499</v>
      </c>
      <c r="NK21" s="349">
        <v>141270997</v>
      </c>
      <c r="NL21" s="347">
        <v>141270997</v>
      </c>
      <c r="NM21" s="348">
        <v>0</v>
      </c>
      <c r="NN21" s="345">
        <v>0</v>
      </c>
      <c r="NO21" s="349">
        <v>0</v>
      </c>
      <c r="NP21" s="413">
        <v>0</v>
      </c>
      <c r="NQ21" s="345">
        <v>0</v>
      </c>
      <c r="NR21" s="345">
        <v>0</v>
      </c>
      <c r="NS21" s="345">
        <v>0</v>
      </c>
      <c r="NT21" s="345">
        <v>0</v>
      </c>
      <c r="NU21" s="345">
        <v>0</v>
      </c>
      <c r="NV21" s="349">
        <v>0</v>
      </c>
      <c r="NW21" s="350">
        <v>0</v>
      </c>
      <c r="NX21" s="348">
        <v>0</v>
      </c>
      <c r="NY21" s="345">
        <v>0</v>
      </c>
      <c r="NZ21" s="349">
        <v>0</v>
      </c>
      <c r="OA21" s="413">
        <v>0</v>
      </c>
      <c r="OB21" s="345">
        <v>0</v>
      </c>
      <c r="OC21" s="345">
        <v>0</v>
      </c>
      <c r="OD21" s="345">
        <v>727746</v>
      </c>
      <c r="OE21" s="345">
        <v>4821103</v>
      </c>
      <c r="OF21" s="345">
        <v>4169211</v>
      </c>
      <c r="OG21" s="349">
        <v>9718060</v>
      </c>
      <c r="OH21" s="350">
        <v>9718060</v>
      </c>
      <c r="OI21" s="348">
        <v>7115542</v>
      </c>
      <c r="OJ21" s="345">
        <v>15576723</v>
      </c>
      <c r="OK21" s="346">
        <v>22692265</v>
      </c>
      <c r="OL21" s="351">
        <v>0</v>
      </c>
      <c r="OM21" s="345">
        <v>115977343</v>
      </c>
      <c r="ON21" s="345">
        <v>201253573</v>
      </c>
      <c r="OO21" s="345">
        <v>240813307</v>
      </c>
      <c r="OP21" s="345">
        <v>280885481</v>
      </c>
      <c r="OQ21" s="345">
        <v>171071490</v>
      </c>
      <c r="OR21" s="349">
        <v>1010001194</v>
      </c>
      <c r="OS21" s="354">
        <v>1032693459</v>
      </c>
    </row>
    <row r="22" spans="2:409" s="70" customFormat="1" ht="21" customHeight="1" x14ac:dyDescent="0.2">
      <c r="B22" s="410" t="s">
        <v>17</v>
      </c>
      <c r="C22" s="326">
        <v>7096133</v>
      </c>
      <c r="D22" s="327">
        <v>18823081</v>
      </c>
      <c r="E22" s="328">
        <v>25919214</v>
      </c>
      <c r="F22" s="329">
        <v>0</v>
      </c>
      <c r="G22" s="327">
        <v>81100083</v>
      </c>
      <c r="H22" s="327">
        <v>180766489</v>
      </c>
      <c r="I22" s="327">
        <v>163903829</v>
      </c>
      <c r="J22" s="327">
        <v>148253167</v>
      </c>
      <c r="K22" s="327">
        <v>103269902</v>
      </c>
      <c r="L22" s="329">
        <v>677293470</v>
      </c>
      <c r="M22" s="330">
        <v>703212684</v>
      </c>
      <c r="N22" s="326">
        <v>1586509</v>
      </c>
      <c r="O22" s="327">
        <v>4211907</v>
      </c>
      <c r="P22" s="328">
        <v>5798416</v>
      </c>
      <c r="Q22" s="326">
        <v>0</v>
      </c>
      <c r="R22" s="327">
        <v>19734837</v>
      </c>
      <c r="S22" s="327">
        <v>51435281</v>
      </c>
      <c r="T22" s="327">
        <v>52419386</v>
      </c>
      <c r="U22" s="327">
        <v>61080292</v>
      </c>
      <c r="V22" s="327">
        <v>51425335</v>
      </c>
      <c r="W22" s="328">
        <v>236095131</v>
      </c>
      <c r="X22" s="330">
        <v>241893547</v>
      </c>
      <c r="Y22" s="326">
        <v>0</v>
      </c>
      <c r="Z22" s="327">
        <v>0</v>
      </c>
      <c r="AA22" s="328">
        <v>0</v>
      </c>
      <c r="AB22" s="326">
        <v>0</v>
      </c>
      <c r="AC22" s="327">
        <v>8240840</v>
      </c>
      <c r="AD22" s="327">
        <v>25140214</v>
      </c>
      <c r="AE22" s="327">
        <v>30953958</v>
      </c>
      <c r="AF22" s="327">
        <v>39166996</v>
      </c>
      <c r="AG22" s="327">
        <v>31284359</v>
      </c>
      <c r="AH22" s="328">
        <v>134786367</v>
      </c>
      <c r="AI22" s="330">
        <v>134786367</v>
      </c>
      <c r="AJ22" s="326">
        <v>0</v>
      </c>
      <c r="AK22" s="327">
        <v>102442</v>
      </c>
      <c r="AL22" s="328">
        <v>102442</v>
      </c>
      <c r="AM22" s="326">
        <v>0</v>
      </c>
      <c r="AN22" s="327">
        <v>61216</v>
      </c>
      <c r="AO22" s="327">
        <v>364346</v>
      </c>
      <c r="AP22" s="327">
        <v>936408</v>
      </c>
      <c r="AQ22" s="327">
        <v>2814338</v>
      </c>
      <c r="AR22" s="327">
        <v>5366355</v>
      </c>
      <c r="AS22" s="328">
        <v>9542663</v>
      </c>
      <c r="AT22" s="330">
        <v>9645105</v>
      </c>
      <c r="AU22" s="326">
        <v>690123</v>
      </c>
      <c r="AV22" s="327">
        <v>2935450</v>
      </c>
      <c r="AW22" s="328">
        <v>3625573</v>
      </c>
      <c r="AX22" s="326">
        <v>0</v>
      </c>
      <c r="AY22" s="327">
        <v>7177752</v>
      </c>
      <c r="AZ22" s="327">
        <v>16836846</v>
      </c>
      <c r="BA22" s="327">
        <v>11788704</v>
      </c>
      <c r="BB22" s="327">
        <v>10727161</v>
      </c>
      <c r="BC22" s="327">
        <v>8978802</v>
      </c>
      <c r="BD22" s="328">
        <v>55509265</v>
      </c>
      <c r="BE22" s="330">
        <v>59134838</v>
      </c>
      <c r="BF22" s="326">
        <v>220964</v>
      </c>
      <c r="BG22" s="327">
        <v>309589</v>
      </c>
      <c r="BH22" s="331">
        <v>530553</v>
      </c>
      <c r="BI22" s="332">
        <v>0</v>
      </c>
      <c r="BJ22" s="327">
        <v>507597</v>
      </c>
      <c r="BK22" s="327">
        <v>1626782</v>
      </c>
      <c r="BL22" s="327">
        <v>1091843</v>
      </c>
      <c r="BM22" s="327">
        <v>1038935</v>
      </c>
      <c r="BN22" s="327">
        <v>850606</v>
      </c>
      <c r="BO22" s="328">
        <v>5115763</v>
      </c>
      <c r="BP22" s="330">
        <v>5646316</v>
      </c>
      <c r="BQ22" s="326">
        <v>675422</v>
      </c>
      <c r="BR22" s="327">
        <v>864426</v>
      </c>
      <c r="BS22" s="328">
        <v>1539848</v>
      </c>
      <c r="BT22" s="326">
        <v>0</v>
      </c>
      <c r="BU22" s="327">
        <v>3747432</v>
      </c>
      <c r="BV22" s="327">
        <v>7467093</v>
      </c>
      <c r="BW22" s="327">
        <v>7648473</v>
      </c>
      <c r="BX22" s="327">
        <v>7332862</v>
      </c>
      <c r="BY22" s="327">
        <v>4945213</v>
      </c>
      <c r="BZ22" s="328">
        <v>31141073</v>
      </c>
      <c r="CA22" s="330">
        <v>32680921</v>
      </c>
      <c r="CB22" s="326">
        <v>895013</v>
      </c>
      <c r="CC22" s="327">
        <v>3851426</v>
      </c>
      <c r="CD22" s="328">
        <v>4746439</v>
      </c>
      <c r="CE22" s="326">
        <v>0</v>
      </c>
      <c r="CF22" s="327">
        <v>23377092</v>
      </c>
      <c r="CG22" s="327">
        <v>52724207</v>
      </c>
      <c r="CH22" s="327">
        <v>44688276</v>
      </c>
      <c r="CI22" s="327">
        <v>27760780</v>
      </c>
      <c r="CJ22" s="327">
        <v>16295250</v>
      </c>
      <c r="CK22" s="328">
        <v>164845605</v>
      </c>
      <c r="CL22" s="330">
        <v>169592044</v>
      </c>
      <c r="CM22" s="326">
        <v>0</v>
      </c>
      <c r="CN22" s="327">
        <v>0</v>
      </c>
      <c r="CO22" s="328">
        <v>0</v>
      </c>
      <c r="CP22" s="332">
        <v>0</v>
      </c>
      <c r="CQ22" s="327">
        <v>19773921</v>
      </c>
      <c r="CR22" s="327">
        <v>37478039</v>
      </c>
      <c r="CS22" s="327">
        <v>34358546</v>
      </c>
      <c r="CT22" s="327">
        <v>23050205</v>
      </c>
      <c r="CU22" s="327">
        <v>14145570</v>
      </c>
      <c r="CV22" s="328">
        <v>128806281</v>
      </c>
      <c r="CW22" s="330">
        <v>128806281</v>
      </c>
      <c r="CX22" s="326">
        <v>895013</v>
      </c>
      <c r="CY22" s="327">
        <v>3851426</v>
      </c>
      <c r="CZ22" s="328">
        <v>4746439</v>
      </c>
      <c r="DA22" s="326">
        <v>0</v>
      </c>
      <c r="DB22" s="327">
        <v>3603171</v>
      </c>
      <c r="DC22" s="327">
        <v>15246168</v>
      </c>
      <c r="DD22" s="327">
        <v>10329730</v>
      </c>
      <c r="DE22" s="327">
        <v>4710575</v>
      </c>
      <c r="DF22" s="327">
        <v>2149680</v>
      </c>
      <c r="DG22" s="328">
        <v>36039324</v>
      </c>
      <c r="DH22" s="330">
        <v>40785763</v>
      </c>
      <c r="DI22" s="326">
        <v>23796</v>
      </c>
      <c r="DJ22" s="327">
        <v>164220</v>
      </c>
      <c r="DK22" s="331">
        <v>188016</v>
      </c>
      <c r="DL22" s="332">
        <v>0</v>
      </c>
      <c r="DM22" s="327">
        <v>3139245</v>
      </c>
      <c r="DN22" s="327">
        <v>9369214</v>
      </c>
      <c r="DO22" s="327">
        <v>15456120</v>
      </c>
      <c r="DP22" s="327">
        <v>14187174</v>
      </c>
      <c r="DQ22" s="327">
        <v>5723876</v>
      </c>
      <c r="DR22" s="328">
        <v>47875629</v>
      </c>
      <c r="DS22" s="330">
        <v>48063645</v>
      </c>
      <c r="DT22" s="326">
        <v>23796</v>
      </c>
      <c r="DU22" s="327">
        <v>164220</v>
      </c>
      <c r="DV22" s="328">
        <v>188016</v>
      </c>
      <c r="DW22" s="326">
        <v>0</v>
      </c>
      <c r="DX22" s="327">
        <v>2832346</v>
      </c>
      <c r="DY22" s="327">
        <v>8436158</v>
      </c>
      <c r="DZ22" s="327">
        <v>14379891</v>
      </c>
      <c r="EA22" s="327">
        <v>12851294</v>
      </c>
      <c r="EB22" s="327">
        <v>4666709</v>
      </c>
      <c r="EC22" s="328">
        <v>43166398</v>
      </c>
      <c r="ED22" s="330">
        <v>43354414</v>
      </c>
      <c r="EE22" s="326">
        <v>0</v>
      </c>
      <c r="EF22" s="331">
        <v>0</v>
      </c>
      <c r="EG22" s="328">
        <v>0</v>
      </c>
      <c r="EH22" s="326">
        <v>0</v>
      </c>
      <c r="EI22" s="327">
        <v>306899</v>
      </c>
      <c r="EJ22" s="327">
        <v>933056</v>
      </c>
      <c r="EK22" s="327">
        <v>1076229</v>
      </c>
      <c r="EL22" s="327">
        <v>1335880</v>
      </c>
      <c r="EM22" s="327">
        <v>1057167</v>
      </c>
      <c r="EN22" s="331">
        <v>4709231</v>
      </c>
      <c r="EO22" s="330">
        <v>4709231</v>
      </c>
      <c r="EP22" s="326">
        <v>0</v>
      </c>
      <c r="EQ22" s="327">
        <v>0</v>
      </c>
      <c r="ER22" s="331">
        <v>0</v>
      </c>
      <c r="ES22" s="332">
        <v>0</v>
      </c>
      <c r="ET22" s="327">
        <v>0</v>
      </c>
      <c r="EU22" s="327">
        <v>0</v>
      </c>
      <c r="EV22" s="327">
        <v>0</v>
      </c>
      <c r="EW22" s="327">
        <v>0</v>
      </c>
      <c r="EX22" s="327">
        <v>0</v>
      </c>
      <c r="EY22" s="328">
        <v>0</v>
      </c>
      <c r="EZ22" s="330">
        <v>0</v>
      </c>
      <c r="FA22" s="326">
        <v>0</v>
      </c>
      <c r="FB22" s="327">
        <v>0</v>
      </c>
      <c r="FC22" s="331">
        <v>0</v>
      </c>
      <c r="FD22" s="332">
        <v>0</v>
      </c>
      <c r="FE22" s="327">
        <v>0</v>
      </c>
      <c r="FF22" s="327">
        <v>0</v>
      </c>
      <c r="FG22" s="327">
        <v>0</v>
      </c>
      <c r="FH22" s="327">
        <v>0</v>
      </c>
      <c r="FI22" s="327">
        <v>0</v>
      </c>
      <c r="FJ22" s="328">
        <v>0</v>
      </c>
      <c r="FK22" s="330">
        <v>0</v>
      </c>
      <c r="FL22" s="326">
        <v>1687983</v>
      </c>
      <c r="FM22" s="327">
        <v>4630883</v>
      </c>
      <c r="FN22" s="328">
        <v>6318866</v>
      </c>
      <c r="FO22" s="326">
        <v>0</v>
      </c>
      <c r="FP22" s="327">
        <v>4323304</v>
      </c>
      <c r="FQ22" s="327">
        <v>17649482</v>
      </c>
      <c r="FR22" s="327">
        <v>13870229</v>
      </c>
      <c r="FS22" s="327">
        <v>11036919</v>
      </c>
      <c r="FT22" s="327">
        <v>7723260</v>
      </c>
      <c r="FU22" s="328">
        <v>54603194</v>
      </c>
      <c r="FV22" s="330">
        <v>60922060</v>
      </c>
      <c r="FW22" s="333">
        <v>1095099</v>
      </c>
      <c r="FX22" s="327">
        <v>3517766</v>
      </c>
      <c r="FY22" s="331">
        <v>4612865</v>
      </c>
      <c r="FZ22" s="332">
        <v>0</v>
      </c>
      <c r="GA22" s="327">
        <v>2854557</v>
      </c>
      <c r="GB22" s="327">
        <v>16790414</v>
      </c>
      <c r="GC22" s="327">
        <v>12163164</v>
      </c>
      <c r="GD22" s="327">
        <v>10194519</v>
      </c>
      <c r="GE22" s="327">
        <v>7538580</v>
      </c>
      <c r="GF22" s="328">
        <v>49541234</v>
      </c>
      <c r="GG22" s="334">
        <v>54154099</v>
      </c>
      <c r="GH22" s="333">
        <v>72684</v>
      </c>
      <c r="GI22" s="327">
        <v>334220</v>
      </c>
      <c r="GJ22" s="331">
        <v>406904</v>
      </c>
      <c r="GK22" s="332">
        <v>0</v>
      </c>
      <c r="GL22" s="327">
        <v>281649</v>
      </c>
      <c r="GM22" s="327">
        <v>359230</v>
      </c>
      <c r="GN22" s="327">
        <v>431124</v>
      </c>
      <c r="GO22" s="327">
        <v>459900</v>
      </c>
      <c r="GP22" s="327">
        <v>54990</v>
      </c>
      <c r="GQ22" s="328">
        <v>1586893</v>
      </c>
      <c r="GR22" s="330">
        <v>1993797</v>
      </c>
      <c r="GS22" s="326">
        <v>520200</v>
      </c>
      <c r="GT22" s="327">
        <v>778897</v>
      </c>
      <c r="GU22" s="328">
        <v>1299097</v>
      </c>
      <c r="GV22" s="326">
        <v>0</v>
      </c>
      <c r="GW22" s="327">
        <v>1187098</v>
      </c>
      <c r="GX22" s="327">
        <v>499838</v>
      </c>
      <c r="GY22" s="327">
        <v>1275941</v>
      </c>
      <c r="GZ22" s="327">
        <v>382500</v>
      </c>
      <c r="HA22" s="327">
        <v>129690</v>
      </c>
      <c r="HB22" s="331">
        <v>3475067</v>
      </c>
      <c r="HC22" s="330">
        <v>4774164</v>
      </c>
      <c r="HD22" s="326">
        <v>1913522</v>
      </c>
      <c r="HE22" s="327">
        <v>3638291</v>
      </c>
      <c r="HF22" s="331">
        <v>5551813</v>
      </c>
      <c r="HG22" s="332">
        <v>0</v>
      </c>
      <c r="HH22" s="327">
        <v>17587104</v>
      </c>
      <c r="HI22" s="327">
        <v>26760424</v>
      </c>
      <c r="HJ22" s="327">
        <v>21548610</v>
      </c>
      <c r="HK22" s="327">
        <v>22664794</v>
      </c>
      <c r="HL22" s="327">
        <v>16440862</v>
      </c>
      <c r="HM22" s="328">
        <v>105001794</v>
      </c>
      <c r="HN22" s="329">
        <v>110553607</v>
      </c>
      <c r="HO22" s="333">
        <v>989310</v>
      </c>
      <c r="HP22" s="327">
        <v>2326354</v>
      </c>
      <c r="HQ22" s="328">
        <v>3315664</v>
      </c>
      <c r="HR22" s="326">
        <v>0</v>
      </c>
      <c r="HS22" s="327">
        <v>12938501</v>
      </c>
      <c r="HT22" s="327">
        <v>22827881</v>
      </c>
      <c r="HU22" s="327">
        <v>15921208</v>
      </c>
      <c r="HV22" s="327">
        <v>11523208</v>
      </c>
      <c r="HW22" s="327">
        <v>5661319</v>
      </c>
      <c r="HX22" s="331">
        <v>68872117</v>
      </c>
      <c r="HY22" s="330">
        <v>72187781</v>
      </c>
      <c r="HZ22" s="358">
        <v>322171</v>
      </c>
      <c r="IA22" s="356">
        <v>551848</v>
      </c>
      <c r="IB22" s="358">
        <v>874019</v>
      </c>
      <c r="IC22" s="355">
        <v>0</v>
      </c>
      <c r="ID22" s="356">
        <v>26827624</v>
      </c>
      <c r="IE22" s="357">
        <v>47317964</v>
      </c>
      <c r="IF22" s="358">
        <v>63788897</v>
      </c>
      <c r="IG22" s="356">
        <v>50806852</v>
      </c>
      <c r="IH22" s="358">
        <v>37023648</v>
      </c>
      <c r="II22" s="359">
        <v>225764985</v>
      </c>
      <c r="IJ22" s="358">
        <v>226639004</v>
      </c>
      <c r="IK22" s="342">
        <v>0</v>
      </c>
      <c r="IL22" s="343">
        <v>0</v>
      </c>
      <c r="IM22" s="344">
        <v>0</v>
      </c>
      <c r="IN22" s="404">
        <v>0</v>
      </c>
      <c r="IO22" s="345">
        <v>0</v>
      </c>
      <c r="IP22" s="345">
        <v>340757</v>
      </c>
      <c r="IQ22" s="345">
        <v>341440</v>
      </c>
      <c r="IR22" s="345">
        <v>-125385</v>
      </c>
      <c r="IS22" s="345">
        <v>519171</v>
      </c>
      <c r="IT22" s="346">
        <v>1075983</v>
      </c>
      <c r="IU22" s="347">
        <v>1075983</v>
      </c>
      <c r="IV22" s="348">
        <v>0</v>
      </c>
      <c r="IW22" s="345">
        <v>0</v>
      </c>
      <c r="IX22" s="349">
        <v>0</v>
      </c>
      <c r="IY22" s="413">
        <v>0</v>
      </c>
      <c r="IZ22" s="345">
        <v>0</v>
      </c>
      <c r="JA22" s="345">
        <v>0</v>
      </c>
      <c r="JB22" s="345">
        <v>0</v>
      </c>
      <c r="JC22" s="345">
        <v>0</v>
      </c>
      <c r="JD22" s="345">
        <v>0</v>
      </c>
      <c r="JE22" s="349">
        <v>0</v>
      </c>
      <c r="JF22" s="350">
        <v>0</v>
      </c>
      <c r="JG22" s="348">
        <v>0</v>
      </c>
      <c r="JH22" s="345">
        <v>0</v>
      </c>
      <c r="JI22" s="346">
        <v>0</v>
      </c>
      <c r="JJ22" s="351">
        <v>0</v>
      </c>
      <c r="JK22" s="345">
        <v>13983993</v>
      </c>
      <c r="JL22" s="345">
        <v>20932890</v>
      </c>
      <c r="JM22" s="345">
        <v>16580570</v>
      </c>
      <c r="JN22" s="345">
        <v>12630029</v>
      </c>
      <c r="JO22" s="345">
        <v>5964914</v>
      </c>
      <c r="JP22" s="349">
        <v>70092396</v>
      </c>
      <c r="JQ22" s="347">
        <v>70092396</v>
      </c>
      <c r="JR22" s="348">
        <v>61842</v>
      </c>
      <c r="JS22" s="345">
        <v>194762</v>
      </c>
      <c r="JT22" s="346">
        <v>256604</v>
      </c>
      <c r="JU22" s="351">
        <v>0</v>
      </c>
      <c r="JV22" s="345">
        <v>2053407</v>
      </c>
      <c r="JW22" s="345">
        <v>2001850</v>
      </c>
      <c r="JX22" s="345">
        <v>1829036</v>
      </c>
      <c r="JY22" s="345">
        <v>1518217</v>
      </c>
      <c r="JZ22" s="345">
        <v>1304034</v>
      </c>
      <c r="KA22" s="349">
        <v>8706544</v>
      </c>
      <c r="KB22" s="347">
        <v>8963148</v>
      </c>
      <c r="KC22" s="352">
        <v>260329</v>
      </c>
      <c r="KD22" s="353">
        <v>357086</v>
      </c>
      <c r="KE22" s="349">
        <v>617415</v>
      </c>
      <c r="KF22" s="351">
        <v>0</v>
      </c>
      <c r="KG22" s="345">
        <v>999851</v>
      </c>
      <c r="KH22" s="345">
        <v>5617219</v>
      </c>
      <c r="KI22" s="345">
        <v>9758774</v>
      </c>
      <c r="KJ22" s="345">
        <v>6618004</v>
      </c>
      <c r="KK22" s="345">
        <v>5712254</v>
      </c>
      <c r="KL22" s="349">
        <v>28706102</v>
      </c>
      <c r="KM22" s="354">
        <v>29323517</v>
      </c>
      <c r="KN22" s="342">
        <v>0</v>
      </c>
      <c r="KO22" s="343">
        <v>0</v>
      </c>
      <c r="KP22" s="344">
        <v>0</v>
      </c>
      <c r="KQ22" s="413">
        <v>0</v>
      </c>
      <c r="KR22" s="345">
        <v>9599177</v>
      </c>
      <c r="KS22" s="345">
        <v>17342689</v>
      </c>
      <c r="KT22" s="345">
        <v>25071354</v>
      </c>
      <c r="KU22" s="345">
        <v>13721808</v>
      </c>
      <c r="KV22" s="345">
        <v>7888077</v>
      </c>
      <c r="KW22" s="349">
        <v>73623105</v>
      </c>
      <c r="KX22" s="347">
        <v>73623105</v>
      </c>
      <c r="KY22" s="348">
        <v>0</v>
      </c>
      <c r="KZ22" s="345">
        <v>0</v>
      </c>
      <c r="LA22" s="349">
        <v>0</v>
      </c>
      <c r="LB22" s="413">
        <v>0</v>
      </c>
      <c r="LC22" s="345">
        <v>0</v>
      </c>
      <c r="LD22" s="345">
        <v>0</v>
      </c>
      <c r="LE22" s="345">
        <v>0</v>
      </c>
      <c r="LF22" s="345">
        <v>0</v>
      </c>
      <c r="LG22" s="345">
        <v>0</v>
      </c>
      <c r="LH22" s="349">
        <v>0</v>
      </c>
      <c r="LI22" s="350">
        <v>0</v>
      </c>
      <c r="LJ22" s="348">
        <v>0</v>
      </c>
      <c r="LK22" s="345">
        <v>0</v>
      </c>
      <c r="LL22" s="349">
        <v>0</v>
      </c>
      <c r="LM22" s="413">
        <v>0</v>
      </c>
      <c r="LN22" s="345">
        <v>0</v>
      </c>
      <c r="LO22" s="345">
        <v>288600</v>
      </c>
      <c r="LP22" s="345">
        <v>8530532</v>
      </c>
      <c r="LQ22" s="345">
        <v>14239630</v>
      </c>
      <c r="LR22" s="345">
        <v>10207981</v>
      </c>
      <c r="LS22" s="349">
        <v>33266743</v>
      </c>
      <c r="LT22" s="347">
        <v>33266743</v>
      </c>
      <c r="LU22" s="348">
        <v>0</v>
      </c>
      <c r="LV22" s="345">
        <v>0</v>
      </c>
      <c r="LW22" s="349">
        <v>0</v>
      </c>
      <c r="LX22" s="413">
        <v>0</v>
      </c>
      <c r="LY22" s="345">
        <v>191196</v>
      </c>
      <c r="LZ22" s="345">
        <v>793959</v>
      </c>
      <c r="MA22" s="345">
        <v>1677191</v>
      </c>
      <c r="MB22" s="345">
        <v>2204549</v>
      </c>
      <c r="MC22" s="345">
        <v>5427217</v>
      </c>
      <c r="MD22" s="349">
        <v>10294112</v>
      </c>
      <c r="ME22" s="350">
        <v>10294112</v>
      </c>
      <c r="MF22" s="348">
        <v>0</v>
      </c>
      <c r="MG22" s="345">
        <v>0</v>
      </c>
      <c r="MH22" s="349">
        <v>0</v>
      </c>
      <c r="MI22" s="413">
        <v>0</v>
      </c>
      <c r="MJ22" s="345">
        <v>11445526</v>
      </c>
      <c r="MK22" s="345">
        <v>38341740</v>
      </c>
      <c r="ML22" s="345">
        <v>102268339</v>
      </c>
      <c r="MM22" s="345">
        <v>137429753</v>
      </c>
      <c r="MN22" s="345">
        <v>104925992</v>
      </c>
      <c r="MO22" s="349">
        <v>394411350</v>
      </c>
      <c r="MP22" s="354">
        <v>394411350</v>
      </c>
      <c r="MQ22" s="348">
        <v>0</v>
      </c>
      <c r="MR22" s="345">
        <v>0</v>
      </c>
      <c r="MS22" s="349">
        <v>0</v>
      </c>
      <c r="MT22" s="413">
        <v>0</v>
      </c>
      <c r="MU22" s="345">
        <v>1255495</v>
      </c>
      <c r="MV22" s="345">
        <v>3052913</v>
      </c>
      <c r="MW22" s="345">
        <v>54653065</v>
      </c>
      <c r="MX22" s="345">
        <v>86260144</v>
      </c>
      <c r="MY22" s="345">
        <v>72088370</v>
      </c>
      <c r="MZ22" s="349">
        <v>217309987</v>
      </c>
      <c r="NA22" s="354">
        <v>217309987</v>
      </c>
      <c r="NB22" s="348">
        <v>0</v>
      </c>
      <c r="NC22" s="345">
        <v>0</v>
      </c>
      <c r="ND22" s="349">
        <v>0</v>
      </c>
      <c r="NE22" s="413">
        <v>0</v>
      </c>
      <c r="NF22" s="345">
        <v>10190031</v>
      </c>
      <c r="NG22" s="345">
        <v>35288827</v>
      </c>
      <c r="NH22" s="345">
        <v>47615274</v>
      </c>
      <c r="NI22" s="345">
        <v>48156874</v>
      </c>
      <c r="NJ22" s="345">
        <v>25288363</v>
      </c>
      <c r="NK22" s="349">
        <v>166539369</v>
      </c>
      <c r="NL22" s="347">
        <v>166539369</v>
      </c>
      <c r="NM22" s="348">
        <v>0</v>
      </c>
      <c r="NN22" s="345">
        <v>0</v>
      </c>
      <c r="NO22" s="349">
        <v>0</v>
      </c>
      <c r="NP22" s="413">
        <v>0</v>
      </c>
      <c r="NQ22" s="345">
        <v>0</v>
      </c>
      <c r="NR22" s="345">
        <v>0</v>
      </c>
      <c r="NS22" s="345">
        <v>0</v>
      </c>
      <c r="NT22" s="345">
        <v>0</v>
      </c>
      <c r="NU22" s="345">
        <v>0</v>
      </c>
      <c r="NV22" s="349">
        <v>0</v>
      </c>
      <c r="NW22" s="350">
        <v>0</v>
      </c>
      <c r="NX22" s="348">
        <v>0</v>
      </c>
      <c r="NY22" s="345">
        <v>0</v>
      </c>
      <c r="NZ22" s="349">
        <v>0</v>
      </c>
      <c r="OA22" s="413">
        <v>0</v>
      </c>
      <c r="OB22" s="345">
        <v>0</v>
      </c>
      <c r="OC22" s="345">
        <v>0</v>
      </c>
      <c r="OD22" s="345">
        <v>0</v>
      </c>
      <c r="OE22" s="345">
        <v>3012735</v>
      </c>
      <c r="OF22" s="345">
        <v>7549259</v>
      </c>
      <c r="OG22" s="349">
        <v>10561994</v>
      </c>
      <c r="OH22" s="350">
        <v>10561994</v>
      </c>
      <c r="OI22" s="348">
        <v>7418304</v>
      </c>
      <c r="OJ22" s="345">
        <v>19374929</v>
      </c>
      <c r="OK22" s="346">
        <v>26793233</v>
      </c>
      <c r="OL22" s="351">
        <v>0</v>
      </c>
      <c r="OM22" s="345">
        <v>119373233</v>
      </c>
      <c r="ON22" s="345">
        <v>266426193</v>
      </c>
      <c r="OO22" s="345">
        <v>329961065</v>
      </c>
      <c r="OP22" s="345">
        <v>336489772</v>
      </c>
      <c r="OQ22" s="345">
        <v>245219542</v>
      </c>
      <c r="OR22" s="349">
        <v>1297469805</v>
      </c>
      <c r="OS22" s="354">
        <v>1324263038</v>
      </c>
    </row>
    <row r="23" spans="2:409" s="70" customFormat="1" ht="21" customHeight="1" x14ac:dyDescent="0.2">
      <c r="B23" s="410" t="s">
        <v>18</v>
      </c>
      <c r="C23" s="326">
        <v>10303895</v>
      </c>
      <c r="D23" s="327">
        <v>18847169</v>
      </c>
      <c r="E23" s="328">
        <v>29151064</v>
      </c>
      <c r="F23" s="329">
        <v>0</v>
      </c>
      <c r="G23" s="327">
        <v>148883367</v>
      </c>
      <c r="H23" s="327">
        <v>184071671</v>
      </c>
      <c r="I23" s="327">
        <v>170387612</v>
      </c>
      <c r="J23" s="327">
        <v>156280407</v>
      </c>
      <c r="K23" s="327">
        <v>120986445</v>
      </c>
      <c r="L23" s="329">
        <v>780609502</v>
      </c>
      <c r="M23" s="330">
        <v>809760566</v>
      </c>
      <c r="N23" s="326">
        <v>2528838</v>
      </c>
      <c r="O23" s="327">
        <v>5620111</v>
      </c>
      <c r="P23" s="328">
        <v>8148949</v>
      </c>
      <c r="Q23" s="326">
        <v>0</v>
      </c>
      <c r="R23" s="327">
        <v>43115687</v>
      </c>
      <c r="S23" s="327">
        <v>58503377</v>
      </c>
      <c r="T23" s="327">
        <v>52455924</v>
      </c>
      <c r="U23" s="327">
        <v>62349540</v>
      </c>
      <c r="V23" s="327">
        <v>62945186</v>
      </c>
      <c r="W23" s="328">
        <v>279369714</v>
      </c>
      <c r="X23" s="330">
        <v>287518663</v>
      </c>
      <c r="Y23" s="326">
        <v>0</v>
      </c>
      <c r="Z23" s="327">
        <v>0</v>
      </c>
      <c r="AA23" s="328">
        <v>0</v>
      </c>
      <c r="AB23" s="326">
        <v>0</v>
      </c>
      <c r="AC23" s="327">
        <v>19835133</v>
      </c>
      <c r="AD23" s="327">
        <v>28127306</v>
      </c>
      <c r="AE23" s="327">
        <v>29642196</v>
      </c>
      <c r="AF23" s="327">
        <v>37888448</v>
      </c>
      <c r="AG23" s="327">
        <v>41018753</v>
      </c>
      <c r="AH23" s="328">
        <v>156511836</v>
      </c>
      <c r="AI23" s="330">
        <v>156511836</v>
      </c>
      <c r="AJ23" s="326">
        <v>0</v>
      </c>
      <c r="AK23" s="327">
        <v>0</v>
      </c>
      <c r="AL23" s="328">
        <v>0</v>
      </c>
      <c r="AM23" s="326">
        <v>0</v>
      </c>
      <c r="AN23" s="327">
        <v>161454</v>
      </c>
      <c r="AO23" s="327">
        <v>546761</v>
      </c>
      <c r="AP23" s="327">
        <v>939471</v>
      </c>
      <c r="AQ23" s="327">
        <v>3919756</v>
      </c>
      <c r="AR23" s="327">
        <v>5563544</v>
      </c>
      <c r="AS23" s="328">
        <v>11130986</v>
      </c>
      <c r="AT23" s="330">
        <v>11130986</v>
      </c>
      <c r="AU23" s="326">
        <v>1420285</v>
      </c>
      <c r="AV23" s="327">
        <v>4276078</v>
      </c>
      <c r="AW23" s="328">
        <v>5696363</v>
      </c>
      <c r="AX23" s="326">
        <v>0</v>
      </c>
      <c r="AY23" s="327">
        <v>14082742</v>
      </c>
      <c r="AZ23" s="327">
        <v>18242666</v>
      </c>
      <c r="BA23" s="327">
        <v>11777356</v>
      </c>
      <c r="BB23" s="327">
        <v>10592353</v>
      </c>
      <c r="BC23" s="327">
        <v>9149258</v>
      </c>
      <c r="BD23" s="328">
        <v>63844375</v>
      </c>
      <c r="BE23" s="330">
        <v>69540738</v>
      </c>
      <c r="BF23" s="326">
        <v>262077</v>
      </c>
      <c r="BG23" s="327">
        <v>486807</v>
      </c>
      <c r="BH23" s="331">
        <v>748884</v>
      </c>
      <c r="BI23" s="332">
        <v>0</v>
      </c>
      <c r="BJ23" s="327">
        <v>1952899</v>
      </c>
      <c r="BK23" s="327">
        <v>2858118</v>
      </c>
      <c r="BL23" s="327">
        <v>1499871</v>
      </c>
      <c r="BM23" s="327">
        <v>1455732</v>
      </c>
      <c r="BN23" s="327">
        <v>827766</v>
      </c>
      <c r="BO23" s="328">
        <v>8594386</v>
      </c>
      <c r="BP23" s="330">
        <v>9343270</v>
      </c>
      <c r="BQ23" s="326">
        <v>846476</v>
      </c>
      <c r="BR23" s="327">
        <v>857226</v>
      </c>
      <c r="BS23" s="328">
        <v>1703702</v>
      </c>
      <c r="BT23" s="326">
        <v>0</v>
      </c>
      <c r="BU23" s="327">
        <v>7083459</v>
      </c>
      <c r="BV23" s="327">
        <v>8728526</v>
      </c>
      <c r="BW23" s="327">
        <v>8597030</v>
      </c>
      <c r="BX23" s="327">
        <v>8493251</v>
      </c>
      <c r="BY23" s="327">
        <v>6385865</v>
      </c>
      <c r="BZ23" s="328">
        <v>39288131</v>
      </c>
      <c r="CA23" s="330">
        <v>40991833</v>
      </c>
      <c r="CB23" s="326">
        <v>1883374</v>
      </c>
      <c r="CC23" s="327">
        <v>4176611</v>
      </c>
      <c r="CD23" s="328">
        <v>6059985</v>
      </c>
      <c r="CE23" s="326">
        <v>0</v>
      </c>
      <c r="CF23" s="327">
        <v>48969195</v>
      </c>
      <c r="CG23" s="327">
        <v>57681736</v>
      </c>
      <c r="CH23" s="327">
        <v>51792461</v>
      </c>
      <c r="CI23" s="327">
        <v>32342038</v>
      </c>
      <c r="CJ23" s="327">
        <v>15949077</v>
      </c>
      <c r="CK23" s="328">
        <v>206734507</v>
      </c>
      <c r="CL23" s="330">
        <v>212794492</v>
      </c>
      <c r="CM23" s="326">
        <v>0</v>
      </c>
      <c r="CN23" s="327">
        <v>0</v>
      </c>
      <c r="CO23" s="328">
        <v>0</v>
      </c>
      <c r="CP23" s="332">
        <v>0</v>
      </c>
      <c r="CQ23" s="327">
        <v>40812517</v>
      </c>
      <c r="CR23" s="327">
        <v>46723390</v>
      </c>
      <c r="CS23" s="327">
        <v>42457103</v>
      </c>
      <c r="CT23" s="327">
        <v>25951651</v>
      </c>
      <c r="CU23" s="327">
        <v>13895292</v>
      </c>
      <c r="CV23" s="328">
        <v>169839953</v>
      </c>
      <c r="CW23" s="330">
        <v>169839953</v>
      </c>
      <c r="CX23" s="326">
        <v>1883374</v>
      </c>
      <c r="CY23" s="327">
        <v>4176611</v>
      </c>
      <c r="CZ23" s="328">
        <v>6059985</v>
      </c>
      <c r="DA23" s="326">
        <v>0</v>
      </c>
      <c r="DB23" s="327">
        <v>8156678</v>
      </c>
      <c r="DC23" s="327">
        <v>10958346</v>
      </c>
      <c r="DD23" s="327">
        <v>9335358</v>
      </c>
      <c r="DE23" s="327">
        <v>6390387</v>
      </c>
      <c r="DF23" s="327">
        <v>2053785</v>
      </c>
      <c r="DG23" s="328">
        <v>36894554</v>
      </c>
      <c r="DH23" s="330">
        <v>42954539</v>
      </c>
      <c r="DI23" s="326">
        <v>24981</v>
      </c>
      <c r="DJ23" s="327">
        <v>183377</v>
      </c>
      <c r="DK23" s="331">
        <v>208358</v>
      </c>
      <c r="DL23" s="332">
        <v>0</v>
      </c>
      <c r="DM23" s="327">
        <v>3041756</v>
      </c>
      <c r="DN23" s="327">
        <v>7404092</v>
      </c>
      <c r="DO23" s="327">
        <v>14556578</v>
      </c>
      <c r="DP23" s="327">
        <v>12758051</v>
      </c>
      <c r="DQ23" s="327">
        <v>7757514</v>
      </c>
      <c r="DR23" s="328">
        <v>45517991</v>
      </c>
      <c r="DS23" s="330">
        <v>45726349</v>
      </c>
      <c r="DT23" s="326">
        <v>24981</v>
      </c>
      <c r="DU23" s="327">
        <v>183377</v>
      </c>
      <c r="DV23" s="328">
        <v>208358</v>
      </c>
      <c r="DW23" s="326">
        <v>0</v>
      </c>
      <c r="DX23" s="327">
        <v>2914404</v>
      </c>
      <c r="DY23" s="327">
        <v>6932884</v>
      </c>
      <c r="DZ23" s="327">
        <v>14068855</v>
      </c>
      <c r="EA23" s="327">
        <v>12433319</v>
      </c>
      <c r="EB23" s="327">
        <v>7667622</v>
      </c>
      <c r="EC23" s="328">
        <v>44017084</v>
      </c>
      <c r="ED23" s="330">
        <v>44225442</v>
      </c>
      <c r="EE23" s="326">
        <v>0</v>
      </c>
      <c r="EF23" s="331">
        <v>0</v>
      </c>
      <c r="EG23" s="328">
        <v>0</v>
      </c>
      <c r="EH23" s="326">
        <v>0</v>
      </c>
      <c r="EI23" s="327">
        <v>127352</v>
      </c>
      <c r="EJ23" s="327">
        <v>471208</v>
      </c>
      <c r="EK23" s="327">
        <v>487723</v>
      </c>
      <c r="EL23" s="327">
        <v>324732</v>
      </c>
      <c r="EM23" s="327">
        <v>89892</v>
      </c>
      <c r="EN23" s="331">
        <v>1500907</v>
      </c>
      <c r="EO23" s="330">
        <v>1500907</v>
      </c>
      <c r="EP23" s="326">
        <v>0</v>
      </c>
      <c r="EQ23" s="327">
        <v>0</v>
      </c>
      <c r="ER23" s="331">
        <v>0</v>
      </c>
      <c r="ES23" s="332">
        <v>0</v>
      </c>
      <c r="ET23" s="327">
        <v>0</v>
      </c>
      <c r="EU23" s="327">
        <v>0</v>
      </c>
      <c r="EV23" s="327">
        <v>0</v>
      </c>
      <c r="EW23" s="327">
        <v>0</v>
      </c>
      <c r="EX23" s="327">
        <v>0</v>
      </c>
      <c r="EY23" s="328">
        <v>0</v>
      </c>
      <c r="EZ23" s="330">
        <v>0</v>
      </c>
      <c r="FA23" s="326">
        <v>0</v>
      </c>
      <c r="FB23" s="327">
        <v>0</v>
      </c>
      <c r="FC23" s="331">
        <v>0</v>
      </c>
      <c r="FD23" s="332">
        <v>0</v>
      </c>
      <c r="FE23" s="327">
        <v>0</v>
      </c>
      <c r="FF23" s="327">
        <v>0</v>
      </c>
      <c r="FG23" s="327">
        <v>0</v>
      </c>
      <c r="FH23" s="327">
        <v>0</v>
      </c>
      <c r="FI23" s="327">
        <v>0</v>
      </c>
      <c r="FJ23" s="328">
        <v>0</v>
      </c>
      <c r="FK23" s="330">
        <v>0</v>
      </c>
      <c r="FL23" s="326">
        <v>2203553</v>
      </c>
      <c r="FM23" s="327">
        <v>4489907</v>
      </c>
      <c r="FN23" s="328">
        <v>6693460</v>
      </c>
      <c r="FO23" s="326">
        <v>0</v>
      </c>
      <c r="FP23" s="327">
        <v>6901069</v>
      </c>
      <c r="FQ23" s="327">
        <v>16453282</v>
      </c>
      <c r="FR23" s="327">
        <v>12103648</v>
      </c>
      <c r="FS23" s="327">
        <v>11323954</v>
      </c>
      <c r="FT23" s="327">
        <v>8944539</v>
      </c>
      <c r="FU23" s="328">
        <v>55726492</v>
      </c>
      <c r="FV23" s="330">
        <v>62419952</v>
      </c>
      <c r="FW23" s="333">
        <v>1191071</v>
      </c>
      <c r="FX23" s="327">
        <v>3474409</v>
      </c>
      <c r="FY23" s="331">
        <v>4665480</v>
      </c>
      <c r="FZ23" s="332">
        <v>0</v>
      </c>
      <c r="GA23" s="327">
        <v>5973441</v>
      </c>
      <c r="GB23" s="327">
        <v>14780931</v>
      </c>
      <c r="GC23" s="327">
        <v>11375738</v>
      </c>
      <c r="GD23" s="327">
        <v>10662638</v>
      </c>
      <c r="GE23" s="327">
        <v>8522709</v>
      </c>
      <c r="GF23" s="328">
        <v>51315457</v>
      </c>
      <c r="GG23" s="334">
        <v>55980937</v>
      </c>
      <c r="GH23" s="333">
        <v>108342</v>
      </c>
      <c r="GI23" s="327">
        <v>217054</v>
      </c>
      <c r="GJ23" s="331">
        <v>325396</v>
      </c>
      <c r="GK23" s="332">
        <v>0</v>
      </c>
      <c r="GL23" s="327">
        <v>148728</v>
      </c>
      <c r="GM23" s="327">
        <v>387781</v>
      </c>
      <c r="GN23" s="327">
        <v>416510</v>
      </c>
      <c r="GO23" s="327">
        <v>441176</v>
      </c>
      <c r="GP23" s="327">
        <v>172170</v>
      </c>
      <c r="GQ23" s="328">
        <v>1566365</v>
      </c>
      <c r="GR23" s="330">
        <v>1891761</v>
      </c>
      <c r="GS23" s="326">
        <v>904140</v>
      </c>
      <c r="GT23" s="327">
        <v>798444</v>
      </c>
      <c r="GU23" s="328">
        <v>1702584</v>
      </c>
      <c r="GV23" s="326">
        <v>0</v>
      </c>
      <c r="GW23" s="327">
        <v>778900</v>
      </c>
      <c r="GX23" s="327">
        <v>1284570</v>
      </c>
      <c r="GY23" s="327">
        <v>311400</v>
      </c>
      <c r="GZ23" s="327">
        <v>220140</v>
      </c>
      <c r="HA23" s="327">
        <v>249660</v>
      </c>
      <c r="HB23" s="331">
        <v>2844670</v>
      </c>
      <c r="HC23" s="330">
        <v>4547254</v>
      </c>
      <c r="HD23" s="326">
        <v>1940286</v>
      </c>
      <c r="HE23" s="327">
        <v>885032</v>
      </c>
      <c r="HF23" s="331">
        <v>2825318</v>
      </c>
      <c r="HG23" s="332">
        <v>0</v>
      </c>
      <c r="HH23" s="327">
        <v>22714765</v>
      </c>
      <c r="HI23" s="327">
        <v>21583571</v>
      </c>
      <c r="HJ23" s="327">
        <v>24192988</v>
      </c>
      <c r="HK23" s="327">
        <v>26770236</v>
      </c>
      <c r="HL23" s="327">
        <v>18566863</v>
      </c>
      <c r="HM23" s="328">
        <v>113828423</v>
      </c>
      <c r="HN23" s="329">
        <v>116653741</v>
      </c>
      <c r="HO23" s="333">
        <v>1722863</v>
      </c>
      <c r="HP23" s="327">
        <v>3492131</v>
      </c>
      <c r="HQ23" s="328">
        <v>5214994</v>
      </c>
      <c r="HR23" s="326">
        <v>0</v>
      </c>
      <c r="HS23" s="327">
        <v>24140895</v>
      </c>
      <c r="HT23" s="327">
        <v>22445613</v>
      </c>
      <c r="HU23" s="327">
        <v>15286013</v>
      </c>
      <c r="HV23" s="327">
        <v>10736588</v>
      </c>
      <c r="HW23" s="327">
        <v>6823266</v>
      </c>
      <c r="HX23" s="331">
        <v>79432375</v>
      </c>
      <c r="HY23" s="330">
        <v>84647369</v>
      </c>
      <c r="HZ23" s="335">
        <v>212405</v>
      </c>
      <c r="IA23" s="336">
        <v>1956593</v>
      </c>
      <c r="IB23" s="337">
        <v>2168998</v>
      </c>
      <c r="IC23" s="338">
        <v>0</v>
      </c>
      <c r="ID23" s="336">
        <v>35517163</v>
      </c>
      <c r="IE23" s="339">
        <v>45137066</v>
      </c>
      <c r="IF23" s="337">
        <v>59217402</v>
      </c>
      <c r="IG23" s="336">
        <v>46953698</v>
      </c>
      <c r="IH23" s="337">
        <v>26653627</v>
      </c>
      <c r="II23" s="340">
        <v>213478956</v>
      </c>
      <c r="IJ23" s="341">
        <v>215647954</v>
      </c>
      <c r="IK23" s="342">
        <v>0</v>
      </c>
      <c r="IL23" s="343">
        <v>0</v>
      </c>
      <c r="IM23" s="344">
        <v>0</v>
      </c>
      <c r="IN23" s="404">
        <v>0</v>
      </c>
      <c r="IO23" s="345">
        <v>678815</v>
      </c>
      <c r="IP23" s="345">
        <v>1249189</v>
      </c>
      <c r="IQ23" s="345">
        <v>1341665</v>
      </c>
      <c r="IR23" s="345">
        <v>623394</v>
      </c>
      <c r="IS23" s="345">
        <v>1878756</v>
      </c>
      <c r="IT23" s="346">
        <v>5771819</v>
      </c>
      <c r="IU23" s="347">
        <v>5771819</v>
      </c>
      <c r="IV23" s="348">
        <v>0</v>
      </c>
      <c r="IW23" s="345">
        <v>0</v>
      </c>
      <c r="IX23" s="349">
        <v>0</v>
      </c>
      <c r="IY23" s="413">
        <v>0</v>
      </c>
      <c r="IZ23" s="345">
        <v>0</v>
      </c>
      <c r="JA23" s="345">
        <v>0</v>
      </c>
      <c r="JB23" s="345">
        <v>32327</v>
      </c>
      <c r="JC23" s="345">
        <v>0</v>
      </c>
      <c r="JD23" s="345">
        <v>191336</v>
      </c>
      <c r="JE23" s="349">
        <v>223663</v>
      </c>
      <c r="JF23" s="350">
        <v>223663</v>
      </c>
      <c r="JG23" s="348">
        <v>0</v>
      </c>
      <c r="JH23" s="345">
        <v>0</v>
      </c>
      <c r="JI23" s="346">
        <v>0</v>
      </c>
      <c r="JJ23" s="351">
        <v>0</v>
      </c>
      <c r="JK23" s="345">
        <v>12339024</v>
      </c>
      <c r="JL23" s="345">
        <v>10454751</v>
      </c>
      <c r="JM23" s="345">
        <v>8371213</v>
      </c>
      <c r="JN23" s="345">
        <v>3693617</v>
      </c>
      <c r="JO23" s="345">
        <v>2052345</v>
      </c>
      <c r="JP23" s="349">
        <v>36910950</v>
      </c>
      <c r="JQ23" s="347">
        <v>36910950</v>
      </c>
      <c r="JR23" s="348">
        <v>0</v>
      </c>
      <c r="JS23" s="345">
        <v>0</v>
      </c>
      <c r="JT23" s="346">
        <v>0</v>
      </c>
      <c r="JU23" s="351">
        <v>0</v>
      </c>
      <c r="JV23" s="345">
        <v>1082951</v>
      </c>
      <c r="JW23" s="345">
        <v>943462</v>
      </c>
      <c r="JX23" s="345">
        <v>3322291</v>
      </c>
      <c r="JY23" s="345">
        <v>1749109</v>
      </c>
      <c r="JZ23" s="345">
        <v>1062762</v>
      </c>
      <c r="KA23" s="349">
        <v>8160575</v>
      </c>
      <c r="KB23" s="347">
        <v>8160575</v>
      </c>
      <c r="KC23" s="352">
        <v>212405</v>
      </c>
      <c r="KD23" s="353">
        <v>1182545</v>
      </c>
      <c r="KE23" s="349">
        <v>1394950</v>
      </c>
      <c r="KF23" s="351">
        <v>0</v>
      </c>
      <c r="KG23" s="345">
        <v>6655716</v>
      </c>
      <c r="KH23" s="345">
        <v>7920700</v>
      </c>
      <c r="KI23" s="345">
        <v>14338515</v>
      </c>
      <c r="KJ23" s="345">
        <v>5409030</v>
      </c>
      <c r="KK23" s="345">
        <v>2932665</v>
      </c>
      <c r="KL23" s="349">
        <v>37256626</v>
      </c>
      <c r="KM23" s="354">
        <v>38651576</v>
      </c>
      <c r="KN23" s="342">
        <v>0</v>
      </c>
      <c r="KO23" s="343">
        <v>774048</v>
      </c>
      <c r="KP23" s="344">
        <v>774048</v>
      </c>
      <c r="KQ23" s="413">
        <v>0</v>
      </c>
      <c r="KR23" s="345">
        <v>13672544</v>
      </c>
      <c r="KS23" s="345">
        <v>22116338</v>
      </c>
      <c r="KT23" s="345">
        <v>26717703</v>
      </c>
      <c r="KU23" s="345">
        <v>20041990</v>
      </c>
      <c r="KV23" s="345">
        <v>5384491</v>
      </c>
      <c r="KW23" s="349">
        <v>87933066</v>
      </c>
      <c r="KX23" s="347">
        <v>88707114</v>
      </c>
      <c r="KY23" s="348">
        <v>0</v>
      </c>
      <c r="KZ23" s="345">
        <v>0</v>
      </c>
      <c r="LA23" s="349">
        <v>0</v>
      </c>
      <c r="LB23" s="413">
        <v>0</v>
      </c>
      <c r="LC23" s="345">
        <v>0</v>
      </c>
      <c r="LD23" s="345">
        <v>0</v>
      </c>
      <c r="LE23" s="345">
        <v>0</v>
      </c>
      <c r="LF23" s="345">
        <v>0</v>
      </c>
      <c r="LG23" s="345">
        <v>0</v>
      </c>
      <c r="LH23" s="349">
        <v>0</v>
      </c>
      <c r="LI23" s="350">
        <v>0</v>
      </c>
      <c r="LJ23" s="348">
        <v>0</v>
      </c>
      <c r="LK23" s="345">
        <v>0</v>
      </c>
      <c r="LL23" s="349">
        <v>0</v>
      </c>
      <c r="LM23" s="413">
        <v>0</v>
      </c>
      <c r="LN23" s="345">
        <v>0</v>
      </c>
      <c r="LO23" s="345">
        <v>291536</v>
      </c>
      <c r="LP23" s="345">
        <v>1863586</v>
      </c>
      <c r="LQ23" s="345">
        <v>5310118</v>
      </c>
      <c r="LR23" s="345">
        <v>1779512</v>
      </c>
      <c r="LS23" s="349">
        <v>9244752</v>
      </c>
      <c r="LT23" s="347">
        <v>9244752</v>
      </c>
      <c r="LU23" s="348">
        <v>0</v>
      </c>
      <c r="LV23" s="345">
        <v>0</v>
      </c>
      <c r="LW23" s="349">
        <v>0</v>
      </c>
      <c r="LX23" s="413">
        <v>0</v>
      </c>
      <c r="LY23" s="345">
        <v>1088113</v>
      </c>
      <c r="LZ23" s="345">
        <v>2161090</v>
      </c>
      <c r="MA23" s="345">
        <v>3230102</v>
      </c>
      <c r="MB23" s="345">
        <v>10126440</v>
      </c>
      <c r="MC23" s="345">
        <v>11371760</v>
      </c>
      <c r="MD23" s="349">
        <v>27977505</v>
      </c>
      <c r="ME23" s="350">
        <v>27977505</v>
      </c>
      <c r="MF23" s="348">
        <v>0</v>
      </c>
      <c r="MG23" s="345">
        <v>0</v>
      </c>
      <c r="MH23" s="349">
        <v>0</v>
      </c>
      <c r="MI23" s="413">
        <v>0</v>
      </c>
      <c r="MJ23" s="345">
        <v>8195077</v>
      </c>
      <c r="MK23" s="345">
        <v>21968963</v>
      </c>
      <c r="ML23" s="345">
        <v>86712013</v>
      </c>
      <c r="MM23" s="345">
        <v>153730940</v>
      </c>
      <c r="MN23" s="345">
        <v>108805983</v>
      </c>
      <c r="MO23" s="349">
        <v>379412976</v>
      </c>
      <c r="MP23" s="354">
        <v>379412976</v>
      </c>
      <c r="MQ23" s="348">
        <v>0</v>
      </c>
      <c r="MR23" s="345">
        <v>0</v>
      </c>
      <c r="MS23" s="349">
        <v>0</v>
      </c>
      <c r="MT23" s="413">
        <v>0</v>
      </c>
      <c r="MU23" s="345">
        <v>959468</v>
      </c>
      <c r="MV23" s="345">
        <v>2883379</v>
      </c>
      <c r="MW23" s="345">
        <v>51932760</v>
      </c>
      <c r="MX23" s="345">
        <v>112342423</v>
      </c>
      <c r="MY23" s="345">
        <v>75296946</v>
      </c>
      <c r="MZ23" s="349">
        <v>243414976</v>
      </c>
      <c r="NA23" s="354">
        <v>243414976</v>
      </c>
      <c r="NB23" s="348">
        <v>0</v>
      </c>
      <c r="NC23" s="345">
        <v>0</v>
      </c>
      <c r="ND23" s="349">
        <v>0</v>
      </c>
      <c r="NE23" s="413">
        <v>0</v>
      </c>
      <c r="NF23" s="345">
        <v>7235609</v>
      </c>
      <c r="NG23" s="345">
        <v>18795703</v>
      </c>
      <c r="NH23" s="345">
        <v>34379881</v>
      </c>
      <c r="NI23" s="345">
        <v>34968737</v>
      </c>
      <c r="NJ23" s="345">
        <v>26509257</v>
      </c>
      <c r="NK23" s="349">
        <v>121889187</v>
      </c>
      <c r="NL23" s="347">
        <v>121889187</v>
      </c>
      <c r="NM23" s="348">
        <v>0</v>
      </c>
      <c r="NN23" s="345">
        <v>0</v>
      </c>
      <c r="NO23" s="349">
        <v>0</v>
      </c>
      <c r="NP23" s="413">
        <v>0</v>
      </c>
      <c r="NQ23" s="345">
        <v>0</v>
      </c>
      <c r="NR23" s="345">
        <v>0</v>
      </c>
      <c r="NS23" s="345">
        <v>0</v>
      </c>
      <c r="NT23" s="345">
        <v>0</v>
      </c>
      <c r="NU23" s="345">
        <v>0</v>
      </c>
      <c r="NV23" s="349">
        <v>0</v>
      </c>
      <c r="NW23" s="350">
        <v>0</v>
      </c>
      <c r="NX23" s="348">
        <v>0</v>
      </c>
      <c r="NY23" s="345">
        <v>0</v>
      </c>
      <c r="NZ23" s="349">
        <v>0</v>
      </c>
      <c r="OA23" s="413">
        <v>0</v>
      </c>
      <c r="OB23" s="345">
        <v>0</v>
      </c>
      <c r="OC23" s="345">
        <v>289881</v>
      </c>
      <c r="OD23" s="345">
        <v>399372</v>
      </c>
      <c r="OE23" s="345">
        <v>6419780</v>
      </c>
      <c r="OF23" s="345">
        <v>6999780</v>
      </c>
      <c r="OG23" s="349">
        <v>14108813</v>
      </c>
      <c r="OH23" s="350">
        <v>14108813</v>
      </c>
      <c r="OI23" s="348">
        <v>10516300</v>
      </c>
      <c r="OJ23" s="345">
        <v>20803762</v>
      </c>
      <c r="OK23" s="346">
        <v>31320062</v>
      </c>
      <c r="OL23" s="351">
        <v>0</v>
      </c>
      <c r="OM23" s="345">
        <v>192595607</v>
      </c>
      <c r="ON23" s="345">
        <v>251177700</v>
      </c>
      <c r="OO23" s="345">
        <v>316317027</v>
      </c>
      <c r="OP23" s="345">
        <v>356965045</v>
      </c>
      <c r="OQ23" s="345">
        <v>256446055</v>
      </c>
      <c r="OR23" s="349">
        <v>1373501434</v>
      </c>
      <c r="OS23" s="354">
        <v>1404821496</v>
      </c>
    </row>
    <row r="24" spans="2:409" s="70" customFormat="1" ht="21" customHeight="1" x14ac:dyDescent="0.2">
      <c r="B24" s="410" t="s">
        <v>19</v>
      </c>
      <c r="C24" s="326">
        <v>5688130</v>
      </c>
      <c r="D24" s="327">
        <v>10251562</v>
      </c>
      <c r="E24" s="328">
        <v>15939692</v>
      </c>
      <c r="F24" s="329">
        <v>0</v>
      </c>
      <c r="G24" s="327">
        <v>68372838</v>
      </c>
      <c r="H24" s="327">
        <v>72976167</v>
      </c>
      <c r="I24" s="327">
        <v>62469786</v>
      </c>
      <c r="J24" s="327">
        <v>49451802</v>
      </c>
      <c r="K24" s="327">
        <v>42262014</v>
      </c>
      <c r="L24" s="329">
        <v>295532607</v>
      </c>
      <c r="M24" s="330">
        <v>311472299</v>
      </c>
      <c r="N24" s="326">
        <v>1347904</v>
      </c>
      <c r="O24" s="327">
        <v>2242996</v>
      </c>
      <c r="P24" s="328">
        <v>3590900</v>
      </c>
      <c r="Q24" s="326">
        <v>0</v>
      </c>
      <c r="R24" s="327">
        <v>17702685</v>
      </c>
      <c r="S24" s="327">
        <v>18611785</v>
      </c>
      <c r="T24" s="327">
        <v>17913405</v>
      </c>
      <c r="U24" s="327">
        <v>18439702</v>
      </c>
      <c r="V24" s="327">
        <v>17135744</v>
      </c>
      <c r="W24" s="328">
        <v>89803321</v>
      </c>
      <c r="X24" s="330">
        <v>93394221</v>
      </c>
      <c r="Y24" s="326">
        <v>0</v>
      </c>
      <c r="Z24" s="327">
        <v>0</v>
      </c>
      <c r="AA24" s="328">
        <v>0</v>
      </c>
      <c r="AB24" s="326">
        <v>0</v>
      </c>
      <c r="AC24" s="327">
        <v>6934756</v>
      </c>
      <c r="AD24" s="327">
        <v>8205556</v>
      </c>
      <c r="AE24" s="327">
        <v>8313396</v>
      </c>
      <c r="AF24" s="327">
        <v>10619461</v>
      </c>
      <c r="AG24" s="327">
        <v>9195390</v>
      </c>
      <c r="AH24" s="328">
        <v>43268559</v>
      </c>
      <c r="AI24" s="330">
        <v>43268559</v>
      </c>
      <c r="AJ24" s="326">
        <v>0</v>
      </c>
      <c r="AK24" s="327">
        <v>0</v>
      </c>
      <c r="AL24" s="328">
        <v>0</v>
      </c>
      <c r="AM24" s="326">
        <v>0</v>
      </c>
      <c r="AN24" s="327">
        <v>224101</v>
      </c>
      <c r="AO24" s="327">
        <v>412500</v>
      </c>
      <c r="AP24" s="327">
        <v>766741</v>
      </c>
      <c r="AQ24" s="327">
        <v>1304510</v>
      </c>
      <c r="AR24" s="327">
        <v>1625266</v>
      </c>
      <c r="AS24" s="328">
        <v>4333118</v>
      </c>
      <c r="AT24" s="330">
        <v>4333118</v>
      </c>
      <c r="AU24" s="326">
        <v>836620</v>
      </c>
      <c r="AV24" s="327">
        <v>1551373</v>
      </c>
      <c r="AW24" s="328">
        <v>2387993</v>
      </c>
      <c r="AX24" s="326">
        <v>0</v>
      </c>
      <c r="AY24" s="327">
        <v>6998919</v>
      </c>
      <c r="AZ24" s="327">
        <v>6412658</v>
      </c>
      <c r="BA24" s="327">
        <v>5340374</v>
      </c>
      <c r="BB24" s="327">
        <v>3671259</v>
      </c>
      <c r="BC24" s="327">
        <v>3965501</v>
      </c>
      <c r="BD24" s="328">
        <v>26388711</v>
      </c>
      <c r="BE24" s="330">
        <v>28776704</v>
      </c>
      <c r="BF24" s="326">
        <v>42436</v>
      </c>
      <c r="BG24" s="327">
        <v>132773</v>
      </c>
      <c r="BH24" s="331">
        <v>175209</v>
      </c>
      <c r="BI24" s="332">
        <v>0</v>
      </c>
      <c r="BJ24" s="327">
        <v>623128</v>
      </c>
      <c r="BK24" s="327">
        <v>546174</v>
      </c>
      <c r="BL24" s="327">
        <v>348748</v>
      </c>
      <c r="BM24" s="327">
        <v>512931</v>
      </c>
      <c r="BN24" s="327">
        <v>73711</v>
      </c>
      <c r="BO24" s="328">
        <v>2104692</v>
      </c>
      <c r="BP24" s="330">
        <v>2279901</v>
      </c>
      <c r="BQ24" s="326">
        <v>468848</v>
      </c>
      <c r="BR24" s="327">
        <v>558850</v>
      </c>
      <c r="BS24" s="328">
        <v>1027698</v>
      </c>
      <c r="BT24" s="326">
        <v>0</v>
      </c>
      <c r="BU24" s="327">
        <v>2921781</v>
      </c>
      <c r="BV24" s="327">
        <v>3034897</v>
      </c>
      <c r="BW24" s="327">
        <v>3144146</v>
      </c>
      <c r="BX24" s="327">
        <v>2331541</v>
      </c>
      <c r="BY24" s="327">
        <v>2275876</v>
      </c>
      <c r="BZ24" s="328">
        <v>13708241</v>
      </c>
      <c r="CA24" s="330">
        <v>14735939</v>
      </c>
      <c r="CB24" s="326">
        <v>911459</v>
      </c>
      <c r="CC24" s="327">
        <v>2960172</v>
      </c>
      <c r="CD24" s="328">
        <v>3871631</v>
      </c>
      <c r="CE24" s="326">
        <v>0</v>
      </c>
      <c r="CF24" s="327">
        <v>21100019</v>
      </c>
      <c r="CG24" s="327">
        <v>26090009</v>
      </c>
      <c r="CH24" s="327">
        <v>17356645</v>
      </c>
      <c r="CI24" s="327">
        <v>9603503</v>
      </c>
      <c r="CJ24" s="327">
        <v>7755192</v>
      </c>
      <c r="CK24" s="328">
        <v>81905368</v>
      </c>
      <c r="CL24" s="330">
        <v>85776999</v>
      </c>
      <c r="CM24" s="326">
        <v>0</v>
      </c>
      <c r="CN24" s="327">
        <v>0</v>
      </c>
      <c r="CO24" s="328">
        <v>0</v>
      </c>
      <c r="CP24" s="332">
        <v>0</v>
      </c>
      <c r="CQ24" s="327">
        <v>15099041</v>
      </c>
      <c r="CR24" s="327">
        <v>18479230</v>
      </c>
      <c r="CS24" s="327">
        <v>12838729</v>
      </c>
      <c r="CT24" s="327">
        <v>6580036</v>
      </c>
      <c r="CU24" s="327">
        <v>6941338</v>
      </c>
      <c r="CV24" s="328">
        <v>59938374</v>
      </c>
      <c r="CW24" s="330">
        <v>59938374</v>
      </c>
      <c r="CX24" s="326">
        <v>911459</v>
      </c>
      <c r="CY24" s="327">
        <v>2960172</v>
      </c>
      <c r="CZ24" s="328">
        <v>3871631</v>
      </c>
      <c r="DA24" s="326">
        <v>0</v>
      </c>
      <c r="DB24" s="327">
        <v>6000978</v>
      </c>
      <c r="DC24" s="327">
        <v>7610779</v>
      </c>
      <c r="DD24" s="327">
        <v>4517916</v>
      </c>
      <c r="DE24" s="327">
        <v>3023467</v>
      </c>
      <c r="DF24" s="327">
        <v>813854</v>
      </c>
      <c r="DG24" s="328">
        <v>21966994</v>
      </c>
      <c r="DH24" s="330">
        <v>25838625</v>
      </c>
      <c r="DI24" s="326">
        <v>88500</v>
      </c>
      <c r="DJ24" s="327">
        <v>137616</v>
      </c>
      <c r="DK24" s="331">
        <v>226116</v>
      </c>
      <c r="DL24" s="332">
        <v>0</v>
      </c>
      <c r="DM24" s="327">
        <v>2147287</v>
      </c>
      <c r="DN24" s="327">
        <v>3722424</v>
      </c>
      <c r="DO24" s="327">
        <v>5094425</v>
      </c>
      <c r="DP24" s="327">
        <v>3011854</v>
      </c>
      <c r="DQ24" s="327">
        <v>1730951</v>
      </c>
      <c r="DR24" s="328">
        <v>15706941</v>
      </c>
      <c r="DS24" s="330">
        <v>15933057</v>
      </c>
      <c r="DT24" s="326">
        <v>88500</v>
      </c>
      <c r="DU24" s="327">
        <v>137616</v>
      </c>
      <c r="DV24" s="328">
        <v>226116</v>
      </c>
      <c r="DW24" s="326">
        <v>0</v>
      </c>
      <c r="DX24" s="327">
        <v>1689004</v>
      </c>
      <c r="DY24" s="327">
        <v>3170751</v>
      </c>
      <c r="DZ24" s="327">
        <v>4353666</v>
      </c>
      <c r="EA24" s="327">
        <v>2254723</v>
      </c>
      <c r="EB24" s="327">
        <v>1122719</v>
      </c>
      <c r="EC24" s="328">
        <v>12590863</v>
      </c>
      <c r="ED24" s="330">
        <v>12816979</v>
      </c>
      <c r="EE24" s="326">
        <v>0</v>
      </c>
      <c r="EF24" s="331">
        <v>0</v>
      </c>
      <c r="EG24" s="328">
        <v>0</v>
      </c>
      <c r="EH24" s="326">
        <v>0</v>
      </c>
      <c r="EI24" s="327">
        <v>458283</v>
      </c>
      <c r="EJ24" s="327">
        <v>551673</v>
      </c>
      <c r="EK24" s="327">
        <v>740759</v>
      </c>
      <c r="EL24" s="327">
        <v>757131</v>
      </c>
      <c r="EM24" s="327">
        <v>608232</v>
      </c>
      <c r="EN24" s="331">
        <v>3116078</v>
      </c>
      <c r="EO24" s="330">
        <v>3116078</v>
      </c>
      <c r="EP24" s="326">
        <v>0</v>
      </c>
      <c r="EQ24" s="327">
        <v>0</v>
      </c>
      <c r="ER24" s="331">
        <v>0</v>
      </c>
      <c r="ES24" s="332">
        <v>0</v>
      </c>
      <c r="ET24" s="327">
        <v>0</v>
      </c>
      <c r="EU24" s="327">
        <v>0</v>
      </c>
      <c r="EV24" s="327">
        <v>0</v>
      </c>
      <c r="EW24" s="327">
        <v>0</v>
      </c>
      <c r="EX24" s="327">
        <v>0</v>
      </c>
      <c r="EY24" s="328">
        <v>0</v>
      </c>
      <c r="EZ24" s="330">
        <v>0</v>
      </c>
      <c r="FA24" s="326">
        <v>0</v>
      </c>
      <c r="FB24" s="327">
        <v>0</v>
      </c>
      <c r="FC24" s="331">
        <v>0</v>
      </c>
      <c r="FD24" s="332">
        <v>0</v>
      </c>
      <c r="FE24" s="327">
        <v>0</v>
      </c>
      <c r="FF24" s="327">
        <v>0</v>
      </c>
      <c r="FG24" s="327">
        <v>0</v>
      </c>
      <c r="FH24" s="327">
        <v>0</v>
      </c>
      <c r="FI24" s="327">
        <v>0</v>
      </c>
      <c r="FJ24" s="328">
        <v>0</v>
      </c>
      <c r="FK24" s="330">
        <v>0</v>
      </c>
      <c r="FL24" s="326">
        <v>1276710</v>
      </c>
      <c r="FM24" s="327">
        <v>1876849</v>
      </c>
      <c r="FN24" s="328">
        <v>3153559</v>
      </c>
      <c r="FO24" s="326">
        <v>0</v>
      </c>
      <c r="FP24" s="327">
        <v>4434184</v>
      </c>
      <c r="FQ24" s="327">
        <v>5809448</v>
      </c>
      <c r="FR24" s="327">
        <v>4965498</v>
      </c>
      <c r="FS24" s="327">
        <v>3622515</v>
      </c>
      <c r="FT24" s="327">
        <v>3167209</v>
      </c>
      <c r="FU24" s="328">
        <v>21998854</v>
      </c>
      <c r="FV24" s="330">
        <v>25152413</v>
      </c>
      <c r="FW24" s="333">
        <v>982228</v>
      </c>
      <c r="FX24" s="327">
        <v>1461309</v>
      </c>
      <c r="FY24" s="331">
        <v>2443537</v>
      </c>
      <c r="FZ24" s="332">
        <v>0</v>
      </c>
      <c r="GA24" s="327">
        <v>3768840</v>
      </c>
      <c r="GB24" s="327">
        <v>5714651</v>
      </c>
      <c r="GC24" s="327">
        <v>4638098</v>
      </c>
      <c r="GD24" s="327">
        <v>3574808</v>
      </c>
      <c r="GE24" s="327">
        <v>3116609</v>
      </c>
      <c r="GF24" s="328">
        <v>20813006</v>
      </c>
      <c r="GG24" s="334">
        <v>23256543</v>
      </c>
      <c r="GH24" s="333">
        <v>109845</v>
      </c>
      <c r="GI24" s="327">
        <v>81576</v>
      </c>
      <c r="GJ24" s="331">
        <v>191421</v>
      </c>
      <c r="GK24" s="332">
        <v>0</v>
      </c>
      <c r="GL24" s="327">
        <v>205425</v>
      </c>
      <c r="GM24" s="327">
        <v>27972</v>
      </c>
      <c r="GN24" s="327">
        <v>79200</v>
      </c>
      <c r="GO24" s="327">
        <v>47707</v>
      </c>
      <c r="GP24" s="327">
        <v>50600</v>
      </c>
      <c r="GQ24" s="328">
        <v>410904</v>
      </c>
      <c r="GR24" s="330">
        <v>602325</v>
      </c>
      <c r="GS24" s="326">
        <v>184637</v>
      </c>
      <c r="GT24" s="327">
        <v>333964</v>
      </c>
      <c r="GU24" s="328">
        <v>518601</v>
      </c>
      <c r="GV24" s="326">
        <v>0</v>
      </c>
      <c r="GW24" s="327">
        <v>459919</v>
      </c>
      <c r="GX24" s="327">
        <v>66825</v>
      </c>
      <c r="GY24" s="327">
        <v>248200</v>
      </c>
      <c r="GZ24" s="327">
        <v>0</v>
      </c>
      <c r="HA24" s="327">
        <v>0</v>
      </c>
      <c r="HB24" s="331">
        <v>774944</v>
      </c>
      <c r="HC24" s="330">
        <v>1293545</v>
      </c>
      <c r="HD24" s="326">
        <v>921427</v>
      </c>
      <c r="HE24" s="327">
        <v>1572620</v>
      </c>
      <c r="HF24" s="331">
        <v>2494047</v>
      </c>
      <c r="HG24" s="332">
        <v>0</v>
      </c>
      <c r="HH24" s="327">
        <v>11781945</v>
      </c>
      <c r="HI24" s="327">
        <v>10246598</v>
      </c>
      <c r="HJ24" s="327">
        <v>11564982</v>
      </c>
      <c r="HK24" s="327">
        <v>11408759</v>
      </c>
      <c r="HL24" s="327">
        <v>10145110</v>
      </c>
      <c r="HM24" s="328">
        <v>55147394</v>
      </c>
      <c r="HN24" s="329">
        <v>57641441</v>
      </c>
      <c r="HO24" s="333">
        <v>1142130</v>
      </c>
      <c r="HP24" s="327">
        <v>1461309</v>
      </c>
      <c r="HQ24" s="328">
        <v>2603439</v>
      </c>
      <c r="HR24" s="326">
        <v>0</v>
      </c>
      <c r="HS24" s="327">
        <v>11206718</v>
      </c>
      <c r="HT24" s="327">
        <v>8495903</v>
      </c>
      <c r="HU24" s="327">
        <v>5574831</v>
      </c>
      <c r="HV24" s="327">
        <v>3365469</v>
      </c>
      <c r="HW24" s="327">
        <v>2327808</v>
      </c>
      <c r="HX24" s="331">
        <v>30970729</v>
      </c>
      <c r="HY24" s="330">
        <v>33574168</v>
      </c>
      <c r="HZ24" s="358">
        <v>70927</v>
      </c>
      <c r="IA24" s="356">
        <v>97769</v>
      </c>
      <c r="IB24" s="358">
        <v>168696</v>
      </c>
      <c r="IC24" s="355">
        <v>0</v>
      </c>
      <c r="ID24" s="356">
        <v>15089453</v>
      </c>
      <c r="IE24" s="357">
        <v>22935908</v>
      </c>
      <c r="IF24" s="358">
        <v>24862721</v>
      </c>
      <c r="IG24" s="356">
        <v>13592244</v>
      </c>
      <c r="IH24" s="358">
        <v>14585072</v>
      </c>
      <c r="II24" s="359">
        <v>91065398</v>
      </c>
      <c r="IJ24" s="358">
        <v>91234094</v>
      </c>
      <c r="IK24" s="342">
        <v>0</v>
      </c>
      <c r="IL24" s="343">
        <v>0</v>
      </c>
      <c r="IM24" s="344">
        <v>0</v>
      </c>
      <c r="IN24" s="404">
        <v>0</v>
      </c>
      <c r="IO24" s="345">
        <v>814703</v>
      </c>
      <c r="IP24" s="345">
        <v>1247071</v>
      </c>
      <c r="IQ24" s="345">
        <v>1335664</v>
      </c>
      <c r="IR24" s="345">
        <v>739662</v>
      </c>
      <c r="IS24" s="345">
        <v>1293421</v>
      </c>
      <c r="IT24" s="346">
        <v>5430521</v>
      </c>
      <c r="IU24" s="347">
        <v>5430521</v>
      </c>
      <c r="IV24" s="348">
        <v>0</v>
      </c>
      <c r="IW24" s="345">
        <v>0</v>
      </c>
      <c r="IX24" s="349">
        <v>0</v>
      </c>
      <c r="IY24" s="413">
        <v>0</v>
      </c>
      <c r="IZ24" s="345">
        <v>11661</v>
      </c>
      <c r="JA24" s="345">
        <v>9069</v>
      </c>
      <c r="JB24" s="345">
        <v>23322</v>
      </c>
      <c r="JC24" s="345">
        <v>113155</v>
      </c>
      <c r="JD24" s="345">
        <v>86197</v>
      </c>
      <c r="JE24" s="349">
        <v>243404</v>
      </c>
      <c r="JF24" s="350">
        <v>243404</v>
      </c>
      <c r="JG24" s="348">
        <v>0</v>
      </c>
      <c r="JH24" s="345">
        <v>0</v>
      </c>
      <c r="JI24" s="346">
        <v>0</v>
      </c>
      <c r="JJ24" s="351">
        <v>0</v>
      </c>
      <c r="JK24" s="345">
        <v>6100907</v>
      </c>
      <c r="JL24" s="345">
        <v>5934155</v>
      </c>
      <c r="JM24" s="345">
        <v>4044866</v>
      </c>
      <c r="JN24" s="345">
        <v>2419915</v>
      </c>
      <c r="JO24" s="345">
        <v>1691101</v>
      </c>
      <c r="JP24" s="349">
        <v>20190944</v>
      </c>
      <c r="JQ24" s="347">
        <v>20190944</v>
      </c>
      <c r="JR24" s="348">
        <v>25817</v>
      </c>
      <c r="JS24" s="345">
        <v>0</v>
      </c>
      <c r="JT24" s="346">
        <v>25817</v>
      </c>
      <c r="JU24" s="351">
        <v>0</v>
      </c>
      <c r="JV24" s="345">
        <v>1145053</v>
      </c>
      <c r="JW24" s="345">
        <v>2157096</v>
      </c>
      <c r="JX24" s="345">
        <v>2350313</v>
      </c>
      <c r="JY24" s="345">
        <v>531090</v>
      </c>
      <c r="JZ24" s="345">
        <v>626438</v>
      </c>
      <c r="KA24" s="349">
        <v>6809990</v>
      </c>
      <c r="KB24" s="347">
        <v>6835807</v>
      </c>
      <c r="KC24" s="352">
        <v>45110</v>
      </c>
      <c r="KD24" s="353">
        <v>97769</v>
      </c>
      <c r="KE24" s="349">
        <v>142879</v>
      </c>
      <c r="KF24" s="351">
        <v>0</v>
      </c>
      <c r="KG24" s="345">
        <v>3235336</v>
      </c>
      <c r="KH24" s="345">
        <v>6800414</v>
      </c>
      <c r="KI24" s="345">
        <v>7732356</v>
      </c>
      <c r="KJ24" s="345">
        <v>3954173</v>
      </c>
      <c r="KK24" s="345">
        <v>2227474</v>
      </c>
      <c r="KL24" s="349">
        <v>23949753</v>
      </c>
      <c r="KM24" s="354">
        <v>24092632</v>
      </c>
      <c r="KN24" s="342">
        <v>0</v>
      </c>
      <c r="KO24" s="343">
        <v>0</v>
      </c>
      <c r="KP24" s="344">
        <v>0</v>
      </c>
      <c r="KQ24" s="413">
        <v>0</v>
      </c>
      <c r="KR24" s="345">
        <v>3781793</v>
      </c>
      <c r="KS24" s="345">
        <v>6529631</v>
      </c>
      <c r="KT24" s="345">
        <v>9032349</v>
      </c>
      <c r="KU24" s="345">
        <v>4706303</v>
      </c>
      <c r="KV24" s="345">
        <v>4708637</v>
      </c>
      <c r="KW24" s="349">
        <v>28758713</v>
      </c>
      <c r="KX24" s="347">
        <v>28758713</v>
      </c>
      <c r="KY24" s="348">
        <v>0</v>
      </c>
      <c r="KZ24" s="345">
        <v>0</v>
      </c>
      <c r="LA24" s="349">
        <v>0</v>
      </c>
      <c r="LB24" s="413">
        <v>0</v>
      </c>
      <c r="LC24" s="345">
        <v>0</v>
      </c>
      <c r="LD24" s="345">
        <v>0</v>
      </c>
      <c r="LE24" s="345">
        <v>0</v>
      </c>
      <c r="LF24" s="345">
        <v>0</v>
      </c>
      <c r="LG24" s="345">
        <v>0</v>
      </c>
      <c r="LH24" s="349">
        <v>0</v>
      </c>
      <c r="LI24" s="350">
        <v>0</v>
      </c>
      <c r="LJ24" s="348">
        <v>0</v>
      </c>
      <c r="LK24" s="345">
        <v>0</v>
      </c>
      <c r="LL24" s="349">
        <v>0</v>
      </c>
      <c r="LM24" s="413">
        <v>0</v>
      </c>
      <c r="LN24" s="345">
        <v>0</v>
      </c>
      <c r="LO24" s="345">
        <v>0</v>
      </c>
      <c r="LP24" s="345">
        <v>0</v>
      </c>
      <c r="LQ24" s="345">
        <v>0</v>
      </c>
      <c r="LR24" s="345">
        <v>0</v>
      </c>
      <c r="LS24" s="349">
        <v>0</v>
      </c>
      <c r="LT24" s="347">
        <v>0</v>
      </c>
      <c r="LU24" s="348">
        <v>0</v>
      </c>
      <c r="LV24" s="345">
        <v>0</v>
      </c>
      <c r="LW24" s="349">
        <v>0</v>
      </c>
      <c r="LX24" s="413">
        <v>0</v>
      </c>
      <c r="LY24" s="345">
        <v>0</v>
      </c>
      <c r="LZ24" s="345">
        <v>258472</v>
      </c>
      <c r="MA24" s="345">
        <v>343851</v>
      </c>
      <c r="MB24" s="345">
        <v>1127946</v>
      </c>
      <c r="MC24" s="345">
        <v>3951804</v>
      </c>
      <c r="MD24" s="349">
        <v>5682073</v>
      </c>
      <c r="ME24" s="350">
        <v>5682073</v>
      </c>
      <c r="MF24" s="348">
        <v>0</v>
      </c>
      <c r="MG24" s="345">
        <v>0</v>
      </c>
      <c r="MH24" s="349">
        <v>0</v>
      </c>
      <c r="MI24" s="413">
        <v>0</v>
      </c>
      <c r="MJ24" s="345">
        <v>8168087</v>
      </c>
      <c r="MK24" s="345">
        <v>15105422</v>
      </c>
      <c r="ML24" s="345">
        <v>59354446</v>
      </c>
      <c r="MM24" s="345">
        <v>55933216</v>
      </c>
      <c r="MN24" s="345">
        <v>47075224</v>
      </c>
      <c r="MO24" s="349">
        <v>185636395</v>
      </c>
      <c r="MP24" s="354">
        <v>185636395</v>
      </c>
      <c r="MQ24" s="348">
        <v>0</v>
      </c>
      <c r="MR24" s="345">
        <v>0</v>
      </c>
      <c r="MS24" s="349">
        <v>0</v>
      </c>
      <c r="MT24" s="413">
        <v>0</v>
      </c>
      <c r="MU24" s="345">
        <v>0</v>
      </c>
      <c r="MV24" s="345">
        <v>1537375</v>
      </c>
      <c r="MW24" s="345">
        <v>36992226</v>
      </c>
      <c r="MX24" s="345">
        <v>35340847</v>
      </c>
      <c r="MY24" s="345">
        <v>36009258</v>
      </c>
      <c r="MZ24" s="349">
        <v>109879706</v>
      </c>
      <c r="NA24" s="354">
        <v>109879706</v>
      </c>
      <c r="NB24" s="348">
        <v>0</v>
      </c>
      <c r="NC24" s="345">
        <v>0</v>
      </c>
      <c r="ND24" s="349">
        <v>0</v>
      </c>
      <c r="NE24" s="413">
        <v>0</v>
      </c>
      <c r="NF24" s="345">
        <v>8168087</v>
      </c>
      <c r="NG24" s="345">
        <v>13568047</v>
      </c>
      <c r="NH24" s="345">
        <v>22362220</v>
      </c>
      <c r="NI24" s="345">
        <v>19344179</v>
      </c>
      <c r="NJ24" s="345">
        <v>8285762</v>
      </c>
      <c r="NK24" s="349">
        <v>71728295</v>
      </c>
      <c r="NL24" s="347">
        <v>71728295</v>
      </c>
      <c r="NM24" s="348">
        <v>0</v>
      </c>
      <c r="NN24" s="345">
        <v>0</v>
      </c>
      <c r="NO24" s="349">
        <v>0</v>
      </c>
      <c r="NP24" s="413">
        <v>0</v>
      </c>
      <c r="NQ24" s="345">
        <v>0</v>
      </c>
      <c r="NR24" s="345">
        <v>0</v>
      </c>
      <c r="NS24" s="345">
        <v>0</v>
      </c>
      <c r="NT24" s="345">
        <v>0</v>
      </c>
      <c r="NU24" s="345">
        <v>0</v>
      </c>
      <c r="NV24" s="349">
        <v>0</v>
      </c>
      <c r="NW24" s="350">
        <v>0</v>
      </c>
      <c r="NX24" s="348">
        <v>0</v>
      </c>
      <c r="NY24" s="345">
        <v>0</v>
      </c>
      <c r="NZ24" s="349">
        <v>0</v>
      </c>
      <c r="OA24" s="413">
        <v>0</v>
      </c>
      <c r="OB24" s="345">
        <v>0</v>
      </c>
      <c r="OC24" s="345">
        <v>0</v>
      </c>
      <c r="OD24" s="345">
        <v>0</v>
      </c>
      <c r="OE24" s="345">
        <v>1248190</v>
      </c>
      <c r="OF24" s="345">
        <v>2780204</v>
      </c>
      <c r="OG24" s="349">
        <v>4028394</v>
      </c>
      <c r="OH24" s="350">
        <v>4028394</v>
      </c>
      <c r="OI24" s="348">
        <v>5759057</v>
      </c>
      <c r="OJ24" s="345">
        <v>10349331</v>
      </c>
      <c r="OK24" s="346">
        <v>16108388</v>
      </c>
      <c r="OL24" s="351">
        <v>0</v>
      </c>
      <c r="OM24" s="345">
        <v>91630378</v>
      </c>
      <c r="ON24" s="345">
        <v>111017497</v>
      </c>
      <c r="OO24" s="345">
        <v>146686953</v>
      </c>
      <c r="OP24" s="345">
        <v>118977262</v>
      </c>
      <c r="OQ24" s="345">
        <v>103922310</v>
      </c>
      <c r="OR24" s="349">
        <v>572234400</v>
      </c>
      <c r="OS24" s="354">
        <v>588342788</v>
      </c>
    </row>
    <row r="25" spans="2:409" s="70" customFormat="1" ht="21" customHeight="1" x14ac:dyDescent="0.2">
      <c r="B25" s="410" t="s">
        <v>20</v>
      </c>
      <c r="C25" s="326">
        <v>5430872</v>
      </c>
      <c r="D25" s="327">
        <v>12197420</v>
      </c>
      <c r="E25" s="328">
        <v>17628292</v>
      </c>
      <c r="F25" s="326">
        <v>0</v>
      </c>
      <c r="G25" s="327">
        <v>99861525</v>
      </c>
      <c r="H25" s="327">
        <v>92122508</v>
      </c>
      <c r="I25" s="327">
        <v>91301818</v>
      </c>
      <c r="J25" s="327">
        <v>75239199</v>
      </c>
      <c r="K25" s="327">
        <v>52314129</v>
      </c>
      <c r="L25" s="367">
        <v>410839179</v>
      </c>
      <c r="M25" s="330">
        <v>428467471</v>
      </c>
      <c r="N25" s="326">
        <v>1762831</v>
      </c>
      <c r="O25" s="327">
        <v>4500794</v>
      </c>
      <c r="P25" s="328">
        <v>6263625</v>
      </c>
      <c r="Q25" s="326">
        <v>0</v>
      </c>
      <c r="R25" s="327">
        <v>28798330</v>
      </c>
      <c r="S25" s="327">
        <v>29145905</v>
      </c>
      <c r="T25" s="327">
        <v>29184299</v>
      </c>
      <c r="U25" s="327">
        <v>28499099</v>
      </c>
      <c r="V25" s="327">
        <v>27322510</v>
      </c>
      <c r="W25" s="328">
        <v>142950143</v>
      </c>
      <c r="X25" s="330">
        <v>149213768</v>
      </c>
      <c r="Y25" s="326">
        <v>0</v>
      </c>
      <c r="Z25" s="327">
        <v>0</v>
      </c>
      <c r="AA25" s="328">
        <v>0</v>
      </c>
      <c r="AB25" s="326">
        <v>0</v>
      </c>
      <c r="AC25" s="327">
        <v>11404092</v>
      </c>
      <c r="AD25" s="327">
        <v>12837111</v>
      </c>
      <c r="AE25" s="327">
        <v>16081529</v>
      </c>
      <c r="AF25" s="327">
        <v>16713277</v>
      </c>
      <c r="AG25" s="327">
        <v>18126814</v>
      </c>
      <c r="AH25" s="328">
        <v>75162823</v>
      </c>
      <c r="AI25" s="330">
        <v>75162823</v>
      </c>
      <c r="AJ25" s="326">
        <v>0</v>
      </c>
      <c r="AK25" s="327">
        <v>0</v>
      </c>
      <c r="AL25" s="328">
        <v>0</v>
      </c>
      <c r="AM25" s="326">
        <v>0</v>
      </c>
      <c r="AN25" s="327">
        <v>54855</v>
      </c>
      <c r="AO25" s="327">
        <v>316073</v>
      </c>
      <c r="AP25" s="327">
        <v>596541</v>
      </c>
      <c r="AQ25" s="327">
        <v>2029272</v>
      </c>
      <c r="AR25" s="327">
        <v>2471724</v>
      </c>
      <c r="AS25" s="328">
        <v>5468465</v>
      </c>
      <c r="AT25" s="330">
        <v>5468465</v>
      </c>
      <c r="AU25" s="326">
        <v>1054880</v>
      </c>
      <c r="AV25" s="327">
        <v>2715729</v>
      </c>
      <c r="AW25" s="328">
        <v>3770609</v>
      </c>
      <c r="AX25" s="326">
        <v>0</v>
      </c>
      <c r="AY25" s="327">
        <v>11077653</v>
      </c>
      <c r="AZ25" s="327">
        <v>10151093</v>
      </c>
      <c r="BA25" s="327">
        <v>6621015</v>
      </c>
      <c r="BB25" s="327">
        <v>5319620</v>
      </c>
      <c r="BC25" s="327">
        <v>3509690</v>
      </c>
      <c r="BD25" s="328">
        <v>36679071</v>
      </c>
      <c r="BE25" s="330">
        <v>40449680</v>
      </c>
      <c r="BF25" s="326">
        <v>351983</v>
      </c>
      <c r="BG25" s="327">
        <v>1297947</v>
      </c>
      <c r="BH25" s="331">
        <v>1649930</v>
      </c>
      <c r="BI25" s="332">
        <v>0</v>
      </c>
      <c r="BJ25" s="327">
        <v>2784271</v>
      </c>
      <c r="BK25" s="327">
        <v>2084199</v>
      </c>
      <c r="BL25" s="327">
        <v>1657329</v>
      </c>
      <c r="BM25" s="327">
        <v>1342718</v>
      </c>
      <c r="BN25" s="327">
        <v>414318</v>
      </c>
      <c r="BO25" s="328">
        <v>8282835</v>
      </c>
      <c r="BP25" s="330">
        <v>9932765</v>
      </c>
      <c r="BQ25" s="326">
        <v>355968</v>
      </c>
      <c r="BR25" s="327">
        <v>487118</v>
      </c>
      <c r="BS25" s="328">
        <v>843086</v>
      </c>
      <c r="BT25" s="326">
        <v>0</v>
      </c>
      <c r="BU25" s="327">
        <v>3477459</v>
      </c>
      <c r="BV25" s="327">
        <v>3757429</v>
      </c>
      <c r="BW25" s="327">
        <v>4227885</v>
      </c>
      <c r="BX25" s="327">
        <v>3094212</v>
      </c>
      <c r="BY25" s="327">
        <v>2799964</v>
      </c>
      <c r="BZ25" s="328">
        <v>17356949</v>
      </c>
      <c r="CA25" s="330">
        <v>18200035</v>
      </c>
      <c r="CB25" s="326">
        <v>302331</v>
      </c>
      <c r="CC25" s="327">
        <v>1319251</v>
      </c>
      <c r="CD25" s="328">
        <v>1621582</v>
      </c>
      <c r="CE25" s="326">
        <v>0</v>
      </c>
      <c r="CF25" s="327">
        <v>30770299</v>
      </c>
      <c r="CG25" s="327">
        <v>27938901</v>
      </c>
      <c r="CH25" s="327">
        <v>22484091</v>
      </c>
      <c r="CI25" s="327">
        <v>15313831</v>
      </c>
      <c r="CJ25" s="327">
        <v>4279839</v>
      </c>
      <c r="CK25" s="328">
        <v>100786961</v>
      </c>
      <c r="CL25" s="330">
        <v>102408543</v>
      </c>
      <c r="CM25" s="326">
        <v>0</v>
      </c>
      <c r="CN25" s="327">
        <v>0</v>
      </c>
      <c r="CO25" s="328">
        <v>0</v>
      </c>
      <c r="CP25" s="332">
        <v>0</v>
      </c>
      <c r="CQ25" s="327">
        <v>23577416</v>
      </c>
      <c r="CR25" s="327">
        <v>21573922</v>
      </c>
      <c r="CS25" s="327">
        <v>19294401</v>
      </c>
      <c r="CT25" s="327">
        <v>11256701</v>
      </c>
      <c r="CU25" s="327">
        <v>2825740</v>
      </c>
      <c r="CV25" s="328">
        <v>78528180</v>
      </c>
      <c r="CW25" s="330">
        <v>78528180</v>
      </c>
      <c r="CX25" s="326">
        <v>302331</v>
      </c>
      <c r="CY25" s="327">
        <v>1319251</v>
      </c>
      <c r="CZ25" s="328">
        <v>1621582</v>
      </c>
      <c r="DA25" s="326">
        <v>0</v>
      </c>
      <c r="DB25" s="327">
        <v>7192883</v>
      </c>
      <c r="DC25" s="327">
        <v>6364979</v>
      </c>
      <c r="DD25" s="327">
        <v>3189690</v>
      </c>
      <c r="DE25" s="327">
        <v>4057130</v>
      </c>
      <c r="DF25" s="327">
        <v>1454099</v>
      </c>
      <c r="DG25" s="328">
        <v>22258781</v>
      </c>
      <c r="DH25" s="330">
        <v>23880363</v>
      </c>
      <c r="DI25" s="326">
        <v>62827</v>
      </c>
      <c r="DJ25" s="327">
        <v>315732</v>
      </c>
      <c r="DK25" s="331">
        <v>378559</v>
      </c>
      <c r="DL25" s="332">
        <v>0</v>
      </c>
      <c r="DM25" s="327">
        <v>3174953</v>
      </c>
      <c r="DN25" s="327">
        <v>5004818</v>
      </c>
      <c r="DO25" s="327">
        <v>11329865</v>
      </c>
      <c r="DP25" s="327">
        <v>6473735</v>
      </c>
      <c r="DQ25" s="327">
        <v>4211148</v>
      </c>
      <c r="DR25" s="328">
        <v>30194519</v>
      </c>
      <c r="DS25" s="330">
        <v>30573078</v>
      </c>
      <c r="DT25" s="326">
        <v>62827</v>
      </c>
      <c r="DU25" s="327">
        <v>315732</v>
      </c>
      <c r="DV25" s="328">
        <v>378559</v>
      </c>
      <c r="DW25" s="326">
        <v>0</v>
      </c>
      <c r="DX25" s="327">
        <v>2843265</v>
      </c>
      <c r="DY25" s="327">
        <v>4632579</v>
      </c>
      <c r="DZ25" s="327">
        <v>11110309</v>
      </c>
      <c r="EA25" s="327">
        <v>5859347</v>
      </c>
      <c r="EB25" s="327">
        <v>3654039</v>
      </c>
      <c r="EC25" s="328">
        <v>28099539</v>
      </c>
      <c r="ED25" s="330">
        <v>28478098</v>
      </c>
      <c r="EE25" s="326">
        <v>0</v>
      </c>
      <c r="EF25" s="331">
        <v>0</v>
      </c>
      <c r="EG25" s="328">
        <v>0</v>
      </c>
      <c r="EH25" s="326">
        <v>0</v>
      </c>
      <c r="EI25" s="327">
        <v>331688</v>
      </c>
      <c r="EJ25" s="327">
        <v>372239</v>
      </c>
      <c r="EK25" s="327">
        <v>219556</v>
      </c>
      <c r="EL25" s="327">
        <v>614388</v>
      </c>
      <c r="EM25" s="327">
        <v>557109</v>
      </c>
      <c r="EN25" s="331">
        <v>2094980</v>
      </c>
      <c r="EO25" s="330">
        <v>2094980</v>
      </c>
      <c r="EP25" s="326">
        <v>0</v>
      </c>
      <c r="EQ25" s="327">
        <v>0</v>
      </c>
      <c r="ER25" s="331">
        <v>0</v>
      </c>
      <c r="ES25" s="332">
        <v>0</v>
      </c>
      <c r="ET25" s="327">
        <v>0</v>
      </c>
      <c r="EU25" s="327">
        <v>0</v>
      </c>
      <c r="EV25" s="327">
        <v>0</v>
      </c>
      <c r="EW25" s="327">
        <v>0</v>
      </c>
      <c r="EX25" s="327">
        <v>0</v>
      </c>
      <c r="EY25" s="328">
        <v>0</v>
      </c>
      <c r="EZ25" s="330">
        <v>0</v>
      </c>
      <c r="FA25" s="326">
        <v>0</v>
      </c>
      <c r="FB25" s="327">
        <v>0</v>
      </c>
      <c r="FC25" s="331">
        <v>0</v>
      </c>
      <c r="FD25" s="332">
        <v>0</v>
      </c>
      <c r="FE25" s="327">
        <v>0</v>
      </c>
      <c r="FF25" s="327">
        <v>0</v>
      </c>
      <c r="FG25" s="327">
        <v>0</v>
      </c>
      <c r="FH25" s="327">
        <v>0</v>
      </c>
      <c r="FI25" s="327">
        <v>0</v>
      </c>
      <c r="FJ25" s="328">
        <v>0</v>
      </c>
      <c r="FK25" s="330">
        <v>0</v>
      </c>
      <c r="FL25" s="326">
        <v>1348205</v>
      </c>
      <c r="FM25" s="327">
        <v>2741866</v>
      </c>
      <c r="FN25" s="328">
        <v>4090071</v>
      </c>
      <c r="FO25" s="326">
        <v>0</v>
      </c>
      <c r="FP25" s="327">
        <v>6498838</v>
      </c>
      <c r="FQ25" s="327">
        <v>7910861</v>
      </c>
      <c r="FR25" s="327">
        <v>6683658</v>
      </c>
      <c r="FS25" s="327">
        <v>6311712</v>
      </c>
      <c r="FT25" s="327">
        <v>3611402</v>
      </c>
      <c r="FU25" s="328">
        <v>31016471</v>
      </c>
      <c r="FV25" s="330">
        <v>35106542</v>
      </c>
      <c r="FW25" s="333">
        <v>871854</v>
      </c>
      <c r="FX25" s="327">
        <v>2370376</v>
      </c>
      <c r="FY25" s="331">
        <v>3242230</v>
      </c>
      <c r="FZ25" s="332">
        <v>0</v>
      </c>
      <c r="GA25" s="327">
        <v>5695894</v>
      </c>
      <c r="GB25" s="327">
        <v>7148756</v>
      </c>
      <c r="GC25" s="327">
        <v>6090515</v>
      </c>
      <c r="GD25" s="327">
        <v>5480625</v>
      </c>
      <c r="GE25" s="327">
        <v>3360302</v>
      </c>
      <c r="GF25" s="328">
        <v>27776092</v>
      </c>
      <c r="GG25" s="334">
        <v>31018322</v>
      </c>
      <c r="GH25" s="333">
        <v>36351</v>
      </c>
      <c r="GI25" s="327">
        <v>23100</v>
      </c>
      <c r="GJ25" s="331">
        <v>59451</v>
      </c>
      <c r="GK25" s="332">
        <v>0</v>
      </c>
      <c r="GL25" s="327">
        <v>310743</v>
      </c>
      <c r="GM25" s="327">
        <v>291990</v>
      </c>
      <c r="GN25" s="327">
        <v>161593</v>
      </c>
      <c r="GO25" s="327">
        <v>226285</v>
      </c>
      <c r="GP25" s="327">
        <v>27900</v>
      </c>
      <c r="GQ25" s="328">
        <v>1018511</v>
      </c>
      <c r="GR25" s="330">
        <v>1077962</v>
      </c>
      <c r="GS25" s="326">
        <v>440000</v>
      </c>
      <c r="GT25" s="327">
        <v>348390</v>
      </c>
      <c r="GU25" s="328">
        <v>788390</v>
      </c>
      <c r="GV25" s="326">
        <v>0</v>
      </c>
      <c r="GW25" s="327">
        <v>492201</v>
      </c>
      <c r="GX25" s="327">
        <v>470115</v>
      </c>
      <c r="GY25" s="327">
        <v>431550</v>
      </c>
      <c r="GZ25" s="327">
        <v>604802</v>
      </c>
      <c r="HA25" s="327">
        <v>223200</v>
      </c>
      <c r="HB25" s="331">
        <v>2221868</v>
      </c>
      <c r="HC25" s="330">
        <v>3010258</v>
      </c>
      <c r="HD25" s="326">
        <v>851170</v>
      </c>
      <c r="HE25" s="327">
        <v>1207832</v>
      </c>
      <c r="HF25" s="331">
        <v>2059002</v>
      </c>
      <c r="HG25" s="332">
        <v>0</v>
      </c>
      <c r="HH25" s="327">
        <v>14105030</v>
      </c>
      <c r="HI25" s="327">
        <v>11705400</v>
      </c>
      <c r="HJ25" s="327">
        <v>13673857</v>
      </c>
      <c r="HK25" s="327">
        <v>13405092</v>
      </c>
      <c r="HL25" s="327">
        <v>10165500</v>
      </c>
      <c r="HM25" s="328">
        <v>63054879</v>
      </c>
      <c r="HN25" s="329">
        <v>65113881</v>
      </c>
      <c r="HO25" s="333">
        <v>1103508</v>
      </c>
      <c r="HP25" s="327">
        <v>2111945</v>
      </c>
      <c r="HQ25" s="328">
        <v>3215453</v>
      </c>
      <c r="HR25" s="326">
        <v>0</v>
      </c>
      <c r="HS25" s="327">
        <v>16514075</v>
      </c>
      <c r="HT25" s="327">
        <v>10416623</v>
      </c>
      <c r="HU25" s="327">
        <v>7946048</v>
      </c>
      <c r="HV25" s="327">
        <v>5235730</v>
      </c>
      <c r="HW25" s="327">
        <v>2723730</v>
      </c>
      <c r="HX25" s="331">
        <v>42836206</v>
      </c>
      <c r="HY25" s="330">
        <v>46051659</v>
      </c>
      <c r="HZ25" s="335">
        <v>0</v>
      </c>
      <c r="IA25" s="336">
        <v>0</v>
      </c>
      <c r="IB25" s="337">
        <v>0</v>
      </c>
      <c r="IC25" s="338">
        <v>0</v>
      </c>
      <c r="ID25" s="336">
        <v>14955313</v>
      </c>
      <c r="IE25" s="339">
        <v>17903323</v>
      </c>
      <c r="IF25" s="337">
        <v>26843035</v>
      </c>
      <c r="IG25" s="336">
        <v>9257970</v>
      </c>
      <c r="IH25" s="337">
        <v>7570956</v>
      </c>
      <c r="II25" s="340">
        <v>76530597</v>
      </c>
      <c r="IJ25" s="341">
        <v>76530597</v>
      </c>
      <c r="IK25" s="342">
        <v>0</v>
      </c>
      <c r="IL25" s="343">
        <v>0</v>
      </c>
      <c r="IM25" s="344">
        <v>0</v>
      </c>
      <c r="IN25" s="404">
        <v>0</v>
      </c>
      <c r="IO25" s="345">
        <v>88092</v>
      </c>
      <c r="IP25" s="345">
        <v>0</v>
      </c>
      <c r="IQ25" s="345">
        <v>0</v>
      </c>
      <c r="IR25" s="345">
        <v>0</v>
      </c>
      <c r="IS25" s="345">
        <v>309186</v>
      </c>
      <c r="IT25" s="346">
        <v>397278</v>
      </c>
      <c r="IU25" s="347">
        <v>397278</v>
      </c>
      <c r="IV25" s="348">
        <v>0</v>
      </c>
      <c r="IW25" s="345">
        <v>0</v>
      </c>
      <c r="IX25" s="349">
        <v>0</v>
      </c>
      <c r="IY25" s="413">
        <v>0</v>
      </c>
      <c r="IZ25" s="345">
        <v>0</v>
      </c>
      <c r="JA25" s="345">
        <v>0</v>
      </c>
      <c r="JB25" s="345">
        <v>0</v>
      </c>
      <c r="JC25" s="345">
        <v>0</v>
      </c>
      <c r="JD25" s="345">
        <v>0</v>
      </c>
      <c r="JE25" s="349">
        <v>0</v>
      </c>
      <c r="JF25" s="350">
        <v>0</v>
      </c>
      <c r="JG25" s="348">
        <v>0</v>
      </c>
      <c r="JH25" s="345">
        <v>0</v>
      </c>
      <c r="JI25" s="346">
        <v>0</v>
      </c>
      <c r="JJ25" s="351">
        <v>0</v>
      </c>
      <c r="JK25" s="345">
        <v>8492869</v>
      </c>
      <c r="JL25" s="345">
        <v>6822332</v>
      </c>
      <c r="JM25" s="345">
        <v>5260644</v>
      </c>
      <c r="JN25" s="345">
        <v>2109649</v>
      </c>
      <c r="JO25" s="345">
        <v>928451</v>
      </c>
      <c r="JP25" s="349">
        <v>23613945</v>
      </c>
      <c r="JQ25" s="347">
        <v>23613945</v>
      </c>
      <c r="JR25" s="348">
        <v>0</v>
      </c>
      <c r="JS25" s="345">
        <v>0</v>
      </c>
      <c r="JT25" s="346">
        <v>0</v>
      </c>
      <c r="JU25" s="351">
        <v>0</v>
      </c>
      <c r="JV25" s="345">
        <v>168680</v>
      </c>
      <c r="JW25" s="345">
        <v>27035</v>
      </c>
      <c r="JX25" s="345">
        <v>1590571</v>
      </c>
      <c r="JY25" s="345">
        <v>1147562</v>
      </c>
      <c r="JZ25" s="345">
        <v>244279</v>
      </c>
      <c r="KA25" s="349">
        <v>3178127</v>
      </c>
      <c r="KB25" s="347">
        <v>3178127</v>
      </c>
      <c r="KC25" s="352">
        <v>0</v>
      </c>
      <c r="KD25" s="353">
        <v>0</v>
      </c>
      <c r="KE25" s="349">
        <v>0</v>
      </c>
      <c r="KF25" s="351">
        <v>0</v>
      </c>
      <c r="KG25" s="345">
        <v>2361622</v>
      </c>
      <c r="KH25" s="345">
        <v>1627500</v>
      </c>
      <c r="KI25" s="345">
        <v>4423813</v>
      </c>
      <c r="KJ25" s="345">
        <v>1459050</v>
      </c>
      <c r="KK25" s="345">
        <v>935240</v>
      </c>
      <c r="KL25" s="349">
        <v>10807225</v>
      </c>
      <c r="KM25" s="354">
        <v>10807225</v>
      </c>
      <c r="KN25" s="342">
        <v>0</v>
      </c>
      <c r="KO25" s="343">
        <v>0</v>
      </c>
      <c r="KP25" s="344">
        <v>0</v>
      </c>
      <c r="KQ25" s="413">
        <v>0</v>
      </c>
      <c r="KR25" s="345">
        <v>3844050</v>
      </c>
      <c r="KS25" s="345">
        <v>9426456</v>
      </c>
      <c r="KT25" s="345">
        <v>15568007</v>
      </c>
      <c r="KU25" s="345">
        <v>4541709</v>
      </c>
      <c r="KV25" s="345">
        <v>5153800</v>
      </c>
      <c r="KW25" s="349">
        <v>38534022</v>
      </c>
      <c r="KX25" s="347">
        <v>38534022</v>
      </c>
      <c r="KY25" s="348">
        <v>0</v>
      </c>
      <c r="KZ25" s="345">
        <v>0</v>
      </c>
      <c r="LA25" s="349">
        <v>0</v>
      </c>
      <c r="LB25" s="413">
        <v>0</v>
      </c>
      <c r="LC25" s="345">
        <v>0</v>
      </c>
      <c r="LD25" s="345">
        <v>0</v>
      </c>
      <c r="LE25" s="345">
        <v>0</v>
      </c>
      <c r="LF25" s="345">
        <v>0</v>
      </c>
      <c r="LG25" s="345">
        <v>0</v>
      </c>
      <c r="LH25" s="349">
        <v>0</v>
      </c>
      <c r="LI25" s="350">
        <v>0</v>
      </c>
      <c r="LJ25" s="348">
        <v>0</v>
      </c>
      <c r="LK25" s="345">
        <v>0</v>
      </c>
      <c r="LL25" s="349">
        <v>0</v>
      </c>
      <c r="LM25" s="413">
        <v>0</v>
      </c>
      <c r="LN25" s="345">
        <v>0</v>
      </c>
      <c r="LO25" s="345">
        <v>0</v>
      </c>
      <c r="LP25" s="345">
        <v>0</v>
      </c>
      <c r="LQ25" s="345">
        <v>0</v>
      </c>
      <c r="LR25" s="345">
        <v>0</v>
      </c>
      <c r="LS25" s="349">
        <v>0</v>
      </c>
      <c r="LT25" s="347">
        <v>0</v>
      </c>
      <c r="LU25" s="348">
        <v>0</v>
      </c>
      <c r="LV25" s="345">
        <v>0</v>
      </c>
      <c r="LW25" s="349">
        <v>0</v>
      </c>
      <c r="LX25" s="413">
        <v>0</v>
      </c>
      <c r="LY25" s="345">
        <v>0</v>
      </c>
      <c r="LZ25" s="345">
        <v>0</v>
      </c>
      <c r="MA25" s="345">
        <v>0</v>
      </c>
      <c r="MB25" s="345">
        <v>0</v>
      </c>
      <c r="MC25" s="345">
        <v>0</v>
      </c>
      <c r="MD25" s="349">
        <v>0</v>
      </c>
      <c r="ME25" s="350">
        <v>0</v>
      </c>
      <c r="MF25" s="348">
        <v>0</v>
      </c>
      <c r="MG25" s="345">
        <v>0</v>
      </c>
      <c r="MH25" s="349">
        <v>0</v>
      </c>
      <c r="MI25" s="413">
        <v>0</v>
      </c>
      <c r="MJ25" s="345">
        <v>4443185</v>
      </c>
      <c r="MK25" s="345">
        <v>15586477</v>
      </c>
      <c r="ML25" s="345">
        <v>50667699</v>
      </c>
      <c r="MM25" s="345">
        <v>82733910</v>
      </c>
      <c r="MN25" s="345">
        <v>44346597</v>
      </c>
      <c r="MO25" s="349">
        <v>197777868</v>
      </c>
      <c r="MP25" s="354">
        <v>197777868</v>
      </c>
      <c r="MQ25" s="348">
        <v>0</v>
      </c>
      <c r="MR25" s="345">
        <v>0</v>
      </c>
      <c r="MS25" s="349">
        <v>0</v>
      </c>
      <c r="MT25" s="413">
        <v>0</v>
      </c>
      <c r="MU25" s="345">
        <v>1016579</v>
      </c>
      <c r="MV25" s="345">
        <v>5726322</v>
      </c>
      <c r="MW25" s="345">
        <v>40960158</v>
      </c>
      <c r="MX25" s="345">
        <v>64786334</v>
      </c>
      <c r="MY25" s="345">
        <v>34479199</v>
      </c>
      <c r="MZ25" s="349">
        <v>146968592</v>
      </c>
      <c r="NA25" s="354">
        <v>146968592</v>
      </c>
      <c r="NB25" s="348">
        <v>0</v>
      </c>
      <c r="NC25" s="345">
        <v>0</v>
      </c>
      <c r="ND25" s="349">
        <v>0</v>
      </c>
      <c r="NE25" s="413">
        <v>0</v>
      </c>
      <c r="NF25" s="345">
        <v>3426606</v>
      </c>
      <c r="NG25" s="345">
        <v>9860155</v>
      </c>
      <c r="NH25" s="345">
        <v>9707541</v>
      </c>
      <c r="NI25" s="345">
        <v>17130113</v>
      </c>
      <c r="NJ25" s="345">
        <v>8174104</v>
      </c>
      <c r="NK25" s="349">
        <v>48298519</v>
      </c>
      <c r="NL25" s="347">
        <v>48298519</v>
      </c>
      <c r="NM25" s="348">
        <v>0</v>
      </c>
      <c r="NN25" s="345">
        <v>0</v>
      </c>
      <c r="NO25" s="349">
        <v>0</v>
      </c>
      <c r="NP25" s="413">
        <v>0</v>
      </c>
      <c r="NQ25" s="345">
        <v>0</v>
      </c>
      <c r="NR25" s="345">
        <v>0</v>
      </c>
      <c r="NS25" s="345">
        <v>0</v>
      </c>
      <c r="NT25" s="345">
        <v>0</v>
      </c>
      <c r="NU25" s="345">
        <v>0</v>
      </c>
      <c r="NV25" s="349">
        <v>0</v>
      </c>
      <c r="NW25" s="350">
        <v>0</v>
      </c>
      <c r="NX25" s="348">
        <v>0</v>
      </c>
      <c r="NY25" s="345">
        <v>0</v>
      </c>
      <c r="NZ25" s="349">
        <v>0</v>
      </c>
      <c r="OA25" s="413">
        <v>0</v>
      </c>
      <c r="OB25" s="345">
        <v>0</v>
      </c>
      <c r="OC25" s="345">
        <v>0</v>
      </c>
      <c r="OD25" s="345">
        <v>0</v>
      </c>
      <c r="OE25" s="345">
        <v>817463</v>
      </c>
      <c r="OF25" s="345">
        <v>1693294</v>
      </c>
      <c r="OG25" s="349">
        <v>2510757</v>
      </c>
      <c r="OH25" s="350">
        <v>2510757</v>
      </c>
      <c r="OI25" s="348">
        <v>5430872</v>
      </c>
      <c r="OJ25" s="345">
        <v>12197420</v>
      </c>
      <c r="OK25" s="346">
        <v>17628292</v>
      </c>
      <c r="OL25" s="351">
        <v>0</v>
      </c>
      <c r="OM25" s="345">
        <v>119260023</v>
      </c>
      <c r="ON25" s="345">
        <v>125612308</v>
      </c>
      <c r="OO25" s="345">
        <v>168812552</v>
      </c>
      <c r="OP25" s="345">
        <v>167231079</v>
      </c>
      <c r="OQ25" s="345">
        <v>104231682</v>
      </c>
      <c r="OR25" s="349">
        <v>685147644</v>
      </c>
      <c r="OS25" s="354">
        <v>702775936</v>
      </c>
    </row>
    <row r="26" spans="2:409" s="70" customFormat="1" ht="21" customHeight="1" x14ac:dyDescent="0.2">
      <c r="B26" s="410" t="s">
        <v>21</v>
      </c>
      <c r="C26" s="326">
        <v>7493645</v>
      </c>
      <c r="D26" s="327">
        <v>13045916</v>
      </c>
      <c r="E26" s="328">
        <v>20539561</v>
      </c>
      <c r="F26" s="329">
        <v>0</v>
      </c>
      <c r="G26" s="327">
        <v>84509017</v>
      </c>
      <c r="H26" s="327">
        <v>110254813</v>
      </c>
      <c r="I26" s="327">
        <v>102142605</v>
      </c>
      <c r="J26" s="327">
        <v>77330170</v>
      </c>
      <c r="K26" s="327">
        <v>59955885</v>
      </c>
      <c r="L26" s="367">
        <v>434192490</v>
      </c>
      <c r="M26" s="330">
        <v>454732051</v>
      </c>
      <c r="N26" s="326">
        <v>2234344</v>
      </c>
      <c r="O26" s="327">
        <v>4726326</v>
      </c>
      <c r="P26" s="328">
        <v>6960670</v>
      </c>
      <c r="Q26" s="326">
        <v>0</v>
      </c>
      <c r="R26" s="327">
        <v>26827033</v>
      </c>
      <c r="S26" s="327">
        <v>39515506</v>
      </c>
      <c r="T26" s="327">
        <v>40530716</v>
      </c>
      <c r="U26" s="327">
        <v>32180859</v>
      </c>
      <c r="V26" s="327">
        <v>33582559</v>
      </c>
      <c r="W26" s="328">
        <v>172636673</v>
      </c>
      <c r="X26" s="330">
        <v>179597343</v>
      </c>
      <c r="Y26" s="326">
        <v>0</v>
      </c>
      <c r="Z26" s="327">
        <v>0</v>
      </c>
      <c r="AA26" s="328">
        <v>0</v>
      </c>
      <c r="AB26" s="326">
        <v>0</v>
      </c>
      <c r="AC26" s="327">
        <v>11547913</v>
      </c>
      <c r="AD26" s="327">
        <v>20268311</v>
      </c>
      <c r="AE26" s="327">
        <v>24508044</v>
      </c>
      <c r="AF26" s="327">
        <v>19882483</v>
      </c>
      <c r="AG26" s="327">
        <v>21602440</v>
      </c>
      <c r="AH26" s="328">
        <v>97809191</v>
      </c>
      <c r="AI26" s="330">
        <v>97809191</v>
      </c>
      <c r="AJ26" s="326">
        <v>0</v>
      </c>
      <c r="AK26" s="327">
        <v>0</v>
      </c>
      <c r="AL26" s="328">
        <v>0</v>
      </c>
      <c r="AM26" s="326">
        <v>0</v>
      </c>
      <c r="AN26" s="327">
        <v>0</v>
      </c>
      <c r="AO26" s="327">
        <v>205577</v>
      </c>
      <c r="AP26" s="327">
        <v>567336</v>
      </c>
      <c r="AQ26" s="327">
        <v>1661735</v>
      </c>
      <c r="AR26" s="327">
        <v>2894816</v>
      </c>
      <c r="AS26" s="328">
        <v>5329464</v>
      </c>
      <c r="AT26" s="330">
        <v>5329464</v>
      </c>
      <c r="AU26" s="326">
        <v>1232624</v>
      </c>
      <c r="AV26" s="327">
        <v>3220536</v>
      </c>
      <c r="AW26" s="328">
        <v>4453160</v>
      </c>
      <c r="AX26" s="326">
        <v>0</v>
      </c>
      <c r="AY26" s="327">
        <v>10389871</v>
      </c>
      <c r="AZ26" s="327">
        <v>11850163</v>
      </c>
      <c r="BA26" s="327">
        <v>9239088</v>
      </c>
      <c r="BB26" s="327">
        <v>6296936</v>
      </c>
      <c r="BC26" s="327">
        <v>5615485</v>
      </c>
      <c r="BD26" s="328">
        <v>43391543</v>
      </c>
      <c r="BE26" s="330">
        <v>47844703</v>
      </c>
      <c r="BF26" s="326">
        <v>356795</v>
      </c>
      <c r="BG26" s="327">
        <v>1015824</v>
      </c>
      <c r="BH26" s="331">
        <v>1372619</v>
      </c>
      <c r="BI26" s="332">
        <v>0</v>
      </c>
      <c r="BJ26" s="327">
        <v>786508</v>
      </c>
      <c r="BK26" s="327">
        <v>1736844</v>
      </c>
      <c r="BL26" s="327">
        <v>1181940</v>
      </c>
      <c r="BM26" s="327">
        <v>432666</v>
      </c>
      <c r="BN26" s="327">
        <v>217593</v>
      </c>
      <c r="BO26" s="328">
        <v>4355551</v>
      </c>
      <c r="BP26" s="330">
        <v>5728170</v>
      </c>
      <c r="BQ26" s="326">
        <v>644925</v>
      </c>
      <c r="BR26" s="327">
        <v>489966</v>
      </c>
      <c r="BS26" s="328">
        <v>1134891</v>
      </c>
      <c r="BT26" s="326">
        <v>0</v>
      </c>
      <c r="BU26" s="327">
        <v>4102741</v>
      </c>
      <c r="BV26" s="327">
        <v>5454611</v>
      </c>
      <c r="BW26" s="327">
        <v>5034308</v>
      </c>
      <c r="BX26" s="327">
        <v>3907039</v>
      </c>
      <c r="BY26" s="327">
        <v>3252225</v>
      </c>
      <c r="BZ26" s="328">
        <v>21750924</v>
      </c>
      <c r="CA26" s="330">
        <v>22885815</v>
      </c>
      <c r="CB26" s="326">
        <v>486626</v>
      </c>
      <c r="CC26" s="327">
        <v>1343281</v>
      </c>
      <c r="CD26" s="328">
        <v>1829907</v>
      </c>
      <c r="CE26" s="326">
        <v>0</v>
      </c>
      <c r="CF26" s="327">
        <v>23288368</v>
      </c>
      <c r="CG26" s="327">
        <v>30079184</v>
      </c>
      <c r="CH26" s="327">
        <v>25084565</v>
      </c>
      <c r="CI26" s="327">
        <v>11200040</v>
      </c>
      <c r="CJ26" s="327">
        <v>5036438</v>
      </c>
      <c r="CK26" s="328">
        <v>94688595</v>
      </c>
      <c r="CL26" s="330">
        <v>96518502</v>
      </c>
      <c r="CM26" s="326">
        <v>0</v>
      </c>
      <c r="CN26" s="327">
        <v>0</v>
      </c>
      <c r="CO26" s="328">
        <v>0</v>
      </c>
      <c r="CP26" s="332">
        <v>0</v>
      </c>
      <c r="CQ26" s="327">
        <v>19976969</v>
      </c>
      <c r="CR26" s="327">
        <v>26351194</v>
      </c>
      <c r="CS26" s="327">
        <v>21901721</v>
      </c>
      <c r="CT26" s="327">
        <v>10075739</v>
      </c>
      <c r="CU26" s="327">
        <v>4471368</v>
      </c>
      <c r="CV26" s="328">
        <v>82776991</v>
      </c>
      <c r="CW26" s="330">
        <v>82776991</v>
      </c>
      <c r="CX26" s="326">
        <v>486626</v>
      </c>
      <c r="CY26" s="327">
        <v>1343281</v>
      </c>
      <c r="CZ26" s="328">
        <v>1829907</v>
      </c>
      <c r="DA26" s="326">
        <v>0</v>
      </c>
      <c r="DB26" s="327">
        <v>3311399</v>
      </c>
      <c r="DC26" s="327">
        <v>3727990</v>
      </c>
      <c r="DD26" s="327">
        <v>3182844</v>
      </c>
      <c r="DE26" s="327">
        <v>1124301</v>
      </c>
      <c r="DF26" s="327">
        <v>565070</v>
      </c>
      <c r="DG26" s="328">
        <v>11911604</v>
      </c>
      <c r="DH26" s="330">
        <v>13741511</v>
      </c>
      <c r="DI26" s="326">
        <v>0</v>
      </c>
      <c r="DJ26" s="327">
        <v>261754</v>
      </c>
      <c r="DK26" s="331">
        <v>261754</v>
      </c>
      <c r="DL26" s="332">
        <v>0</v>
      </c>
      <c r="DM26" s="327">
        <v>1412498</v>
      </c>
      <c r="DN26" s="327">
        <v>2930177</v>
      </c>
      <c r="DO26" s="327">
        <v>6455382</v>
      </c>
      <c r="DP26" s="327">
        <v>6118305</v>
      </c>
      <c r="DQ26" s="327">
        <v>3505397</v>
      </c>
      <c r="DR26" s="328">
        <v>20421759</v>
      </c>
      <c r="DS26" s="330">
        <v>20683513</v>
      </c>
      <c r="DT26" s="326">
        <v>0</v>
      </c>
      <c r="DU26" s="327">
        <v>156607</v>
      </c>
      <c r="DV26" s="328">
        <v>156607</v>
      </c>
      <c r="DW26" s="326">
        <v>0</v>
      </c>
      <c r="DX26" s="327">
        <v>1386470</v>
      </c>
      <c r="DY26" s="327">
        <v>2884898</v>
      </c>
      <c r="DZ26" s="327">
        <v>6179964</v>
      </c>
      <c r="EA26" s="327">
        <v>5680343</v>
      </c>
      <c r="EB26" s="327">
        <v>2871217</v>
      </c>
      <c r="EC26" s="328">
        <v>19002892</v>
      </c>
      <c r="ED26" s="330">
        <v>19159499</v>
      </c>
      <c r="EE26" s="326">
        <v>0</v>
      </c>
      <c r="EF26" s="331">
        <v>105147</v>
      </c>
      <c r="EG26" s="328">
        <v>105147</v>
      </c>
      <c r="EH26" s="326">
        <v>0</v>
      </c>
      <c r="EI26" s="327">
        <v>26028</v>
      </c>
      <c r="EJ26" s="327">
        <v>45279</v>
      </c>
      <c r="EK26" s="327">
        <v>275418</v>
      </c>
      <c r="EL26" s="327">
        <v>437962</v>
      </c>
      <c r="EM26" s="327">
        <v>634180</v>
      </c>
      <c r="EN26" s="331">
        <v>1418867</v>
      </c>
      <c r="EO26" s="330">
        <v>1524014</v>
      </c>
      <c r="EP26" s="326">
        <v>0</v>
      </c>
      <c r="EQ26" s="327">
        <v>0</v>
      </c>
      <c r="ER26" s="331">
        <v>0</v>
      </c>
      <c r="ES26" s="332">
        <v>0</v>
      </c>
      <c r="ET26" s="327">
        <v>0</v>
      </c>
      <c r="EU26" s="327">
        <v>0</v>
      </c>
      <c r="EV26" s="327">
        <v>0</v>
      </c>
      <c r="EW26" s="327">
        <v>0</v>
      </c>
      <c r="EX26" s="327">
        <v>0</v>
      </c>
      <c r="EY26" s="328">
        <v>0</v>
      </c>
      <c r="EZ26" s="330">
        <v>0</v>
      </c>
      <c r="FA26" s="326">
        <v>0</v>
      </c>
      <c r="FB26" s="327">
        <v>0</v>
      </c>
      <c r="FC26" s="331">
        <v>0</v>
      </c>
      <c r="FD26" s="332">
        <v>0</v>
      </c>
      <c r="FE26" s="327">
        <v>0</v>
      </c>
      <c r="FF26" s="327">
        <v>0</v>
      </c>
      <c r="FG26" s="327">
        <v>0</v>
      </c>
      <c r="FH26" s="327">
        <v>0</v>
      </c>
      <c r="FI26" s="327">
        <v>0</v>
      </c>
      <c r="FJ26" s="328">
        <v>0</v>
      </c>
      <c r="FK26" s="330">
        <v>0</v>
      </c>
      <c r="FL26" s="326">
        <v>2193847</v>
      </c>
      <c r="FM26" s="327">
        <v>3408702</v>
      </c>
      <c r="FN26" s="328">
        <v>5602549</v>
      </c>
      <c r="FO26" s="326">
        <v>0</v>
      </c>
      <c r="FP26" s="327">
        <v>5197595</v>
      </c>
      <c r="FQ26" s="327">
        <v>10214208</v>
      </c>
      <c r="FR26" s="327">
        <v>7656280</v>
      </c>
      <c r="FS26" s="327">
        <v>5514716</v>
      </c>
      <c r="FT26" s="327">
        <v>4291532</v>
      </c>
      <c r="FU26" s="328">
        <v>32874331</v>
      </c>
      <c r="FV26" s="330">
        <v>38476880</v>
      </c>
      <c r="FW26" s="333">
        <v>1180129</v>
      </c>
      <c r="FX26" s="327">
        <v>2353809</v>
      </c>
      <c r="FY26" s="331">
        <v>3533938</v>
      </c>
      <c r="FZ26" s="332">
        <v>0</v>
      </c>
      <c r="GA26" s="327">
        <v>3543876</v>
      </c>
      <c r="GB26" s="327">
        <v>9054654</v>
      </c>
      <c r="GC26" s="327">
        <v>6959462</v>
      </c>
      <c r="GD26" s="327">
        <v>5236400</v>
      </c>
      <c r="GE26" s="327">
        <v>3986884</v>
      </c>
      <c r="GF26" s="328">
        <v>28781276</v>
      </c>
      <c r="GG26" s="334">
        <v>32315214</v>
      </c>
      <c r="GH26" s="333">
        <v>60906</v>
      </c>
      <c r="GI26" s="327">
        <v>260179</v>
      </c>
      <c r="GJ26" s="331">
        <v>321085</v>
      </c>
      <c r="GK26" s="332">
        <v>0</v>
      </c>
      <c r="GL26" s="327">
        <v>204353</v>
      </c>
      <c r="GM26" s="327">
        <v>188508</v>
      </c>
      <c r="GN26" s="327">
        <v>77838</v>
      </c>
      <c r="GO26" s="327">
        <v>98316</v>
      </c>
      <c r="GP26" s="327">
        <v>72648</v>
      </c>
      <c r="GQ26" s="328">
        <v>641663</v>
      </c>
      <c r="GR26" s="330">
        <v>962748</v>
      </c>
      <c r="GS26" s="326">
        <v>952812</v>
      </c>
      <c r="GT26" s="327">
        <v>794714</v>
      </c>
      <c r="GU26" s="328">
        <v>1747526</v>
      </c>
      <c r="GV26" s="326">
        <v>0</v>
      </c>
      <c r="GW26" s="327">
        <v>1449366</v>
      </c>
      <c r="GX26" s="327">
        <v>971046</v>
      </c>
      <c r="GY26" s="327">
        <v>618980</v>
      </c>
      <c r="GZ26" s="327">
        <v>180000</v>
      </c>
      <c r="HA26" s="327">
        <v>232000</v>
      </c>
      <c r="HB26" s="331">
        <v>3451392</v>
      </c>
      <c r="HC26" s="330">
        <v>5198918</v>
      </c>
      <c r="HD26" s="326">
        <v>1178294</v>
      </c>
      <c r="HE26" s="327">
        <v>1163083</v>
      </c>
      <c r="HF26" s="331">
        <v>2341377</v>
      </c>
      <c r="HG26" s="332">
        <v>0</v>
      </c>
      <c r="HH26" s="327">
        <v>14337249</v>
      </c>
      <c r="HI26" s="327">
        <v>14161604</v>
      </c>
      <c r="HJ26" s="327">
        <v>13377705</v>
      </c>
      <c r="HK26" s="327">
        <v>17138432</v>
      </c>
      <c r="HL26" s="327">
        <v>10160103</v>
      </c>
      <c r="HM26" s="328">
        <v>69175093</v>
      </c>
      <c r="HN26" s="329">
        <v>71516470</v>
      </c>
      <c r="HO26" s="333">
        <v>1400534</v>
      </c>
      <c r="HP26" s="327">
        <v>2142770</v>
      </c>
      <c r="HQ26" s="328">
        <v>3543304</v>
      </c>
      <c r="HR26" s="326">
        <v>0</v>
      </c>
      <c r="HS26" s="327">
        <v>13446274</v>
      </c>
      <c r="HT26" s="327">
        <v>13354134</v>
      </c>
      <c r="HU26" s="327">
        <v>9037957</v>
      </c>
      <c r="HV26" s="327">
        <v>5177818</v>
      </c>
      <c r="HW26" s="327">
        <v>3379856</v>
      </c>
      <c r="HX26" s="331">
        <v>44396039</v>
      </c>
      <c r="HY26" s="330">
        <v>47939343</v>
      </c>
      <c r="HZ26" s="358">
        <v>0</v>
      </c>
      <c r="IA26" s="356">
        <v>34967</v>
      </c>
      <c r="IB26" s="358">
        <v>34967</v>
      </c>
      <c r="IC26" s="355">
        <v>0</v>
      </c>
      <c r="ID26" s="356">
        <v>15448561</v>
      </c>
      <c r="IE26" s="357">
        <v>21767520</v>
      </c>
      <c r="IF26" s="358">
        <v>23365684</v>
      </c>
      <c r="IG26" s="356">
        <v>12414062</v>
      </c>
      <c r="IH26" s="358">
        <v>8298360</v>
      </c>
      <c r="II26" s="359">
        <v>81294187</v>
      </c>
      <c r="IJ26" s="358">
        <v>81329154</v>
      </c>
      <c r="IK26" s="342">
        <v>0</v>
      </c>
      <c r="IL26" s="343">
        <v>0</v>
      </c>
      <c r="IM26" s="344">
        <v>0</v>
      </c>
      <c r="IN26" s="404">
        <v>0</v>
      </c>
      <c r="IO26" s="345">
        <v>130099</v>
      </c>
      <c r="IP26" s="345">
        <v>341260</v>
      </c>
      <c r="IQ26" s="345">
        <v>155890</v>
      </c>
      <c r="IR26" s="345">
        <v>0</v>
      </c>
      <c r="IS26" s="345">
        <v>263880</v>
      </c>
      <c r="IT26" s="346">
        <v>891129</v>
      </c>
      <c r="IU26" s="347">
        <v>891129</v>
      </c>
      <c r="IV26" s="348">
        <v>0</v>
      </c>
      <c r="IW26" s="345">
        <v>0</v>
      </c>
      <c r="IX26" s="349">
        <v>0</v>
      </c>
      <c r="IY26" s="413">
        <v>0</v>
      </c>
      <c r="IZ26" s="345">
        <v>0</v>
      </c>
      <c r="JA26" s="345">
        <v>0</v>
      </c>
      <c r="JB26" s="345">
        <v>0</v>
      </c>
      <c r="JC26" s="345">
        <v>0</v>
      </c>
      <c r="JD26" s="345">
        <v>0</v>
      </c>
      <c r="JE26" s="349">
        <v>0</v>
      </c>
      <c r="JF26" s="350">
        <v>0</v>
      </c>
      <c r="JG26" s="348">
        <v>0</v>
      </c>
      <c r="JH26" s="345">
        <v>0</v>
      </c>
      <c r="JI26" s="346">
        <v>0</v>
      </c>
      <c r="JJ26" s="351">
        <v>0</v>
      </c>
      <c r="JK26" s="345">
        <v>10073081</v>
      </c>
      <c r="JL26" s="345">
        <v>10144395</v>
      </c>
      <c r="JM26" s="345">
        <v>7905370</v>
      </c>
      <c r="JN26" s="345">
        <v>4134270</v>
      </c>
      <c r="JO26" s="345">
        <v>2083243</v>
      </c>
      <c r="JP26" s="349">
        <v>34340359</v>
      </c>
      <c r="JQ26" s="347">
        <v>34340359</v>
      </c>
      <c r="JR26" s="348">
        <v>0</v>
      </c>
      <c r="JS26" s="345">
        <v>0</v>
      </c>
      <c r="JT26" s="346">
        <v>0</v>
      </c>
      <c r="JU26" s="351">
        <v>0</v>
      </c>
      <c r="JV26" s="345">
        <v>0</v>
      </c>
      <c r="JW26" s="345">
        <v>0</v>
      </c>
      <c r="JX26" s="345">
        <v>0</v>
      </c>
      <c r="JY26" s="345">
        <v>0</v>
      </c>
      <c r="JZ26" s="345">
        <v>0</v>
      </c>
      <c r="KA26" s="349">
        <v>0</v>
      </c>
      <c r="KB26" s="347">
        <v>0</v>
      </c>
      <c r="KC26" s="352">
        <v>0</v>
      </c>
      <c r="KD26" s="353">
        <v>0</v>
      </c>
      <c r="KE26" s="349">
        <v>0</v>
      </c>
      <c r="KF26" s="351">
        <v>0</v>
      </c>
      <c r="KG26" s="345">
        <v>1005334</v>
      </c>
      <c r="KH26" s="345">
        <v>1334136</v>
      </c>
      <c r="KI26" s="345">
        <v>4319255</v>
      </c>
      <c r="KJ26" s="345">
        <v>1598101</v>
      </c>
      <c r="KK26" s="345">
        <v>1144780</v>
      </c>
      <c r="KL26" s="349">
        <v>9401606</v>
      </c>
      <c r="KM26" s="354">
        <v>9401606</v>
      </c>
      <c r="KN26" s="342">
        <v>0</v>
      </c>
      <c r="KO26" s="343">
        <v>34967</v>
      </c>
      <c r="KP26" s="344">
        <v>34967</v>
      </c>
      <c r="KQ26" s="413">
        <v>0</v>
      </c>
      <c r="KR26" s="345">
        <v>4240047</v>
      </c>
      <c r="KS26" s="345">
        <v>9947729</v>
      </c>
      <c r="KT26" s="345">
        <v>10985169</v>
      </c>
      <c r="KU26" s="345">
        <v>6681691</v>
      </c>
      <c r="KV26" s="345">
        <v>4011860</v>
      </c>
      <c r="KW26" s="349">
        <v>35866496</v>
      </c>
      <c r="KX26" s="347">
        <v>35901463</v>
      </c>
      <c r="KY26" s="348">
        <v>0</v>
      </c>
      <c r="KZ26" s="345">
        <v>0</v>
      </c>
      <c r="LA26" s="349">
        <v>0</v>
      </c>
      <c r="LB26" s="413">
        <v>0</v>
      </c>
      <c r="LC26" s="345">
        <v>0</v>
      </c>
      <c r="LD26" s="345">
        <v>0</v>
      </c>
      <c r="LE26" s="345">
        <v>0</v>
      </c>
      <c r="LF26" s="345">
        <v>0</v>
      </c>
      <c r="LG26" s="345">
        <v>0</v>
      </c>
      <c r="LH26" s="349">
        <v>0</v>
      </c>
      <c r="LI26" s="350">
        <v>0</v>
      </c>
      <c r="LJ26" s="348">
        <v>0</v>
      </c>
      <c r="LK26" s="345">
        <v>0</v>
      </c>
      <c r="LL26" s="349">
        <v>0</v>
      </c>
      <c r="LM26" s="413">
        <v>0</v>
      </c>
      <c r="LN26" s="345">
        <v>0</v>
      </c>
      <c r="LO26" s="345">
        <v>0</v>
      </c>
      <c r="LP26" s="345">
        <v>0</v>
      </c>
      <c r="LQ26" s="345">
        <v>0</v>
      </c>
      <c r="LR26" s="345">
        <v>0</v>
      </c>
      <c r="LS26" s="349">
        <v>0</v>
      </c>
      <c r="LT26" s="347">
        <v>0</v>
      </c>
      <c r="LU26" s="348">
        <v>0</v>
      </c>
      <c r="LV26" s="345">
        <v>0</v>
      </c>
      <c r="LW26" s="349">
        <v>0</v>
      </c>
      <c r="LX26" s="413">
        <v>0</v>
      </c>
      <c r="LY26" s="345">
        <v>0</v>
      </c>
      <c r="LZ26" s="345">
        <v>0</v>
      </c>
      <c r="MA26" s="345">
        <v>0</v>
      </c>
      <c r="MB26" s="345">
        <v>0</v>
      </c>
      <c r="MC26" s="345">
        <v>794597</v>
      </c>
      <c r="MD26" s="349">
        <v>794597</v>
      </c>
      <c r="ME26" s="350">
        <v>794597</v>
      </c>
      <c r="MF26" s="348">
        <v>0</v>
      </c>
      <c r="MG26" s="345">
        <v>0</v>
      </c>
      <c r="MH26" s="349">
        <v>0</v>
      </c>
      <c r="MI26" s="413">
        <v>0</v>
      </c>
      <c r="MJ26" s="345">
        <v>5837576</v>
      </c>
      <c r="MK26" s="345">
        <v>11838038</v>
      </c>
      <c r="ML26" s="345">
        <v>45769547</v>
      </c>
      <c r="MM26" s="345">
        <v>61749209</v>
      </c>
      <c r="MN26" s="345">
        <v>43315503</v>
      </c>
      <c r="MO26" s="349">
        <v>168509873</v>
      </c>
      <c r="MP26" s="354">
        <v>168509873</v>
      </c>
      <c r="MQ26" s="348">
        <v>0</v>
      </c>
      <c r="MR26" s="345">
        <v>0</v>
      </c>
      <c r="MS26" s="349">
        <v>0</v>
      </c>
      <c r="MT26" s="413">
        <v>0</v>
      </c>
      <c r="MU26" s="345">
        <v>1162792</v>
      </c>
      <c r="MV26" s="345">
        <v>3363917</v>
      </c>
      <c r="MW26" s="345">
        <v>33770990</v>
      </c>
      <c r="MX26" s="345">
        <v>42107919</v>
      </c>
      <c r="MY26" s="345">
        <v>28443182</v>
      </c>
      <c r="MZ26" s="349">
        <v>108848800</v>
      </c>
      <c r="NA26" s="354">
        <v>108848800</v>
      </c>
      <c r="NB26" s="348">
        <v>0</v>
      </c>
      <c r="NC26" s="345">
        <v>0</v>
      </c>
      <c r="ND26" s="349">
        <v>0</v>
      </c>
      <c r="NE26" s="413">
        <v>0</v>
      </c>
      <c r="NF26" s="345">
        <v>4674784</v>
      </c>
      <c r="NG26" s="345">
        <v>8474121</v>
      </c>
      <c r="NH26" s="345">
        <v>11998557</v>
      </c>
      <c r="NI26" s="345">
        <v>15054162</v>
      </c>
      <c r="NJ26" s="345">
        <v>8379819</v>
      </c>
      <c r="NK26" s="349">
        <v>48581443</v>
      </c>
      <c r="NL26" s="347">
        <v>48581443</v>
      </c>
      <c r="NM26" s="348">
        <v>0</v>
      </c>
      <c r="NN26" s="345">
        <v>0</v>
      </c>
      <c r="NO26" s="349">
        <v>0</v>
      </c>
      <c r="NP26" s="413">
        <v>0</v>
      </c>
      <c r="NQ26" s="345">
        <v>0</v>
      </c>
      <c r="NR26" s="345">
        <v>0</v>
      </c>
      <c r="NS26" s="345">
        <v>0</v>
      </c>
      <c r="NT26" s="345">
        <v>0</v>
      </c>
      <c r="NU26" s="345">
        <v>0</v>
      </c>
      <c r="NV26" s="349">
        <v>0</v>
      </c>
      <c r="NW26" s="350">
        <v>0</v>
      </c>
      <c r="NX26" s="348">
        <v>0</v>
      </c>
      <c r="NY26" s="345">
        <v>0</v>
      </c>
      <c r="NZ26" s="349">
        <v>0</v>
      </c>
      <c r="OA26" s="413">
        <v>0</v>
      </c>
      <c r="OB26" s="345">
        <v>0</v>
      </c>
      <c r="OC26" s="345">
        <v>0</v>
      </c>
      <c r="OD26" s="345">
        <v>0</v>
      </c>
      <c r="OE26" s="345">
        <v>4587128</v>
      </c>
      <c r="OF26" s="345">
        <v>6492502</v>
      </c>
      <c r="OG26" s="349">
        <v>11079630</v>
      </c>
      <c r="OH26" s="350">
        <v>11079630</v>
      </c>
      <c r="OI26" s="348">
        <v>7493645</v>
      </c>
      <c r="OJ26" s="345">
        <v>13080883</v>
      </c>
      <c r="OK26" s="346">
        <v>20574528</v>
      </c>
      <c r="OL26" s="351">
        <v>0</v>
      </c>
      <c r="OM26" s="345">
        <v>105795154</v>
      </c>
      <c r="ON26" s="345">
        <v>143860371</v>
      </c>
      <c r="OO26" s="345">
        <v>171277836</v>
      </c>
      <c r="OP26" s="345">
        <v>151493441</v>
      </c>
      <c r="OQ26" s="345">
        <v>111569748</v>
      </c>
      <c r="OR26" s="349">
        <v>683996550</v>
      </c>
      <c r="OS26" s="354">
        <v>704571078</v>
      </c>
    </row>
    <row r="27" spans="2:409" s="70" customFormat="1" ht="21" customHeight="1" x14ac:dyDescent="0.2">
      <c r="B27" s="410" t="s">
        <v>22</v>
      </c>
      <c r="C27" s="326">
        <v>1490960</v>
      </c>
      <c r="D27" s="327">
        <v>3822143</v>
      </c>
      <c r="E27" s="328">
        <v>5313103</v>
      </c>
      <c r="F27" s="329">
        <v>0</v>
      </c>
      <c r="G27" s="327">
        <v>27402956</v>
      </c>
      <c r="H27" s="327">
        <v>34325462</v>
      </c>
      <c r="I27" s="327">
        <v>25804458</v>
      </c>
      <c r="J27" s="327">
        <v>29161615</v>
      </c>
      <c r="K27" s="327">
        <v>18736320</v>
      </c>
      <c r="L27" s="367">
        <v>135430811</v>
      </c>
      <c r="M27" s="330">
        <v>140743914</v>
      </c>
      <c r="N27" s="326">
        <v>290287</v>
      </c>
      <c r="O27" s="327">
        <v>450991</v>
      </c>
      <c r="P27" s="328">
        <v>741278</v>
      </c>
      <c r="Q27" s="326">
        <v>0</v>
      </c>
      <c r="R27" s="327">
        <v>5759338</v>
      </c>
      <c r="S27" s="327">
        <v>9336078</v>
      </c>
      <c r="T27" s="327">
        <v>4846993</v>
      </c>
      <c r="U27" s="327">
        <v>10717988</v>
      </c>
      <c r="V27" s="327">
        <v>9490514</v>
      </c>
      <c r="W27" s="328">
        <v>40150911</v>
      </c>
      <c r="X27" s="330">
        <v>40892189</v>
      </c>
      <c r="Y27" s="326">
        <v>0</v>
      </c>
      <c r="Z27" s="327">
        <v>0</v>
      </c>
      <c r="AA27" s="328">
        <v>0</v>
      </c>
      <c r="AB27" s="326">
        <v>0</v>
      </c>
      <c r="AC27" s="327">
        <v>2291344</v>
      </c>
      <c r="AD27" s="327">
        <v>4869774</v>
      </c>
      <c r="AE27" s="327">
        <v>2111788</v>
      </c>
      <c r="AF27" s="327">
        <v>6519293</v>
      </c>
      <c r="AG27" s="327">
        <v>5257055</v>
      </c>
      <c r="AH27" s="328">
        <v>21049254</v>
      </c>
      <c r="AI27" s="330">
        <v>21049254</v>
      </c>
      <c r="AJ27" s="326">
        <v>0</v>
      </c>
      <c r="AK27" s="327">
        <v>0</v>
      </c>
      <c r="AL27" s="328">
        <v>0</v>
      </c>
      <c r="AM27" s="326">
        <v>0</v>
      </c>
      <c r="AN27" s="327">
        <v>152721</v>
      </c>
      <c r="AO27" s="327">
        <v>0</v>
      </c>
      <c r="AP27" s="327">
        <v>114540</v>
      </c>
      <c r="AQ27" s="327">
        <v>667224</v>
      </c>
      <c r="AR27" s="327">
        <v>1681804</v>
      </c>
      <c r="AS27" s="328">
        <v>2616289</v>
      </c>
      <c r="AT27" s="330">
        <v>2616289</v>
      </c>
      <c r="AU27" s="326">
        <v>179337</v>
      </c>
      <c r="AV27" s="327">
        <v>355690</v>
      </c>
      <c r="AW27" s="328">
        <v>535027</v>
      </c>
      <c r="AX27" s="326">
        <v>0</v>
      </c>
      <c r="AY27" s="327">
        <v>1979505</v>
      </c>
      <c r="AZ27" s="327">
        <v>2921788</v>
      </c>
      <c r="BA27" s="327">
        <v>1566571</v>
      </c>
      <c r="BB27" s="327">
        <v>2197469</v>
      </c>
      <c r="BC27" s="327">
        <v>1957678</v>
      </c>
      <c r="BD27" s="328">
        <v>10623011</v>
      </c>
      <c r="BE27" s="330">
        <v>11158038</v>
      </c>
      <c r="BF27" s="326">
        <v>29680</v>
      </c>
      <c r="BG27" s="327">
        <v>0</v>
      </c>
      <c r="BH27" s="331">
        <v>29680</v>
      </c>
      <c r="BI27" s="332">
        <v>0</v>
      </c>
      <c r="BJ27" s="327">
        <v>473162</v>
      </c>
      <c r="BK27" s="327">
        <v>406241</v>
      </c>
      <c r="BL27" s="327">
        <v>118305</v>
      </c>
      <c r="BM27" s="327">
        <v>184297</v>
      </c>
      <c r="BN27" s="327">
        <v>53152</v>
      </c>
      <c r="BO27" s="328">
        <v>1235157</v>
      </c>
      <c r="BP27" s="330">
        <v>1264837</v>
      </c>
      <c r="BQ27" s="326">
        <v>81270</v>
      </c>
      <c r="BR27" s="327">
        <v>95301</v>
      </c>
      <c r="BS27" s="328">
        <v>176571</v>
      </c>
      <c r="BT27" s="326">
        <v>0</v>
      </c>
      <c r="BU27" s="327">
        <v>862606</v>
      </c>
      <c r="BV27" s="327">
        <v>1138275</v>
      </c>
      <c r="BW27" s="327">
        <v>935789</v>
      </c>
      <c r="BX27" s="327">
        <v>1149705</v>
      </c>
      <c r="BY27" s="327">
        <v>540825</v>
      </c>
      <c r="BZ27" s="328">
        <v>4627200</v>
      </c>
      <c r="CA27" s="330">
        <v>4803771</v>
      </c>
      <c r="CB27" s="326">
        <v>117052</v>
      </c>
      <c r="CC27" s="327">
        <v>360131</v>
      </c>
      <c r="CD27" s="328">
        <v>477183</v>
      </c>
      <c r="CE27" s="326">
        <v>0</v>
      </c>
      <c r="CF27" s="327">
        <v>7083505</v>
      </c>
      <c r="CG27" s="327">
        <v>11226995</v>
      </c>
      <c r="CH27" s="327">
        <v>7749363</v>
      </c>
      <c r="CI27" s="327">
        <v>5181175</v>
      </c>
      <c r="CJ27" s="327">
        <v>2115095</v>
      </c>
      <c r="CK27" s="328">
        <v>33356133</v>
      </c>
      <c r="CL27" s="330">
        <v>33833316</v>
      </c>
      <c r="CM27" s="326">
        <v>0</v>
      </c>
      <c r="CN27" s="327">
        <v>0</v>
      </c>
      <c r="CO27" s="328">
        <v>0</v>
      </c>
      <c r="CP27" s="332">
        <v>0</v>
      </c>
      <c r="CQ27" s="327">
        <v>5797886</v>
      </c>
      <c r="CR27" s="327">
        <v>9172777</v>
      </c>
      <c r="CS27" s="327">
        <v>7206872</v>
      </c>
      <c r="CT27" s="327">
        <v>4195857</v>
      </c>
      <c r="CU27" s="327">
        <v>1610316</v>
      </c>
      <c r="CV27" s="328">
        <v>27983708</v>
      </c>
      <c r="CW27" s="330">
        <v>27983708</v>
      </c>
      <c r="CX27" s="326">
        <v>117052</v>
      </c>
      <c r="CY27" s="327">
        <v>360131</v>
      </c>
      <c r="CZ27" s="328">
        <v>477183</v>
      </c>
      <c r="DA27" s="326">
        <v>0</v>
      </c>
      <c r="DB27" s="327">
        <v>1285619</v>
      </c>
      <c r="DC27" s="327">
        <v>2054218</v>
      </c>
      <c r="DD27" s="327">
        <v>542491</v>
      </c>
      <c r="DE27" s="327">
        <v>985318</v>
      </c>
      <c r="DF27" s="327">
        <v>504779</v>
      </c>
      <c r="DG27" s="328">
        <v>5372425</v>
      </c>
      <c r="DH27" s="330">
        <v>5849608</v>
      </c>
      <c r="DI27" s="326">
        <v>0</v>
      </c>
      <c r="DJ27" s="327">
        <v>92699</v>
      </c>
      <c r="DK27" s="331">
        <v>92699</v>
      </c>
      <c r="DL27" s="332">
        <v>0</v>
      </c>
      <c r="DM27" s="327">
        <v>426880</v>
      </c>
      <c r="DN27" s="327">
        <v>1245131</v>
      </c>
      <c r="DO27" s="327">
        <v>3512949</v>
      </c>
      <c r="DP27" s="327">
        <v>2011505</v>
      </c>
      <c r="DQ27" s="327">
        <v>1581305</v>
      </c>
      <c r="DR27" s="328">
        <v>8777770</v>
      </c>
      <c r="DS27" s="330">
        <v>8870469</v>
      </c>
      <c r="DT27" s="326">
        <v>0</v>
      </c>
      <c r="DU27" s="327">
        <v>92699</v>
      </c>
      <c r="DV27" s="328">
        <v>92699</v>
      </c>
      <c r="DW27" s="326">
        <v>0</v>
      </c>
      <c r="DX27" s="327">
        <v>339636</v>
      </c>
      <c r="DY27" s="327">
        <v>1245131</v>
      </c>
      <c r="DZ27" s="327">
        <v>3417916</v>
      </c>
      <c r="EA27" s="327">
        <v>1899896</v>
      </c>
      <c r="EB27" s="327">
        <v>1483060</v>
      </c>
      <c r="EC27" s="328">
        <v>8385639</v>
      </c>
      <c r="ED27" s="330">
        <v>8478338</v>
      </c>
      <c r="EE27" s="326">
        <v>0</v>
      </c>
      <c r="EF27" s="331">
        <v>0</v>
      </c>
      <c r="EG27" s="328">
        <v>0</v>
      </c>
      <c r="EH27" s="326">
        <v>0</v>
      </c>
      <c r="EI27" s="327">
        <v>87244</v>
      </c>
      <c r="EJ27" s="327">
        <v>0</v>
      </c>
      <c r="EK27" s="327">
        <v>95033</v>
      </c>
      <c r="EL27" s="327">
        <v>111609</v>
      </c>
      <c r="EM27" s="327">
        <v>98245</v>
      </c>
      <c r="EN27" s="331">
        <v>392131</v>
      </c>
      <c r="EO27" s="330">
        <v>392131</v>
      </c>
      <c r="EP27" s="326">
        <v>0</v>
      </c>
      <c r="EQ27" s="327">
        <v>0</v>
      </c>
      <c r="ER27" s="331">
        <v>0</v>
      </c>
      <c r="ES27" s="332">
        <v>0</v>
      </c>
      <c r="ET27" s="327">
        <v>0</v>
      </c>
      <c r="EU27" s="327">
        <v>0</v>
      </c>
      <c r="EV27" s="327">
        <v>0</v>
      </c>
      <c r="EW27" s="327">
        <v>0</v>
      </c>
      <c r="EX27" s="327">
        <v>0</v>
      </c>
      <c r="EY27" s="328">
        <v>0</v>
      </c>
      <c r="EZ27" s="330">
        <v>0</v>
      </c>
      <c r="FA27" s="326">
        <v>0</v>
      </c>
      <c r="FB27" s="327">
        <v>0</v>
      </c>
      <c r="FC27" s="331">
        <v>0</v>
      </c>
      <c r="FD27" s="332">
        <v>0</v>
      </c>
      <c r="FE27" s="327">
        <v>0</v>
      </c>
      <c r="FF27" s="327">
        <v>0</v>
      </c>
      <c r="FG27" s="327">
        <v>0</v>
      </c>
      <c r="FH27" s="327">
        <v>0</v>
      </c>
      <c r="FI27" s="327">
        <v>0</v>
      </c>
      <c r="FJ27" s="328">
        <v>0</v>
      </c>
      <c r="FK27" s="330">
        <v>0</v>
      </c>
      <c r="FL27" s="326">
        <v>312589</v>
      </c>
      <c r="FM27" s="327">
        <v>1306088</v>
      </c>
      <c r="FN27" s="328">
        <v>1618677</v>
      </c>
      <c r="FO27" s="326">
        <v>0</v>
      </c>
      <c r="FP27" s="327">
        <v>2841374</v>
      </c>
      <c r="FQ27" s="327">
        <v>3327099</v>
      </c>
      <c r="FR27" s="327">
        <v>2054201</v>
      </c>
      <c r="FS27" s="327">
        <v>2618491</v>
      </c>
      <c r="FT27" s="327">
        <v>1408673</v>
      </c>
      <c r="FU27" s="328">
        <v>12249838</v>
      </c>
      <c r="FV27" s="330">
        <v>13868515</v>
      </c>
      <c r="FW27" s="333">
        <v>298234</v>
      </c>
      <c r="FX27" s="327">
        <v>1078946</v>
      </c>
      <c r="FY27" s="331">
        <v>1377180</v>
      </c>
      <c r="FZ27" s="332">
        <v>0</v>
      </c>
      <c r="GA27" s="327">
        <v>1929964</v>
      </c>
      <c r="GB27" s="327">
        <v>3145155</v>
      </c>
      <c r="GC27" s="327">
        <v>1894201</v>
      </c>
      <c r="GD27" s="327">
        <v>2388118</v>
      </c>
      <c r="GE27" s="327">
        <v>1379633</v>
      </c>
      <c r="GF27" s="328">
        <v>10737071</v>
      </c>
      <c r="GG27" s="334">
        <v>12114251</v>
      </c>
      <c r="GH27" s="333">
        <v>0</v>
      </c>
      <c r="GI27" s="327">
        <v>136242</v>
      </c>
      <c r="GJ27" s="331">
        <v>136242</v>
      </c>
      <c r="GK27" s="332">
        <v>0</v>
      </c>
      <c r="GL27" s="327">
        <v>251760</v>
      </c>
      <c r="GM27" s="327">
        <v>31500</v>
      </c>
      <c r="GN27" s="327">
        <v>0</v>
      </c>
      <c r="GO27" s="327">
        <v>101673</v>
      </c>
      <c r="GP27" s="327">
        <v>29040</v>
      </c>
      <c r="GQ27" s="328">
        <v>413973</v>
      </c>
      <c r="GR27" s="330">
        <v>550215</v>
      </c>
      <c r="GS27" s="326">
        <v>14355</v>
      </c>
      <c r="GT27" s="327">
        <v>90900</v>
      </c>
      <c r="GU27" s="328">
        <v>105255</v>
      </c>
      <c r="GV27" s="326">
        <v>0</v>
      </c>
      <c r="GW27" s="327">
        <v>659650</v>
      </c>
      <c r="GX27" s="327">
        <v>150444</v>
      </c>
      <c r="GY27" s="327">
        <v>160000</v>
      </c>
      <c r="GZ27" s="327">
        <v>128700</v>
      </c>
      <c r="HA27" s="327">
        <v>0</v>
      </c>
      <c r="HB27" s="331">
        <v>1098794</v>
      </c>
      <c r="HC27" s="330">
        <v>1204049</v>
      </c>
      <c r="HD27" s="326">
        <v>470309</v>
      </c>
      <c r="HE27" s="327">
        <v>813280</v>
      </c>
      <c r="HF27" s="331">
        <v>1283589</v>
      </c>
      <c r="HG27" s="332">
        <v>0</v>
      </c>
      <c r="HH27" s="327">
        <v>6035058</v>
      </c>
      <c r="HI27" s="327">
        <v>4283715</v>
      </c>
      <c r="HJ27" s="327">
        <v>4666468</v>
      </c>
      <c r="HK27" s="327">
        <v>6497849</v>
      </c>
      <c r="HL27" s="327">
        <v>3059073</v>
      </c>
      <c r="HM27" s="328">
        <v>24542163</v>
      </c>
      <c r="HN27" s="329">
        <v>25825752</v>
      </c>
      <c r="HO27" s="333">
        <v>300723</v>
      </c>
      <c r="HP27" s="327">
        <v>798954</v>
      </c>
      <c r="HQ27" s="328">
        <v>1099677</v>
      </c>
      <c r="HR27" s="326">
        <v>0</v>
      </c>
      <c r="HS27" s="327">
        <v>5256801</v>
      </c>
      <c r="HT27" s="327">
        <v>4906444</v>
      </c>
      <c r="HU27" s="327">
        <v>2974484</v>
      </c>
      <c r="HV27" s="327">
        <v>2134607</v>
      </c>
      <c r="HW27" s="327">
        <v>1081660</v>
      </c>
      <c r="HX27" s="331">
        <v>16353996</v>
      </c>
      <c r="HY27" s="330">
        <v>17453673</v>
      </c>
      <c r="HZ27" s="335">
        <v>156596</v>
      </c>
      <c r="IA27" s="336">
        <v>531117</v>
      </c>
      <c r="IB27" s="337">
        <v>687713</v>
      </c>
      <c r="IC27" s="338">
        <v>0</v>
      </c>
      <c r="ID27" s="336">
        <v>11469861</v>
      </c>
      <c r="IE27" s="339">
        <v>17880220</v>
      </c>
      <c r="IF27" s="337">
        <v>15786009</v>
      </c>
      <c r="IG27" s="336">
        <v>15852648</v>
      </c>
      <c r="IH27" s="337">
        <v>8009371</v>
      </c>
      <c r="II27" s="340">
        <v>68998109</v>
      </c>
      <c r="IJ27" s="341">
        <v>69685822</v>
      </c>
      <c r="IK27" s="342">
        <v>0</v>
      </c>
      <c r="IL27" s="343">
        <v>0</v>
      </c>
      <c r="IM27" s="344">
        <v>0</v>
      </c>
      <c r="IN27" s="404">
        <v>0</v>
      </c>
      <c r="IO27" s="345">
        <v>0</v>
      </c>
      <c r="IP27" s="345">
        <v>538199</v>
      </c>
      <c r="IQ27" s="345">
        <v>970163</v>
      </c>
      <c r="IR27" s="345">
        <v>830585</v>
      </c>
      <c r="IS27" s="345">
        <v>0</v>
      </c>
      <c r="IT27" s="346">
        <v>2338947</v>
      </c>
      <c r="IU27" s="347">
        <v>2338947</v>
      </c>
      <c r="IV27" s="348">
        <v>0</v>
      </c>
      <c r="IW27" s="345">
        <v>0</v>
      </c>
      <c r="IX27" s="349">
        <v>0</v>
      </c>
      <c r="IY27" s="413">
        <v>0</v>
      </c>
      <c r="IZ27" s="345">
        <v>0</v>
      </c>
      <c r="JA27" s="345">
        <v>0</v>
      </c>
      <c r="JB27" s="345">
        <v>0</v>
      </c>
      <c r="JC27" s="345">
        <v>0</v>
      </c>
      <c r="JD27" s="345">
        <v>0</v>
      </c>
      <c r="JE27" s="349">
        <v>0</v>
      </c>
      <c r="JF27" s="350">
        <v>0</v>
      </c>
      <c r="JG27" s="348">
        <v>0</v>
      </c>
      <c r="JH27" s="345">
        <v>0</v>
      </c>
      <c r="JI27" s="346">
        <v>0</v>
      </c>
      <c r="JJ27" s="351">
        <v>0</v>
      </c>
      <c r="JK27" s="345">
        <v>6162406</v>
      </c>
      <c r="JL27" s="345">
        <v>7814682</v>
      </c>
      <c r="JM27" s="345">
        <v>4604813</v>
      </c>
      <c r="JN27" s="345">
        <v>3344803</v>
      </c>
      <c r="JO27" s="345">
        <v>935598</v>
      </c>
      <c r="JP27" s="349">
        <v>22862302</v>
      </c>
      <c r="JQ27" s="347">
        <v>22862302</v>
      </c>
      <c r="JR27" s="348">
        <v>0</v>
      </c>
      <c r="JS27" s="345">
        <v>0</v>
      </c>
      <c r="JT27" s="346">
        <v>0</v>
      </c>
      <c r="JU27" s="351">
        <v>0</v>
      </c>
      <c r="JV27" s="345">
        <v>198819</v>
      </c>
      <c r="JW27" s="345">
        <v>149961</v>
      </c>
      <c r="JX27" s="345">
        <v>958908</v>
      </c>
      <c r="JY27" s="345">
        <v>640332</v>
      </c>
      <c r="JZ27" s="345">
        <v>111410</v>
      </c>
      <c r="KA27" s="349">
        <v>2059430</v>
      </c>
      <c r="KB27" s="347">
        <v>2059430</v>
      </c>
      <c r="KC27" s="352">
        <v>156596</v>
      </c>
      <c r="KD27" s="353">
        <v>531117</v>
      </c>
      <c r="KE27" s="349">
        <v>687713</v>
      </c>
      <c r="KF27" s="351">
        <v>0</v>
      </c>
      <c r="KG27" s="345">
        <v>2701533</v>
      </c>
      <c r="KH27" s="345">
        <v>4167238</v>
      </c>
      <c r="KI27" s="345">
        <v>3214579</v>
      </c>
      <c r="KJ27" s="345">
        <v>2607177</v>
      </c>
      <c r="KK27" s="345">
        <v>2379515</v>
      </c>
      <c r="KL27" s="349">
        <v>15070042</v>
      </c>
      <c r="KM27" s="354">
        <v>15757755</v>
      </c>
      <c r="KN27" s="342">
        <v>0</v>
      </c>
      <c r="KO27" s="343">
        <v>0</v>
      </c>
      <c r="KP27" s="344">
        <v>0</v>
      </c>
      <c r="KQ27" s="413">
        <v>0</v>
      </c>
      <c r="KR27" s="345">
        <v>2407103</v>
      </c>
      <c r="KS27" s="345">
        <v>4701328</v>
      </c>
      <c r="KT27" s="345">
        <v>4271525</v>
      </c>
      <c r="KU27" s="345">
        <v>4416398</v>
      </c>
      <c r="KV27" s="345">
        <v>1831111</v>
      </c>
      <c r="KW27" s="349">
        <v>17627465</v>
      </c>
      <c r="KX27" s="347">
        <v>17627465</v>
      </c>
      <c r="KY27" s="348">
        <v>0</v>
      </c>
      <c r="KZ27" s="345">
        <v>0</v>
      </c>
      <c r="LA27" s="349">
        <v>0</v>
      </c>
      <c r="LB27" s="413">
        <v>0</v>
      </c>
      <c r="LC27" s="345">
        <v>0</v>
      </c>
      <c r="LD27" s="345">
        <v>0</v>
      </c>
      <c r="LE27" s="345">
        <v>0</v>
      </c>
      <c r="LF27" s="345">
        <v>0</v>
      </c>
      <c r="LG27" s="345">
        <v>0</v>
      </c>
      <c r="LH27" s="349">
        <v>0</v>
      </c>
      <c r="LI27" s="350">
        <v>0</v>
      </c>
      <c r="LJ27" s="348">
        <v>0</v>
      </c>
      <c r="LK27" s="345">
        <v>0</v>
      </c>
      <c r="LL27" s="349">
        <v>0</v>
      </c>
      <c r="LM27" s="413">
        <v>0</v>
      </c>
      <c r="LN27" s="345">
        <v>0</v>
      </c>
      <c r="LO27" s="345">
        <v>508812</v>
      </c>
      <c r="LP27" s="345">
        <v>1766021</v>
      </c>
      <c r="LQ27" s="345">
        <v>4013353</v>
      </c>
      <c r="LR27" s="345">
        <v>2751737</v>
      </c>
      <c r="LS27" s="349">
        <v>9039923</v>
      </c>
      <c r="LT27" s="347">
        <v>9039923</v>
      </c>
      <c r="LU27" s="348">
        <v>0</v>
      </c>
      <c r="LV27" s="345">
        <v>0</v>
      </c>
      <c r="LW27" s="349">
        <v>0</v>
      </c>
      <c r="LX27" s="413">
        <v>0</v>
      </c>
      <c r="LY27" s="345">
        <v>0</v>
      </c>
      <c r="LZ27" s="345">
        <v>0</v>
      </c>
      <c r="MA27" s="345">
        <v>0</v>
      </c>
      <c r="MB27" s="345">
        <v>0</v>
      </c>
      <c r="MC27" s="345">
        <v>0</v>
      </c>
      <c r="MD27" s="349">
        <v>0</v>
      </c>
      <c r="ME27" s="350">
        <v>0</v>
      </c>
      <c r="MF27" s="348">
        <v>0</v>
      </c>
      <c r="MG27" s="345">
        <v>0</v>
      </c>
      <c r="MH27" s="349">
        <v>0</v>
      </c>
      <c r="MI27" s="413">
        <v>0</v>
      </c>
      <c r="MJ27" s="345">
        <v>3186945</v>
      </c>
      <c r="MK27" s="345">
        <v>8682689</v>
      </c>
      <c r="ML27" s="345">
        <v>22482589</v>
      </c>
      <c r="MM27" s="345">
        <v>40844311</v>
      </c>
      <c r="MN27" s="345">
        <v>21338602</v>
      </c>
      <c r="MO27" s="349">
        <v>96535136</v>
      </c>
      <c r="MP27" s="354">
        <v>96535136</v>
      </c>
      <c r="MQ27" s="348">
        <v>0</v>
      </c>
      <c r="MR27" s="345">
        <v>0</v>
      </c>
      <c r="MS27" s="349">
        <v>0</v>
      </c>
      <c r="MT27" s="413">
        <v>0</v>
      </c>
      <c r="MU27" s="345">
        <v>434788</v>
      </c>
      <c r="MV27" s="345">
        <v>1351210</v>
      </c>
      <c r="MW27" s="345">
        <v>12006143</v>
      </c>
      <c r="MX27" s="345">
        <v>19994434</v>
      </c>
      <c r="MY27" s="345">
        <v>10204884</v>
      </c>
      <c r="MZ27" s="349">
        <v>43991459</v>
      </c>
      <c r="NA27" s="354">
        <v>43991459</v>
      </c>
      <c r="NB27" s="348">
        <v>0</v>
      </c>
      <c r="NC27" s="345">
        <v>0</v>
      </c>
      <c r="ND27" s="349">
        <v>0</v>
      </c>
      <c r="NE27" s="413">
        <v>0</v>
      </c>
      <c r="NF27" s="345">
        <v>2752157</v>
      </c>
      <c r="NG27" s="345">
        <v>7331479</v>
      </c>
      <c r="NH27" s="345">
        <v>10076612</v>
      </c>
      <c r="NI27" s="345">
        <v>19009220</v>
      </c>
      <c r="NJ27" s="345">
        <v>8931545</v>
      </c>
      <c r="NK27" s="349">
        <v>48101013</v>
      </c>
      <c r="NL27" s="347">
        <v>48101013</v>
      </c>
      <c r="NM27" s="348">
        <v>0</v>
      </c>
      <c r="NN27" s="345">
        <v>0</v>
      </c>
      <c r="NO27" s="349">
        <v>0</v>
      </c>
      <c r="NP27" s="413">
        <v>0</v>
      </c>
      <c r="NQ27" s="345">
        <v>0</v>
      </c>
      <c r="NR27" s="345">
        <v>0</v>
      </c>
      <c r="NS27" s="345">
        <v>0</v>
      </c>
      <c r="NT27" s="345">
        <v>0</v>
      </c>
      <c r="NU27" s="345">
        <v>0</v>
      </c>
      <c r="NV27" s="349">
        <v>0</v>
      </c>
      <c r="NW27" s="350">
        <v>0</v>
      </c>
      <c r="NX27" s="348">
        <v>0</v>
      </c>
      <c r="NY27" s="345">
        <v>0</v>
      </c>
      <c r="NZ27" s="349">
        <v>0</v>
      </c>
      <c r="OA27" s="413">
        <v>0</v>
      </c>
      <c r="OB27" s="345">
        <v>0</v>
      </c>
      <c r="OC27" s="345">
        <v>0</v>
      </c>
      <c r="OD27" s="345">
        <v>399834</v>
      </c>
      <c r="OE27" s="345">
        <v>1840657</v>
      </c>
      <c r="OF27" s="345">
        <v>2202173</v>
      </c>
      <c r="OG27" s="349">
        <v>4442664</v>
      </c>
      <c r="OH27" s="350">
        <v>4442664</v>
      </c>
      <c r="OI27" s="348">
        <v>1647556</v>
      </c>
      <c r="OJ27" s="345">
        <v>4353260</v>
      </c>
      <c r="OK27" s="346">
        <v>6000816</v>
      </c>
      <c r="OL27" s="351">
        <v>0</v>
      </c>
      <c r="OM27" s="345">
        <v>42059762</v>
      </c>
      <c r="ON27" s="345">
        <v>60888371</v>
      </c>
      <c r="OO27" s="345">
        <v>64073056</v>
      </c>
      <c r="OP27" s="345">
        <v>85858574</v>
      </c>
      <c r="OQ27" s="345">
        <v>48084293</v>
      </c>
      <c r="OR27" s="349">
        <v>300964056</v>
      </c>
      <c r="OS27" s="354">
        <v>306964872</v>
      </c>
    </row>
    <row r="28" spans="2:409" s="70" customFormat="1" ht="21" customHeight="1" x14ac:dyDescent="0.2">
      <c r="B28" s="410" t="s">
        <v>23</v>
      </c>
      <c r="C28" s="326">
        <v>4026744</v>
      </c>
      <c r="D28" s="327">
        <v>7852420</v>
      </c>
      <c r="E28" s="328">
        <v>11879164</v>
      </c>
      <c r="F28" s="329">
        <v>0</v>
      </c>
      <c r="G28" s="327">
        <v>52560974</v>
      </c>
      <c r="H28" s="327">
        <v>68749671</v>
      </c>
      <c r="I28" s="327">
        <v>50339504</v>
      </c>
      <c r="J28" s="327">
        <v>54952375</v>
      </c>
      <c r="K28" s="327">
        <v>36159380</v>
      </c>
      <c r="L28" s="367">
        <v>262761904</v>
      </c>
      <c r="M28" s="330">
        <v>274641068</v>
      </c>
      <c r="N28" s="326">
        <v>1381738</v>
      </c>
      <c r="O28" s="327">
        <v>2803176</v>
      </c>
      <c r="P28" s="328">
        <v>4184914</v>
      </c>
      <c r="Q28" s="326">
        <v>0</v>
      </c>
      <c r="R28" s="327">
        <v>12002110</v>
      </c>
      <c r="S28" s="327">
        <v>19234381</v>
      </c>
      <c r="T28" s="327">
        <v>13018932</v>
      </c>
      <c r="U28" s="327">
        <v>19460266</v>
      </c>
      <c r="V28" s="327">
        <v>17647685</v>
      </c>
      <c r="W28" s="328">
        <v>81363374</v>
      </c>
      <c r="X28" s="330">
        <v>85548288</v>
      </c>
      <c r="Y28" s="326">
        <v>0</v>
      </c>
      <c r="Z28" s="327">
        <v>0</v>
      </c>
      <c r="AA28" s="328">
        <v>0</v>
      </c>
      <c r="AB28" s="326">
        <v>0</v>
      </c>
      <c r="AC28" s="327">
        <v>5441051</v>
      </c>
      <c r="AD28" s="327">
        <v>7591984</v>
      </c>
      <c r="AE28" s="327">
        <v>6366981</v>
      </c>
      <c r="AF28" s="327">
        <v>10845566</v>
      </c>
      <c r="AG28" s="327">
        <v>10758976</v>
      </c>
      <c r="AH28" s="328">
        <v>41004558</v>
      </c>
      <c r="AI28" s="330">
        <v>41004558</v>
      </c>
      <c r="AJ28" s="326">
        <v>0</v>
      </c>
      <c r="AK28" s="327">
        <v>0</v>
      </c>
      <c r="AL28" s="328">
        <v>0</v>
      </c>
      <c r="AM28" s="326">
        <v>0</v>
      </c>
      <c r="AN28" s="327">
        <v>0</v>
      </c>
      <c r="AO28" s="327">
        <v>309914</v>
      </c>
      <c r="AP28" s="327">
        <v>322928</v>
      </c>
      <c r="AQ28" s="327">
        <v>1539178</v>
      </c>
      <c r="AR28" s="327">
        <v>1902993</v>
      </c>
      <c r="AS28" s="328">
        <v>4075013</v>
      </c>
      <c r="AT28" s="330">
        <v>4075013</v>
      </c>
      <c r="AU28" s="326">
        <v>901727</v>
      </c>
      <c r="AV28" s="327">
        <v>2197269</v>
      </c>
      <c r="AW28" s="328">
        <v>3098996</v>
      </c>
      <c r="AX28" s="326">
        <v>0</v>
      </c>
      <c r="AY28" s="327">
        <v>3708872</v>
      </c>
      <c r="AZ28" s="327">
        <v>8139723</v>
      </c>
      <c r="BA28" s="327">
        <v>3814633</v>
      </c>
      <c r="BB28" s="327">
        <v>4031977</v>
      </c>
      <c r="BC28" s="327">
        <v>3025794</v>
      </c>
      <c r="BD28" s="328">
        <v>22720999</v>
      </c>
      <c r="BE28" s="330">
        <v>25819995</v>
      </c>
      <c r="BF28" s="326">
        <v>111919</v>
      </c>
      <c r="BG28" s="327">
        <v>447760</v>
      </c>
      <c r="BH28" s="331">
        <v>559679</v>
      </c>
      <c r="BI28" s="332">
        <v>0</v>
      </c>
      <c r="BJ28" s="327">
        <v>317407</v>
      </c>
      <c r="BK28" s="327">
        <v>647020</v>
      </c>
      <c r="BL28" s="327">
        <v>494962</v>
      </c>
      <c r="BM28" s="327">
        <v>279682</v>
      </c>
      <c r="BN28" s="327">
        <v>67748</v>
      </c>
      <c r="BO28" s="328">
        <v>1806819</v>
      </c>
      <c r="BP28" s="330">
        <v>2366498</v>
      </c>
      <c r="BQ28" s="326">
        <v>368092</v>
      </c>
      <c r="BR28" s="327">
        <v>158147</v>
      </c>
      <c r="BS28" s="328">
        <v>526239</v>
      </c>
      <c r="BT28" s="326">
        <v>0</v>
      </c>
      <c r="BU28" s="327">
        <v>2534780</v>
      </c>
      <c r="BV28" s="327">
        <v>2545740</v>
      </c>
      <c r="BW28" s="327">
        <v>2019428</v>
      </c>
      <c r="BX28" s="327">
        <v>2763863</v>
      </c>
      <c r="BY28" s="327">
        <v>1892174</v>
      </c>
      <c r="BZ28" s="328">
        <v>11755985</v>
      </c>
      <c r="CA28" s="330">
        <v>12282224</v>
      </c>
      <c r="CB28" s="326">
        <v>56200</v>
      </c>
      <c r="CC28" s="327">
        <v>520573</v>
      </c>
      <c r="CD28" s="328">
        <v>576773</v>
      </c>
      <c r="CE28" s="326">
        <v>0</v>
      </c>
      <c r="CF28" s="327">
        <v>16868399</v>
      </c>
      <c r="CG28" s="327">
        <v>22643598</v>
      </c>
      <c r="CH28" s="327">
        <v>15678707</v>
      </c>
      <c r="CI28" s="327">
        <v>10666505</v>
      </c>
      <c r="CJ28" s="327">
        <v>4010166</v>
      </c>
      <c r="CK28" s="328">
        <v>69867375</v>
      </c>
      <c r="CL28" s="330">
        <v>70444148</v>
      </c>
      <c r="CM28" s="326">
        <v>0</v>
      </c>
      <c r="CN28" s="327">
        <v>0</v>
      </c>
      <c r="CO28" s="328">
        <v>0</v>
      </c>
      <c r="CP28" s="332">
        <v>0</v>
      </c>
      <c r="CQ28" s="327">
        <v>14736937</v>
      </c>
      <c r="CR28" s="327">
        <v>19087859</v>
      </c>
      <c r="CS28" s="327">
        <v>13270102</v>
      </c>
      <c r="CT28" s="327">
        <v>8074610</v>
      </c>
      <c r="CU28" s="327">
        <v>3602896</v>
      </c>
      <c r="CV28" s="328">
        <v>58772404</v>
      </c>
      <c r="CW28" s="330">
        <v>58772404</v>
      </c>
      <c r="CX28" s="326">
        <v>56200</v>
      </c>
      <c r="CY28" s="327">
        <v>520573</v>
      </c>
      <c r="CZ28" s="328">
        <v>576773</v>
      </c>
      <c r="DA28" s="326">
        <v>0</v>
      </c>
      <c r="DB28" s="327">
        <v>2131462</v>
      </c>
      <c r="DC28" s="327">
        <v>3555739</v>
      </c>
      <c r="DD28" s="327">
        <v>2408605</v>
      </c>
      <c r="DE28" s="327">
        <v>2591895</v>
      </c>
      <c r="DF28" s="327">
        <v>407270</v>
      </c>
      <c r="DG28" s="328">
        <v>11094971</v>
      </c>
      <c r="DH28" s="330">
        <v>11671744</v>
      </c>
      <c r="DI28" s="326">
        <v>35102</v>
      </c>
      <c r="DJ28" s="327">
        <v>66654</v>
      </c>
      <c r="DK28" s="331">
        <v>101756</v>
      </c>
      <c r="DL28" s="332">
        <v>0</v>
      </c>
      <c r="DM28" s="327">
        <v>2456988</v>
      </c>
      <c r="DN28" s="327">
        <v>2791378</v>
      </c>
      <c r="DO28" s="327">
        <v>4620464</v>
      </c>
      <c r="DP28" s="327">
        <v>4680433</v>
      </c>
      <c r="DQ28" s="327">
        <v>1696926</v>
      </c>
      <c r="DR28" s="328">
        <v>16246189</v>
      </c>
      <c r="DS28" s="330">
        <v>16347945</v>
      </c>
      <c r="DT28" s="326">
        <v>35102</v>
      </c>
      <c r="DU28" s="327">
        <v>66654</v>
      </c>
      <c r="DV28" s="328">
        <v>101756</v>
      </c>
      <c r="DW28" s="326">
        <v>0</v>
      </c>
      <c r="DX28" s="327">
        <v>2426784</v>
      </c>
      <c r="DY28" s="327">
        <v>2717756</v>
      </c>
      <c r="DZ28" s="327">
        <v>4573575</v>
      </c>
      <c r="EA28" s="327">
        <v>4377779</v>
      </c>
      <c r="EB28" s="327">
        <v>1382675</v>
      </c>
      <c r="EC28" s="328">
        <v>15478569</v>
      </c>
      <c r="ED28" s="330">
        <v>15580325</v>
      </c>
      <c r="EE28" s="326">
        <v>0</v>
      </c>
      <c r="EF28" s="331">
        <v>0</v>
      </c>
      <c r="EG28" s="328">
        <v>0</v>
      </c>
      <c r="EH28" s="326">
        <v>0</v>
      </c>
      <c r="EI28" s="327">
        <v>30204</v>
      </c>
      <c r="EJ28" s="327">
        <v>73622</v>
      </c>
      <c r="EK28" s="327">
        <v>46889</v>
      </c>
      <c r="EL28" s="327">
        <v>302654</v>
      </c>
      <c r="EM28" s="327">
        <v>314251</v>
      </c>
      <c r="EN28" s="331">
        <v>767620</v>
      </c>
      <c r="EO28" s="330">
        <v>767620</v>
      </c>
      <c r="EP28" s="326">
        <v>0</v>
      </c>
      <c r="EQ28" s="327">
        <v>0</v>
      </c>
      <c r="ER28" s="331">
        <v>0</v>
      </c>
      <c r="ES28" s="332">
        <v>0</v>
      </c>
      <c r="ET28" s="327">
        <v>0</v>
      </c>
      <c r="EU28" s="327">
        <v>0</v>
      </c>
      <c r="EV28" s="327">
        <v>0</v>
      </c>
      <c r="EW28" s="327">
        <v>0</v>
      </c>
      <c r="EX28" s="327">
        <v>0</v>
      </c>
      <c r="EY28" s="328">
        <v>0</v>
      </c>
      <c r="EZ28" s="330">
        <v>0</v>
      </c>
      <c r="FA28" s="326">
        <v>0</v>
      </c>
      <c r="FB28" s="327">
        <v>0</v>
      </c>
      <c r="FC28" s="331">
        <v>0</v>
      </c>
      <c r="FD28" s="332">
        <v>0</v>
      </c>
      <c r="FE28" s="327">
        <v>0</v>
      </c>
      <c r="FF28" s="327">
        <v>0</v>
      </c>
      <c r="FG28" s="327">
        <v>0</v>
      </c>
      <c r="FH28" s="327">
        <v>0</v>
      </c>
      <c r="FI28" s="327">
        <v>0</v>
      </c>
      <c r="FJ28" s="328">
        <v>0</v>
      </c>
      <c r="FK28" s="330">
        <v>0</v>
      </c>
      <c r="FL28" s="326">
        <v>1345804</v>
      </c>
      <c r="FM28" s="327">
        <v>2600511</v>
      </c>
      <c r="FN28" s="328">
        <v>3946315</v>
      </c>
      <c r="FO28" s="326">
        <v>0</v>
      </c>
      <c r="FP28" s="327">
        <v>2895540</v>
      </c>
      <c r="FQ28" s="327">
        <v>7047511</v>
      </c>
      <c r="FR28" s="327">
        <v>3671811</v>
      </c>
      <c r="FS28" s="327">
        <v>4020554</v>
      </c>
      <c r="FT28" s="327">
        <v>2063550</v>
      </c>
      <c r="FU28" s="328">
        <v>19698966</v>
      </c>
      <c r="FV28" s="330">
        <v>23645281</v>
      </c>
      <c r="FW28" s="333">
        <v>585318</v>
      </c>
      <c r="FX28" s="327">
        <v>1944421</v>
      </c>
      <c r="FY28" s="331">
        <v>2529739</v>
      </c>
      <c r="FZ28" s="332">
        <v>0</v>
      </c>
      <c r="GA28" s="327">
        <v>2238537</v>
      </c>
      <c r="GB28" s="327">
        <v>5937955</v>
      </c>
      <c r="GC28" s="327">
        <v>3518856</v>
      </c>
      <c r="GD28" s="327">
        <v>3594674</v>
      </c>
      <c r="GE28" s="327">
        <v>2038800</v>
      </c>
      <c r="GF28" s="328">
        <v>17328822</v>
      </c>
      <c r="GG28" s="334">
        <v>19858561</v>
      </c>
      <c r="GH28" s="333">
        <v>77490</v>
      </c>
      <c r="GI28" s="327">
        <v>198350</v>
      </c>
      <c r="GJ28" s="331">
        <v>275840</v>
      </c>
      <c r="GK28" s="332">
        <v>0</v>
      </c>
      <c r="GL28" s="327">
        <v>248853</v>
      </c>
      <c r="GM28" s="327">
        <v>161085</v>
      </c>
      <c r="GN28" s="327">
        <v>125055</v>
      </c>
      <c r="GO28" s="327">
        <v>174960</v>
      </c>
      <c r="GP28" s="327">
        <v>24750</v>
      </c>
      <c r="GQ28" s="328">
        <v>734703</v>
      </c>
      <c r="GR28" s="330">
        <v>1010543</v>
      </c>
      <c r="GS28" s="326">
        <v>682996</v>
      </c>
      <c r="GT28" s="327">
        <v>457740</v>
      </c>
      <c r="GU28" s="328">
        <v>1140736</v>
      </c>
      <c r="GV28" s="326">
        <v>0</v>
      </c>
      <c r="GW28" s="327">
        <v>408150</v>
      </c>
      <c r="GX28" s="327">
        <v>948471</v>
      </c>
      <c r="GY28" s="327">
        <v>27900</v>
      </c>
      <c r="GZ28" s="327">
        <v>250920</v>
      </c>
      <c r="HA28" s="327">
        <v>0</v>
      </c>
      <c r="HB28" s="331">
        <v>1635441</v>
      </c>
      <c r="HC28" s="330">
        <v>2776177</v>
      </c>
      <c r="HD28" s="326">
        <v>556344</v>
      </c>
      <c r="HE28" s="327">
        <v>425385</v>
      </c>
      <c r="HF28" s="331">
        <v>981729</v>
      </c>
      <c r="HG28" s="332">
        <v>0</v>
      </c>
      <c r="HH28" s="327">
        <v>10328959</v>
      </c>
      <c r="HI28" s="327">
        <v>8333153</v>
      </c>
      <c r="HJ28" s="327">
        <v>8182153</v>
      </c>
      <c r="HK28" s="327">
        <v>11891027</v>
      </c>
      <c r="HL28" s="327">
        <v>8851213</v>
      </c>
      <c r="HM28" s="328">
        <v>47586505</v>
      </c>
      <c r="HN28" s="329">
        <v>48568234</v>
      </c>
      <c r="HO28" s="333">
        <v>651556</v>
      </c>
      <c r="HP28" s="327">
        <v>1436121</v>
      </c>
      <c r="HQ28" s="328">
        <v>2087677</v>
      </c>
      <c r="HR28" s="326">
        <v>0</v>
      </c>
      <c r="HS28" s="327">
        <v>8008978</v>
      </c>
      <c r="HT28" s="327">
        <v>8699650</v>
      </c>
      <c r="HU28" s="327">
        <v>5167437</v>
      </c>
      <c r="HV28" s="327">
        <v>4233590</v>
      </c>
      <c r="HW28" s="327">
        <v>1889840</v>
      </c>
      <c r="HX28" s="331">
        <v>27999495</v>
      </c>
      <c r="HY28" s="330">
        <v>30087172</v>
      </c>
      <c r="HZ28" s="358">
        <v>0</v>
      </c>
      <c r="IA28" s="356">
        <v>0</v>
      </c>
      <c r="IB28" s="358">
        <v>0</v>
      </c>
      <c r="IC28" s="355">
        <v>0</v>
      </c>
      <c r="ID28" s="356">
        <v>13667031</v>
      </c>
      <c r="IE28" s="357">
        <v>9362074</v>
      </c>
      <c r="IF28" s="358">
        <v>10966609</v>
      </c>
      <c r="IG28" s="356">
        <v>10048827</v>
      </c>
      <c r="IH28" s="358">
        <v>5708622</v>
      </c>
      <c r="II28" s="359">
        <v>49753163</v>
      </c>
      <c r="IJ28" s="358">
        <v>49753163</v>
      </c>
      <c r="IK28" s="342">
        <v>0</v>
      </c>
      <c r="IL28" s="343">
        <v>0</v>
      </c>
      <c r="IM28" s="344">
        <v>0</v>
      </c>
      <c r="IN28" s="404">
        <v>0</v>
      </c>
      <c r="IO28" s="345">
        <v>0</v>
      </c>
      <c r="IP28" s="345">
        <v>0</v>
      </c>
      <c r="IQ28" s="345">
        <v>0</v>
      </c>
      <c r="IR28" s="345">
        <v>192135</v>
      </c>
      <c r="IS28" s="345">
        <v>273972</v>
      </c>
      <c r="IT28" s="346">
        <v>466107</v>
      </c>
      <c r="IU28" s="347">
        <v>466107</v>
      </c>
      <c r="IV28" s="348">
        <v>0</v>
      </c>
      <c r="IW28" s="345">
        <v>0</v>
      </c>
      <c r="IX28" s="349">
        <v>0</v>
      </c>
      <c r="IY28" s="413">
        <v>0</v>
      </c>
      <c r="IZ28" s="345">
        <v>0</v>
      </c>
      <c r="JA28" s="345">
        <v>0</v>
      </c>
      <c r="JB28" s="345">
        <v>0</v>
      </c>
      <c r="JC28" s="345">
        <v>0</v>
      </c>
      <c r="JD28" s="345">
        <v>0</v>
      </c>
      <c r="JE28" s="349">
        <v>0</v>
      </c>
      <c r="JF28" s="350">
        <v>0</v>
      </c>
      <c r="JG28" s="348">
        <v>0</v>
      </c>
      <c r="JH28" s="345">
        <v>0</v>
      </c>
      <c r="JI28" s="346">
        <v>0</v>
      </c>
      <c r="JJ28" s="351">
        <v>0</v>
      </c>
      <c r="JK28" s="345">
        <v>3229350</v>
      </c>
      <c r="JL28" s="345">
        <v>3296655</v>
      </c>
      <c r="JM28" s="345">
        <v>2746580</v>
      </c>
      <c r="JN28" s="345">
        <v>2556221</v>
      </c>
      <c r="JO28" s="345">
        <v>1563424</v>
      </c>
      <c r="JP28" s="349">
        <v>13392230</v>
      </c>
      <c r="JQ28" s="347">
        <v>13392230</v>
      </c>
      <c r="JR28" s="348">
        <v>0</v>
      </c>
      <c r="JS28" s="345">
        <v>0</v>
      </c>
      <c r="JT28" s="346">
        <v>0</v>
      </c>
      <c r="JU28" s="351">
        <v>0</v>
      </c>
      <c r="JV28" s="345">
        <v>0</v>
      </c>
      <c r="JW28" s="345">
        <v>0</v>
      </c>
      <c r="JX28" s="345">
        <v>392037</v>
      </c>
      <c r="JY28" s="345">
        <v>627015</v>
      </c>
      <c r="JZ28" s="345">
        <v>0</v>
      </c>
      <c r="KA28" s="349">
        <v>1019052</v>
      </c>
      <c r="KB28" s="347">
        <v>1019052</v>
      </c>
      <c r="KC28" s="352">
        <v>0</v>
      </c>
      <c r="KD28" s="353">
        <v>0</v>
      </c>
      <c r="KE28" s="349">
        <v>0</v>
      </c>
      <c r="KF28" s="351">
        <v>0</v>
      </c>
      <c r="KG28" s="345">
        <v>649030</v>
      </c>
      <c r="KH28" s="345">
        <v>376816</v>
      </c>
      <c r="KI28" s="345">
        <v>1365118</v>
      </c>
      <c r="KJ28" s="345">
        <v>0</v>
      </c>
      <c r="KK28" s="345">
        <v>882226</v>
      </c>
      <c r="KL28" s="349">
        <v>3273190</v>
      </c>
      <c r="KM28" s="354">
        <v>3273190</v>
      </c>
      <c r="KN28" s="342">
        <v>0</v>
      </c>
      <c r="KO28" s="343">
        <v>0</v>
      </c>
      <c r="KP28" s="344">
        <v>0</v>
      </c>
      <c r="KQ28" s="413">
        <v>0</v>
      </c>
      <c r="KR28" s="345">
        <v>9788651</v>
      </c>
      <c r="KS28" s="345">
        <v>5688603</v>
      </c>
      <c r="KT28" s="345">
        <v>6462874</v>
      </c>
      <c r="KU28" s="345">
        <v>6346953</v>
      </c>
      <c r="KV28" s="345">
        <v>2949169</v>
      </c>
      <c r="KW28" s="349">
        <v>31236250</v>
      </c>
      <c r="KX28" s="347">
        <v>31236250</v>
      </c>
      <c r="KY28" s="348">
        <v>0</v>
      </c>
      <c r="KZ28" s="345">
        <v>0</v>
      </c>
      <c r="LA28" s="349">
        <v>0</v>
      </c>
      <c r="LB28" s="413">
        <v>0</v>
      </c>
      <c r="LC28" s="345">
        <v>0</v>
      </c>
      <c r="LD28" s="345">
        <v>0</v>
      </c>
      <c r="LE28" s="345">
        <v>0</v>
      </c>
      <c r="LF28" s="345">
        <v>0</v>
      </c>
      <c r="LG28" s="345">
        <v>0</v>
      </c>
      <c r="LH28" s="349">
        <v>0</v>
      </c>
      <c r="LI28" s="350">
        <v>0</v>
      </c>
      <c r="LJ28" s="348">
        <v>0</v>
      </c>
      <c r="LK28" s="345">
        <v>0</v>
      </c>
      <c r="LL28" s="349">
        <v>0</v>
      </c>
      <c r="LM28" s="413">
        <v>0</v>
      </c>
      <c r="LN28" s="345">
        <v>0</v>
      </c>
      <c r="LO28" s="345">
        <v>0</v>
      </c>
      <c r="LP28" s="345">
        <v>0</v>
      </c>
      <c r="LQ28" s="345">
        <v>0</v>
      </c>
      <c r="LR28" s="345">
        <v>0</v>
      </c>
      <c r="LS28" s="349">
        <v>0</v>
      </c>
      <c r="LT28" s="347">
        <v>0</v>
      </c>
      <c r="LU28" s="348">
        <v>0</v>
      </c>
      <c r="LV28" s="345">
        <v>0</v>
      </c>
      <c r="LW28" s="349">
        <v>0</v>
      </c>
      <c r="LX28" s="413">
        <v>0</v>
      </c>
      <c r="LY28" s="345">
        <v>0</v>
      </c>
      <c r="LZ28" s="345">
        <v>0</v>
      </c>
      <c r="MA28" s="345">
        <v>0</v>
      </c>
      <c r="MB28" s="345">
        <v>326503</v>
      </c>
      <c r="MC28" s="345">
        <v>39831</v>
      </c>
      <c r="MD28" s="349">
        <v>366334</v>
      </c>
      <c r="ME28" s="350">
        <v>366334</v>
      </c>
      <c r="MF28" s="348">
        <v>0</v>
      </c>
      <c r="MG28" s="345">
        <v>0</v>
      </c>
      <c r="MH28" s="349">
        <v>0</v>
      </c>
      <c r="MI28" s="413">
        <v>0</v>
      </c>
      <c r="MJ28" s="345">
        <v>5983201</v>
      </c>
      <c r="MK28" s="345">
        <v>11662009</v>
      </c>
      <c r="ML28" s="345">
        <v>36004913</v>
      </c>
      <c r="MM28" s="345">
        <v>65862303</v>
      </c>
      <c r="MN28" s="345">
        <v>43564376</v>
      </c>
      <c r="MO28" s="349">
        <v>163076802</v>
      </c>
      <c r="MP28" s="354">
        <v>163076802</v>
      </c>
      <c r="MQ28" s="348">
        <v>0</v>
      </c>
      <c r="MR28" s="345">
        <v>0</v>
      </c>
      <c r="MS28" s="349">
        <v>0</v>
      </c>
      <c r="MT28" s="413">
        <v>0</v>
      </c>
      <c r="MU28" s="345">
        <v>803024</v>
      </c>
      <c r="MV28" s="345">
        <v>2856908</v>
      </c>
      <c r="MW28" s="345">
        <v>24900898</v>
      </c>
      <c r="MX28" s="345">
        <v>44078041</v>
      </c>
      <c r="MY28" s="345">
        <v>28754836</v>
      </c>
      <c r="MZ28" s="349">
        <v>101393707</v>
      </c>
      <c r="NA28" s="354">
        <v>101393707</v>
      </c>
      <c r="NB28" s="348">
        <v>0</v>
      </c>
      <c r="NC28" s="345">
        <v>0</v>
      </c>
      <c r="ND28" s="349">
        <v>0</v>
      </c>
      <c r="NE28" s="413">
        <v>0</v>
      </c>
      <c r="NF28" s="345">
        <v>5180177</v>
      </c>
      <c r="NG28" s="345">
        <v>8805101</v>
      </c>
      <c r="NH28" s="345">
        <v>11104015</v>
      </c>
      <c r="NI28" s="345">
        <v>20416270</v>
      </c>
      <c r="NJ28" s="345">
        <v>11017530</v>
      </c>
      <c r="NK28" s="349">
        <v>56523093</v>
      </c>
      <c r="NL28" s="347">
        <v>56523093</v>
      </c>
      <c r="NM28" s="348">
        <v>0</v>
      </c>
      <c r="NN28" s="345">
        <v>0</v>
      </c>
      <c r="NO28" s="349">
        <v>0</v>
      </c>
      <c r="NP28" s="413">
        <v>0</v>
      </c>
      <c r="NQ28" s="345">
        <v>0</v>
      </c>
      <c r="NR28" s="345">
        <v>0</v>
      </c>
      <c r="NS28" s="345">
        <v>0</v>
      </c>
      <c r="NT28" s="345">
        <v>0</v>
      </c>
      <c r="NU28" s="345">
        <v>0</v>
      </c>
      <c r="NV28" s="349">
        <v>0</v>
      </c>
      <c r="NW28" s="350">
        <v>0</v>
      </c>
      <c r="NX28" s="348">
        <v>0</v>
      </c>
      <c r="NY28" s="345">
        <v>0</v>
      </c>
      <c r="NZ28" s="349">
        <v>0</v>
      </c>
      <c r="OA28" s="413">
        <v>0</v>
      </c>
      <c r="OB28" s="345">
        <v>0</v>
      </c>
      <c r="OC28" s="345">
        <v>0</v>
      </c>
      <c r="OD28" s="345">
        <v>0</v>
      </c>
      <c r="OE28" s="345">
        <v>1367992</v>
      </c>
      <c r="OF28" s="345">
        <v>3792010</v>
      </c>
      <c r="OG28" s="349">
        <v>5160002</v>
      </c>
      <c r="OH28" s="350">
        <v>5160002</v>
      </c>
      <c r="OI28" s="348">
        <v>4026744</v>
      </c>
      <c r="OJ28" s="345">
        <v>7852420</v>
      </c>
      <c r="OK28" s="346">
        <v>11879164</v>
      </c>
      <c r="OL28" s="351">
        <v>0</v>
      </c>
      <c r="OM28" s="345">
        <v>72211206</v>
      </c>
      <c r="ON28" s="345">
        <v>89773754</v>
      </c>
      <c r="OO28" s="345">
        <v>97311026</v>
      </c>
      <c r="OP28" s="345">
        <v>130863505</v>
      </c>
      <c r="OQ28" s="345">
        <v>85432378</v>
      </c>
      <c r="OR28" s="349">
        <v>475591869</v>
      </c>
      <c r="OS28" s="354">
        <v>487471033</v>
      </c>
    </row>
    <row r="29" spans="2:409" s="70" customFormat="1" ht="21" customHeight="1" x14ac:dyDescent="0.2">
      <c r="B29" s="410" t="s">
        <v>24</v>
      </c>
      <c r="C29" s="326">
        <v>3014682</v>
      </c>
      <c r="D29" s="327">
        <v>4182028</v>
      </c>
      <c r="E29" s="328">
        <v>7196710</v>
      </c>
      <c r="F29" s="329">
        <v>0</v>
      </c>
      <c r="G29" s="327">
        <v>29594712</v>
      </c>
      <c r="H29" s="327">
        <v>30574507</v>
      </c>
      <c r="I29" s="327">
        <v>26051901</v>
      </c>
      <c r="J29" s="327">
        <v>31095136</v>
      </c>
      <c r="K29" s="327">
        <v>22490240</v>
      </c>
      <c r="L29" s="367">
        <v>139806496</v>
      </c>
      <c r="M29" s="330">
        <v>147003206</v>
      </c>
      <c r="N29" s="326">
        <v>667171</v>
      </c>
      <c r="O29" s="327">
        <v>1035232</v>
      </c>
      <c r="P29" s="328">
        <v>1702403</v>
      </c>
      <c r="Q29" s="326">
        <v>0</v>
      </c>
      <c r="R29" s="327">
        <v>6740399</v>
      </c>
      <c r="S29" s="327">
        <v>8480562</v>
      </c>
      <c r="T29" s="327">
        <v>7876020</v>
      </c>
      <c r="U29" s="327">
        <v>11593651</v>
      </c>
      <c r="V29" s="327">
        <v>10097967</v>
      </c>
      <c r="W29" s="328">
        <v>44788599</v>
      </c>
      <c r="X29" s="330">
        <v>46491002</v>
      </c>
      <c r="Y29" s="326">
        <v>0</v>
      </c>
      <c r="Z29" s="327">
        <v>0</v>
      </c>
      <c r="AA29" s="328">
        <v>0</v>
      </c>
      <c r="AB29" s="326">
        <v>0</v>
      </c>
      <c r="AC29" s="327">
        <v>2823076</v>
      </c>
      <c r="AD29" s="327">
        <v>4004732</v>
      </c>
      <c r="AE29" s="327">
        <v>3652357</v>
      </c>
      <c r="AF29" s="327">
        <v>7331607</v>
      </c>
      <c r="AG29" s="327">
        <v>5337209</v>
      </c>
      <c r="AH29" s="328">
        <v>23148981</v>
      </c>
      <c r="AI29" s="330">
        <v>23148981</v>
      </c>
      <c r="AJ29" s="326">
        <v>0</v>
      </c>
      <c r="AK29" s="327">
        <v>0</v>
      </c>
      <c r="AL29" s="328">
        <v>0</v>
      </c>
      <c r="AM29" s="326">
        <v>0</v>
      </c>
      <c r="AN29" s="327">
        <v>0</v>
      </c>
      <c r="AO29" s="327">
        <v>150767</v>
      </c>
      <c r="AP29" s="327">
        <v>271548</v>
      </c>
      <c r="AQ29" s="327">
        <v>447766</v>
      </c>
      <c r="AR29" s="327">
        <v>1508943</v>
      </c>
      <c r="AS29" s="328">
        <v>2379024</v>
      </c>
      <c r="AT29" s="330">
        <v>2379024</v>
      </c>
      <c r="AU29" s="326">
        <v>393924</v>
      </c>
      <c r="AV29" s="327">
        <v>853793</v>
      </c>
      <c r="AW29" s="328">
        <v>1247717</v>
      </c>
      <c r="AX29" s="326">
        <v>0</v>
      </c>
      <c r="AY29" s="327">
        <v>2495763</v>
      </c>
      <c r="AZ29" s="327">
        <v>3038640</v>
      </c>
      <c r="BA29" s="327">
        <v>2585048</v>
      </c>
      <c r="BB29" s="327">
        <v>2238820</v>
      </c>
      <c r="BC29" s="327">
        <v>2116556</v>
      </c>
      <c r="BD29" s="328">
        <v>12474827</v>
      </c>
      <c r="BE29" s="330">
        <v>13722544</v>
      </c>
      <c r="BF29" s="326">
        <v>23332</v>
      </c>
      <c r="BG29" s="327">
        <v>29165</v>
      </c>
      <c r="BH29" s="331">
        <v>52497</v>
      </c>
      <c r="BI29" s="332">
        <v>0</v>
      </c>
      <c r="BJ29" s="327">
        <v>145779</v>
      </c>
      <c r="BK29" s="327">
        <v>170895</v>
      </c>
      <c r="BL29" s="327">
        <v>154602</v>
      </c>
      <c r="BM29" s="327">
        <v>162859</v>
      </c>
      <c r="BN29" s="327">
        <v>119800</v>
      </c>
      <c r="BO29" s="328">
        <v>753935</v>
      </c>
      <c r="BP29" s="330">
        <v>806432</v>
      </c>
      <c r="BQ29" s="326">
        <v>249915</v>
      </c>
      <c r="BR29" s="327">
        <v>152274</v>
      </c>
      <c r="BS29" s="328">
        <v>402189</v>
      </c>
      <c r="BT29" s="326">
        <v>0</v>
      </c>
      <c r="BU29" s="327">
        <v>1275781</v>
      </c>
      <c r="BV29" s="327">
        <v>1115528</v>
      </c>
      <c r="BW29" s="327">
        <v>1212465</v>
      </c>
      <c r="BX29" s="327">
        <v>1412599</v>
      </c>
      <c r="BY29" s="327">
        <v>1015459</v>
      </c>
      <c r="BZ29" s="328">
        <v>6031832</v>
      </c>
      <c r="CA29" s="330">
        <v>6434021</v>
      </c>
      <c r="CB29" s="326">
        <v>244271</v>
      </c>
      <c r="CC29" s="327">
        <v>900609</v>
      </c>
      <c r="CD29" s="328">
        <v>1144880</v>
      </c>
      <c r="CE29" s="326">
        <v>0</v>
      </c>
      <c r="CF29" s="327">
        <v>9351415</v>
      </c>
      <c r="CG29" s="327">
        <v>8364585</v>
      </c>
      <c r="CH29" s="327">
        <v>5876451</v>
      </c>
      <c r="CI29" s="327">
        <v>3842381</v>
      </c>
      <c r="CJ29" s="327">
        <v>1960286</v>
      </c>
      <c r="CK29" s="328">
        <v>29395118</v>
      </c>
      <c r="CL29" s="330">
        <v>30539998</v>
      </c>
      <c r="CM29" s="326">
        <v>0</v>
      </c>
      <c r="CN29" s="327">
        <v>0</v>
      </c>
      <c r="CO29" s="328">
        <v>0</v>
      </c>
      <c r="CP29" s="332">
        <v>0</v>
      </c>
      <c r="CQ29" s="327">
        <v>6475094</v>
      </c>
      <c r="CR29" s="327">
        <v>6295537</v>
      </c>
      <c r="CS29" s="327">
        <v>4056579</v>
      </c>
      <c r="CT29" s="327">
        <v>2610228</v>
      </c>
      <c r="CU29" s="327">
        <v>1094212</v>
      </c>
      <c r="CV29" s="328">
        <v>20531650</v>
      </c>
      <c r="CW29" s="330">
        <v>20531650</v>
      </c>
      <c r="CX29" s="326">
        <v>244271</v>
      </c>
      <c r="CY29" s="327">
        <v>900609</v>
      </c>
      <c r="CZ29" s="328">
        <v>1144880</v>
      </c>
      <c r="DA29" s="326">
        <v>0</v>
      </c>
      <c r="DB29" s="327">
        <v>2876321</v>
      </c>
      <c r="DC29" s="327">
        <v>2069048</v>
      </c>
      <c r="DD29" s="327">
        <v>1819872</v>
      </c>
      <c r="DE29" s="327">
        <v>1232153</v>
      </c>
      <c r="DF29" s="327">
        <v>866074</v>
      </c>
      <c r="DG29" s="328">
        <v>8863468</v>
      </c>
      <c r="DH29" s="330">
        <v>10008348</v>
      </c>
      <c r="DI29" s="326">
        <v>60196</v>
      </c>
      <c r="DJ29" s="327">
        <v>108108</v>
      </c>
      <c r="DK29" s="331">
        <v>168304</v>
      </c>
      <c r="DL29" s="332">
        <v>0</v>
      </c>
      <c r="DM29" s="327">
        <v>562998</v>
      </c>
      <c r="DN29" s="327">
        <v>2604006</v>
      </c>
      <c r="DO29" s="327">
        <v>1855852</v>
      </c>
      <c r="DP29" s="327">
        <v>2174497</v>
      </c>
      <c r="DQ29" s="327">
        <v>1342144</v>
      </c>
      <c r="DR29" s="328">
        <v>8539497</v>
      </c>
      <c r="DS29" s="330">
        <v>8707801</v>
      </c>
      <c r="DT29" s="326">
        <v>60196</v>
      </c>
      <c r="DU29" s="327">
        <v>108108</v>
      </c>
      <c r="DV29" s="328">
        <v>168304</v>
      </c>
      <c r="DW29" s="326">
        <v>0</v>
      </c>
      <c r="DX29" s="327">
        <v>521621</v>
      </c>
      <c r="DY29" s="327">
        <v>2535129</v>
      </c>
      <c r="DZ29" s="327">
        <v>1743908</v>
      </c>
      <c r="EA29" s="327">
        <v>2111682</v>
      </c>
      <c r="EB29" s="327">
        <v>1244164</v>
      </c>
      <c r="EC29" s="328">
        <v>8156504</v>
      </c>
      <c r="ED29" s="330">
        <v>8324808</v>
      </c>
      <c r="EE29" s="326">
        <v>0</v>
      </c>
      <c r="EF29" s="331">
        <v>0</v>
      </c>
      <c r="EG29" s="328">
        <v>0</v>
      </c>
      <c r="EH29" s="326">
        <v>0</v>
      </c>
      <c r="EI29" s="327">
        <v>41377</v>
      </c>
      <c r="EJ29" s="327">
        <v>68877</v>
      </c>
      <c r="EK29" s="327">
        <v>111944</v>
      </c>
      <c r="EL29" s="327">
        <v>62815</v>
      </c>
      <c r="EM29" s="327">
        <v>97980</v>
      </c>
      <c r="EN29" s="331">
        <v>382993</v>
      </c>
      <c r="EO29" s="330">
        <v>382993</v>
      </c>
      <c r="EP29" s="326">
        <v>0</v>
      </c>
      <c r="EQ29" s="327">
        <v>0</v>
      </c>
      <c r="ER29" s="331">
        <v>0</v>
      </c>
      <c r="ES29" s="332">
        <v>0</v>
      </c>
      <c r="ET29" s="327">
        <v>0</v>
      </c>
      <c r="EU29" s="327">
        <v>0</v>
      </c>
      <c r="EV29" s="327">
        <v>0</v>
      </c>
      <c r="EW29" s="327">
        <v>0</v>
      </c>
      <c r="EX29" s="327">
        <v>0</v>
      </c>
      <c r="EY29" s="328">
        <v>0</v>
      </c>
      <c r="EZ29" s="330">
        <v>0</v>
      </c>
      <c r="FA29" s="326">
        <v>0</v>
      </c>
      <c r="FB29" s="327">
        <v>0</v>
      </c>
      <c r="FC29" s="331">
        <v>0</v>
      </c>
      <c r="FD29" s="332">
        <v>0</v>
      </c>
      <c r="FE29" s="327">
        <v>0</v>
      </c>
      <c r="FF29" s="327">
        <v>0</v>
      </c>
      <c r="FG29" s="327">
        <v>0</v>
      </c>
      <c r="FH29" s="327">
        <v>0</v>
      </c>
      <c r="FI29" s="327">
        <v>0</v>
      </c>
      <c r="FJ29" s="328">
        <v>0</v>
      </c>
      <c r="FK29" s="330">
        <v>0</v>
      </c>
      <c r="FL29" s="326">
        <v>641062</v>
      </c>
      <c r="FM29" s="327">
        <v>856603</v>
      </c>
      <c r="FN29" s="328">
        <v>1497665</v>
      </c>
      <c r="FO29" s="326">
        <v>0</v>
      </c>
      <c r="FP29" s="327">
        <v>1434517</v>
      </c>
      <c r="FQ29" s="327">
        <v>2364606</v>
      </c>
      <c r="FR29" s="327">
        <v>1913877</v>
      </c>
      <c r="FS29" s="327">
        <v>1847041</v>
      </c>
      <c r="FT29" s="327">
        <v>1325118</v>
      </c>
      <c r="FU29" s="328">
        <v>8885159</v>
      </c>
      <c r="FV29" s="330">
        <v>10382824</v>
      </c>
      <c r="FW29" s="333">
        <v>367822</v>
      </c>
      <c r="FX29" s="327">
        <v>521505</v>
      </c>
      <c r="FY29" s="331">
        <v>889327</v>
      </c>
      <c r="FZ29" s="332">
        <v>0</v>
      </c>
      <c r="GA29" s="327">
        <v>1195049</v>
      </c>
      <c r="GB29" s="327">
        <v>1979499</v>
      </c>
      <c r="GC29" s="327">
        <v>1697862</v>
      </c>
      <c r="GD29" s="327">
        <v>1792789</v>
      </c>
      <c r="GE29" s="327">
        <v>1295418</v>
      </c>
      <c r="GF29" s="328">
        <v>7960617</v>
      </c>
      <c r="GG29" s="334">
        <v>8849944</v>
      </c>
      <c r="GH29" s="333">
        <v>0</v>
      </c>
      <c r="GI29" s="327">
        <v>174718</v>
      </c>
      <c r="GJ29" s="331">
        <v>174718</v>
      </c>
      <c r="GK29" s="332">
        <v>0</v>
      </c>
      <c r="GL29" s="327">
        <v>125268</v>
      </c>
      <c r="GM29" s="327">
        <v>74107</v>
      </c>
      <c r="GN29" s="327">
        <v>27555</v>
      </c>
      <c r="GO29" s="327">
        <v>54252</v>
      </c>
      <c r="GP29" s="327">
        <v>0</v>
      </c>
      <c r="GQ29" s="328">
        <v>281182</v>
      </c>
      <c r="GR29" s="330">
        <v>455900</v>
      </c>
      <c r="GS29" s="326">
        <v>273240</v>
      </c>
      <c r="GT29" s="327">
        <v>160380</v>
      </c>
      <c r="GU29" s="328">
        <v>433620</v>
      </c>
      <c r="GV29" s="326">
        <v>0</v>
      </c>
      <c r="GW29" s="327">
        <v>114200</v>
      </c>
      <c r="GX29" s="327">
        <v>311000</v>
      </c>
      <c r="GY29" s="327">
        <v>188460</v>
      </c>
      <c r="GZ29" s="327">
        <v>0</v>
      </c>
      <c r="HA29" s="327">
        <v>29700</v>
      </c>
      <c r="HB29" s="331">
        <v>643360</v>
      </c>
      <c r="HC29" s="330">
        <v>1076980</v>
      </c>
      <c r="HD29" s="326">
        <v>907063</v>
      </c>
      <c r="HE29" s="327">
        <v>692739</v>
      </c>
      <c r="HF29" s="331">
        <v>1599802</v>
      </c>
      <c r="HG29" s="332">
        <v>0</v>
      </c>
      <c r="HH29" s="327">
        <v>7135185</v>
      </c>
      <c r="HI29" s="327">
        <v>5629123</v>
      </c>
      <c r="HJ29" s="327">
        <v>6045670</v>
      </c>
      <c r="HK29" s="327">
        <v>9821501</v>
      </c>
      <c r="HL29" s="327">
        <v>6789304</v>
      </c>
      <c r="HM29" s="328">
        <v>35420783</v>
      </c>
      <c r="HN29" s="329">
        <v>37020585</v>
      </c>
      <c r="HO29" s="333">
        <v>494919</v>
      </c>
      <c r="HP29" s="327">
        <v>588737</v>
      </c>
      <c r="HQ29" s="328">
        <v>1083656</v>
      </c>
      <c r="HR29" s="326">
        <v>0</v>
      </c>
      <c r="HS29" s="327">
        <v>4370198</v>
      </c>
      <c r="HT29" s="327">
        <v>3131625</v>
      </c>
      <c r="HU29" s="327">
        <v>2484031</v>
      </c>
      <c r="HV29" s="327">
        <v>1816065</v>
      </c>
      <c r="HW29" s="327">
        <v>975421</v>
      </c>
      <c r="HX29" s="331">
        <v>12777340</v>
      </c>
      <c r="HY29" s="330">
        <v>13860996</v>
      </c>
      <c r="HZ29" s="335">
        <v>146446</v>
      </c>
      <c r="IA29" s="336">
        <v>259334</v>
      </c>
      <c r="IB29" s="337">
        <v>405780</v>
      </c>
      <c r="IC29" s="338">
        <v>0</v>
      </c>
      <c r="ID29" s="336">
        <v>3716061</v>
      </c>
      <c r="IE29" s="339">
        <v>5198680</v>
      </c>
      <c r="IF29" s="337">
        <v>4499300</v>
      </c>
      <c r="IG29" s="336">
        <v>3639042</v>
      </c>
      <c r="IH29" s="337">
        <v>743068</v>
      </c>
      <c r="II29" s="340">
        <v>17796151</v>
      </c>
      <c r="IJ29" s="341">
        <v>18201931</v>
      </c>
      <c r="IK29" s="342">
        <v>0</v>
      </c>
      <c r="IL29" s="343">
        <v>0</v>
      </c>
      <c r="IM29" s="344">
        <v>0</v>
      </c>
      <c r="IN29" s="404">
        <v>0</v>
      </c>
      <c r="IO29" s="345">
        <v>0</v>
      </c>
      <c r="IP29" s="345">
        <v>187090</v>
      </c>
      <c r="IQ29" s="345">
        <v>371736</v>
      </c>
      <c r="IR29" s="345">
        <v>853766</v>
      </c>
      <c r="IS29" s="345">
        <v>290537</v>
      </c>
      <c r="IT29" s="346">
        <v>1703129</v>
      </c>
      <c r="IU29" s="347">
        <v>1703129</v>
      </c>
      <c r="IV29" s="348">
        <v>0</v>
      </c>
      <c r="IW29" s="345">
        <v>0</v>
      </c>
      <c r="IX29" s="349">
        <v>0</v>
      </c>
      <c r="IY29" s="413">
        <v>0</v>
      </c>
      <c r="IZ29" s="345">
        <v>0</v>
      </c>
      <c r="JA29" s="345">
        <v>0</v>
      </c>
      <c r="JB29" s="345">
        <v>0</v>
      </c>
      <c r="JC29" s="345">
        <v>0</v>
      </c>
      <c r="JD29" s="345">
        <v>0</v>
      </c>
      <c r="JE29" s="349">
        <v>0</v>
      </c>
      <c r="JF29" s="350">
        <v>0</v>
      </c>
      <c r="JG29" s="348">
        <v>0</v>
      </c>
      <c r="JH29" s="345">
        <v>0</v>
      </c>
      <c r="JI29" s="346">
        <v>0</v>
      </c>
      <c r="JJ29" s="351">
        <v>0</v>
      </c>
      <c r="JK29" s="345">
        <v>1353345</v>
      </c>
      <c r="JL29" s="345">
        <v>854166</v>
      </c>
      <c r="JM29" s="345">
        <v>1454556</v>
      </c>
      <c r="JN29" s="345">
        <v>469729</v>
      </c>
      <c r="JO29" s="345">
        <v>169377</v>
      </c>
      <c r="JP29" s="349">
        <v>4301173</v>
      </c>
      <c r="JQ29" s="347">
        <v>4301173</v>
      </c>
      <c r="JR29" s="348">
        <v>0</v>
      </c>
      <c r="JS29" s="345">
        <v>0</v>
      </c>
      <c r="JT29" s="346">
        <v>0</v>
      </c>
      <c r="JU29" s="351">
        <v>0</v>
      </c>
      <c r="JV29" s="345">
        <v>432113</v>
      </c>
      <c r="JW29" s="345">
        <v>451844</v>
      </c>
      <c r="JX29" s="345">
        <v>261976</v>
      </c>
      <c r="JY29" s="345">
        <v>344846</v>
      </c>
      <c r="JZ29" s="345">
        <v>54766</v>
      </c>
      <c r="KA29" s="349">
        <v>1545545</v>
      </c>
      <c r="KB29" s="347">
        <v>1545545</v>
      </c>
      <c r="KC29" s="352">
        <v>146446</v>
      </c>
      <c r="KD29" s="353">
        <v>259334</v>
      </c>
      <c r="KE29" s="349">
        <v>405780</v>
      </c>
      <c r="KF29" s="351">
        <v>0</v>
      </c>
      <c r="KG29" s="345">
        <v>1669587</v>
      </c>
      <c r="KH29" s="345">
        <v>2270138</v>
      </c>
      <c r="KI29" s="345">
        <v>811175</v>
      </c>
      <c r="KJ29" s="345">
        <v>819493</v>
      </c>
      <c r="KK29" s="345">
        <v>0</v>
      </c>
      <c r="KL29" s="349">
        <v>5570393</v>
      </c>
      <c r="KM29" s="354">
        <v>5976173</v>
      </c>
      <c r="KN29" s="342">
        <v>0</v>
      </c>
      <c r="KO29" s="343">
        <v>0</v>
      </c>
      <c r="KP29" s="344">
        <v>0</v>
      </c>
      <c r="KQ29" s="413">
        <v>0</v>
      </c>
      <c r="KR29" s="345">
        <v>261016</v>
      </c>
      <c r="KS29" s="345">
        <v>1435442</v>
      </c>
      <c r="KT29" s="345">
        <v>1599857</v>
      </c>
      <c r="KU29" s="345">
        <v>1151208</v>
      </c>
      <c r="KV29" s="345">
        <v>228388</v>
      </c>
      <c r="KW29" s="349">
        <v>4675911</v>
      </c>
      <c r="KX29" s="347">
        <v>4675911</v>
      </c>
      <c r="KY29" s="348">
        <v>0</v>
      </c>
      <c r="KZ29" s="345">
        <v>0</v>
      </c>
      <c r="LA29" s="349">
        <v>0</v>
      </c>
      <c r="LB29" s="413">
        <v>0</v>
      </c>
      <c r="LC29" s="345">
        <v>0</v>
      </c>
      <c r="LD29" s="345">
        <v>0</v>
      </c>
      <c r="LE29" s="345">
        <v>0</v>
      </c>
      <c r="LF29" s="345">
        <v>0</v>
      </c>
      <c r="LG29" s="345">
        <v>0</v>
      </c>
      <c r="LH29" s="349">
        <v>0</v>
      </c>
      <c r="LI29" s="350">
        <v>0</v>
      </c>
      <c r="LJ29" s="348">
        <v>0</v>
      </c>
      <c r="LK29" s="345">
        <v>0</v>
      </c>
      <c r="LL29" s="349">
        <v>0</v>
      </c>
      <c r="LM29" s="413">
        <v>0</v>
      </c>
      <c r="LN29" s="345">
        <v>0</v>
      </c>
      <c r="LO29" s="345">
        <v>0</v>
      </c>
      <c r="LP29" s="345">
        <v>0</v>
      </c>
      <c r="LQ29" s="345">
        <v>0</v>
      </c>
      <c r="LR29" s="345">
        <v>0</v>
      </c>
      <c r="LS29" s="349">
        <v>0</v>
      </c>
      <c r="LT29" s="347">
        <v>0</v>
      </c>
      <c r="LU29" s="348">
        <v>0</v>
      </c>
      <c r="LV29" s="345">
        <v>0</v>
      </c>
      <c r="LW29" s="349">
        <v>0</v>
      </c>
      <c r="LX29" s="413">
        <v>0</v>
      </c>
      <c r="LY29" s="345">
        <v>0</v>
      </c>
      <c r="LZ29" s="345">
        <v>0</v>
      </c>
      <c r="MA29" s="345">
        <v>0</v>
      </c>
      <c r="MB29" s="345">
        <v>0</v>
      </c>
      <c r="MC29" s="345">
        <v>0</v>
      </c>
      <c r="MD29" s="349">
        <v>0</v>
      </c>
      <c r="ME29" s="350">
        <v>0</v>
      </c>
      <c r="MF29" s="348">
        <v>0</v>
      </c>
      <c r="MG29" s="345">
        <v>0</v>
      </c>
      <c r="MH29" s="349">
        <v>0</v>
      </c>
      <c r="MI29" s="413">
        <v>0</v>
      </c>
      <c r="MJ29" s="345">
        <v>2752245</v>
      </c>
      <c r="MK29" s="345">
        <v>3016389</v>
      </c>
      <c r="ML29" s="345">
        <v>14946104</v>
      </c>
      <c r="MM29" s="345">
        <v>38634183</v>
      </c>
      <c r="MN29" s="345">
        <v>18540802</v>
      </c>
      <c r="MO29" s="349">
        <v>77889723</v>
      </c>
      <c r="MP29" s="354">
        <v>77889723</v>
      </c>
      <c r="MQ29" s="348">
        <v>0</v>
      </c>
      <c r="MR29" s="345">
        <v>0</v>
      </c>
      <c r="MS29" s="349">
        <v>0</v>
      </c>
      <c r="MT29" s="413">
        <v>0</v>
      </c>
      <c r="MU29" s="345">
        <v>261450</v>
      </c>
      <c r="MV29" s="345">
        <v>172660</v>
      </c>
      <c r="MW29" s="345">
        <v>7261430</v>
      </c>
      <c r="MX29" s="345">
        <v>26780297</v>
      </c>
      <c r="MY29" s="345">
        <v>16050770</v>
      </c>
      <c r="MZ29" s="349">
        <v>50526607</v>
      </c>
      <c r="NA29" s="354">
        <v>50526607</v>
      </c>
      <c r="NB29" s="348">
        <v>0</v>
      </c>
      <c r="NC29" s="345">
        <v>0</v>
      </c>
      <c r="ND29" s="349">
        <v>0</v>
      </c>
      <c r="NE29" s="413">
        <v>0</v>
      </c>
      <c r="NF29" s="345">
        <v>2490795</v>
      </c>
      <c r="NG29" s="345">
        <v>2843729</v>
      </c>
      <c r="NH29" s="345">
        <v>7684674</v>
      </c>
      <c r="NI29" s="345">
        <v>11853886</v>
      </c>
      <c r="NJ29" s="345">
        <v>2342626</v>
      </c>
      <c r="NK29" s="349">
        <v>27215710</v>
      </c>
      <c r="NL29" s="347">
        <v>27215710</v>
      </c>
      <c r="NM29" s="348">
        <v>0</v>
      </c>
      <c r="NN29" s="345">
        <v>0</v>
      </c>
      <c r="NO29" s="349">
        <v>0</v>
      </c>
      <c r="NP29" s="413">
        <v>0</v>
      </c>
      <c r="NQ29" s="345">
        <v>0</v>
      </c>
      <c r="NR29" s="345">
        <v>0</v>
      </c>
      <c r="NS29" s="345">
        <v>0</v>
      </c>
      <c r="NT29" s="345">
        <v>0</v>
      </c>
      <c r="NU29" s="345">
        <v>0</v>
      </c>
      <c r="NV29" s="349">
        <v>0</v>
      </c>
      <c r="NW29" s="350">
        <v>0</v>
      </c>
      <c r="NX29" s="348">
        <v>0</v>
      </c>
      <c r="NY29" s="345">
        <v>0</v>
      </c>
      <c r="NZ29" s="349">
        <v>0</v>
      </c>
      <c r="OA29" s="413">
        <v>0</v>
      </c>
      <c r="OB29" s="345">
        <v>0</v>
      </c>
      <c r="OC29" s="345">
        <v>0</v>
      </c>
      <c r="OD29" s="345">
        <v>0</v>
      </c>
      <c r="OE29" s="345">
        <v>0</v>
      </c>
      <c r="OF29" s="345">
        <v>147406</v>
      </c>
      <c r="OG29" s="349">
        <v>147406</v>
      </c>
      <c r="OH29" s="350">
        <v>147406</v>
      </c>
      <c r="OI29" s="348">
        <v>3161128</v>
      </c>
      <c r="OJ29" s="345">
        <v>4441362</v>
      </c>
      <c r="OK29" s="346">
        <v>7602490</v>
      </c>
      <c r="OL29" s="351">
        <v>0</v>
      </c>
      <c r="OM29" s="345">
        <v>36063018</v>
      </c>
      <c r="ON29" s="345">
        <v>38789576</v>
      </c>
      <c r="OO29" s="345">
        <v>45497305</v>
      </c>
      <c r="OP29" s="345">
        <v>73368361</v>
      </c>
      <c r="OQ29" s="345">
        <v>41774110</v>
      </c>
      <c r="OR29" s="349">
        <v>235492370</v>
      </c>
      <c r="OS29" s="354">
        <v>243094860</v>
      </c>
    </row>
    <row r="30" spans="2:409" s="70" customFormat="1" ht="21" customHeight="1" x14ac:dyDescent="0.2">
      <c r="B30" s="410" t="s">
        <v>25</v>
      </c>
      <c r="C30" s="326">
        <v>2178074</v>
      </c>
      <c r="D30" s="327">
        <v>5022086</v>
      </c>
      <c r="E30" s="328">
        <v>7200160</v>
      </c>
      <c r="F30" s="329">
        <v>0</v>
      </c>
      <c r="G30" s="327">
        <v>32359841</v>
      </c>
      <c r="H30" s="327">
        <v>37719886</v>
      </c>
      <c r="I30" s="327">
        <v>25619650</v>
      </c>
      <c r="J30" s="327">
        <v>30446219</v>
      </c>
      <c r="K30" s="327">
        <v>16873007</v>
      </c>
      <c r="L30" s="367">
        <v>143018603</v>
      </c>
      <c r="M30" s="330">
        <v>150218763</v>
      </c>
      <c r="N30" s="326">
        <v>674438</v>
      </c>
      <c r="O30" s="327">
        <v>1630943</v>
      </c>
      <c r="P30" s="328">
        <v>2305381</v>
      </c>
      <c r="Q30" s="326">
        <v>0</v>
      </c>
      <c r="R30" s="327">
        <v>8708395</v>
      </c>
      <c r="S30" s="327">
        <v>11586871</v>
      </c>
      <c r="T30" s="327">
        <v>8821687</v>
      </c>
      <c r="U30" s="327">
        <v>12278624</v>
      </c>
      <c r="V30" s="327">
        <v>8572664</v>
      </c>
      <c r="W30" s="328">
        <v>49968241</v>
      </c>
      <c r="X30" s="330">
        <v>52273622</v>
      </c>
      <c r="Y30" s="326">
        <v>0</v>
      </c>
      <c r="Z30" s="327">
        <v>0</v>
      </c>
      <c r="AA30" s="328">
        <v>0</v>
      </c>
      <c r="AB30" s="326">
        <v>0</v>
      </c>
      <c r="AC30" s="327">
        <v>4476772</v>
      </c>
      <c r="AD30" s="327">
        <v>5570620</v>
      </c>
      <c r="AE30" s="327">
        <v>5276168</v>
      </c>
      <c r="AF30" s="327">
        <v>7758187</v>
      </c>
      <c r="AG30" s="327">
        <v>5227650</v>
      </c>
      <c r="AH30" s="328">
        <v>28309397</v>
      </c>
      <c r="AI30" s="330">
        <v>28309397</v>
      </c>
      <c r="AJ30" s="326">
        <v>0</v>
      </c>
      <c r="AK30" s="327">
        <v>0</v>
      </c>
      <c r="AL30" s="328">
        <v>0</v>
      </c>
      <c r="AM30" s="326">
        <v>0</v>
      </c>
      <c r="AN30" s="327">
        <v>178241</v>
      </c>
      <c r="AO30" s="327">
        <v>477009</v>
      </c>
      <c r="AP30" s="327">
        <v>652999</v>
      </c>
      <c r="AQ30" s="327">
        <v>1041638</v>
      </c>
      <c r="AR30" s="327">
        <v>997164</v>
      </c>
      <c r="AS30" s="328">
        <v>3347051</v>
      </c>
      <c r="AT30" s="330">
        <v>3347051</v>
      </c>
      <c r="AU30" s="326">
        <v>554984</v>
      </c>
      <c r="AV30" s="327">
        <v>1312298</v>
      </c>
      <c r="AW30" s="328">
        <v>1867282</v>
      </c>
      <c r="AX30" s="326">
        <v>0</v>
      </c>
      <c r="AY30" s="327">
        <v>3058276</v>
      </c>
      <c r="AZ30" s="327">
        <v>4057295</v>
      </c>
      <c r="BA30" s="327">
        <v>1728860</v>
      </c>
      <c r="BB30" s="327">
        <v>2011600</v>
      </c>
      <c r="BC30" s="327">
        <v>1576591</v>
      </c>
      <c r="BD30" s="328">
        <v>12432622</v>
      </c>
      <c r="BE30" s="330">
        <v>14299904</v>
      </c>
      <c r="BF30" s="326">
        <v>28863</v>
      </c>
      <c r="BG30" s="327">
        <v>131925</v>
      </c>
      <c r="BH30" s="331">
        <v>160788</v>
      </c>
      <c r="BI30" s="332">
        <v>0</v>
      </c>
      <c r="BJ30" s="327">
        <v>0</v>
      </c>
      <c r="BK30" s="327">
        <v>566167</v>
      </c>
      <c r="BL30" s="327">
        <v>191142</v>
      </c>
      <c r="BM30" s="327">
        <v>261692</v>
      </c>
      <c r="BN30" s="327">
        <v>72844</v>
      </c>
      <c r="BO30" s="328">
        <v>1091845</v>
      </c>
      <c r="BP30" s="330">
        <v>1252633</v>
      </c>
      <c r="BQ30" s="326">
        <v>90591</v>
      </c>
      <c r="BR30" s="327">
        <v>186720</v>
      </c>
      <c r="BS30" s="328">
        <v>277311</v>
      </c>
      <c r="BT30" s="326">
        <v>0</v>
      </c>
      <c r="BU30" s="327">
        <v>995106</v>
      </c>
      <c r="BV30" s="327">
        <v>915780</v>
      </c>
      <c r="BW30" s="327">
        <v>972518</v>
      </c>
      <c r="BX30" s="327">
        <v>1205507</v>
      </c>
      <c r="BY30" s="327">
        <v>698415</v>
      </c>
      <c r="BZ30" s="328">
        <v>4787326</v>
      </c>
      <c r="CA30" s="330">
        <v>5064637</v>
      </c>
      <c r="CB30" s="326">
        <v>0</v>
      </c>
      <c r="CC30" s="327">
        <v>297273</v>
      </c>
      <c r="CD30" s="328">
        <v>297273</v>
      </c>
      <c r="CE30" s="326">
        <v>0</v>
      </c>
      <c r="CF30" s="327">
        <v>13076765</v>
      </c>
      <c r="CG30" s="327">
        <v>12991449</v>
      </c>
      <c r="CH30" s="327">
        <v>7686120</v>
      </c>
      <c r="CI30" s="327">
        <v>7316417</v>
      </c>
      <c r="CJ30" s="327">
        <v>1814773</v>
      </c>
      <c r="CK30" s="328">
        <v>42885524</v>
      </c>
      <c r="CL30" s="330">
        <v>43182797</v>
      </c>
      <c r="CM30" s="326">
        <v>0</v>
      </c>
      <c r="CN30" s="327">
        <v>0</v>
      </c>
      <c r="CO30" s="328">
        <v>0</v>
      </c>
      <c r="CP30" s="332">
        <v>0</v>
      </c>
      <c r="CQ30" s="327">
        <v>11326111</v>
      </c>
      <c r="CR30" s="327">
        <v>9062424</v>
      </c>
      <c r="CS30" s="327">
        <v>6241174</v>
      </c>
      <c r="CT30" s="327">
        <v>5994029</v>
      </c>
      <c r="CU30" s="327">
        <v>1690998</v>
      </c>
      <c r="CV30" s="328">
        <v>34314736</v>
      </c>
      <c r="CW30" s="330">
        <v>34314736</v>
      </c>
      <c r="CX30" s="326">
        <v>0</v>
      </c>
      <c r="CY30" s="327">
        <v>297273</v>
      </c>
      <c r="CZ30" s="328">
        <v>297273</v>
      </c>
      <c r="DA30" s="326">
        <v>0</v>
      </c>
      <c r="DB30" s="327">
        <v>1750654</v>
      </c>
      <c r="DC30" s="327">
        <v>3929025</v>
      </c>
      <c r="DD30" s="327">
        <v>1444946</v>
      </c>
      <c r="DE30" s="327">
        <v>1322388</v>
      </c>
      <c r="DF30" s="327">
        <v>123775</v>
      </c>
      <c r="DG30" s="328">
        <v>8570788</v>
      </c>
      <c r="DH30" s="330">
        <v>8868061</v>
      </c>
      <c r="DI30" s="326">
        <v>0</v>
      </c>
      <c r="DJ30" s="327">
        <v>75348</v>
      </c>
      <c r="DK30" s="331">
        <v>75348</v>
      </c>
      <c r="DL30" s="332">
        <v>0</v>
      </c>
      <c r="DM30" s="327">
        <v>955347</v>
      </c>
      <c r="DN30" s="327">
        <v>2145900</v>
      </c>
      <c r="DO30" s="327">
        <v>2427966</v>
      </c>
      <c r="DP30" s="327">
        <v>2134331</v>
      </c>
      <c r="DQ30" s="327">
        <v>1257176</v>
      </c>
      <c r="DR30" s="328">
        <v>8920720</v>
      </c>
      <c r="DS30" s="330">
        <v>8996068</v>
      </c>
      <c r="DT30" s="326">
        <v>0</v>
      </c>
      <c r="DU30" s="327">
        <v>75348</v>
      </c>
      <c r="DV30" s="328">
        <v>75348</v>
      </c>
      <c r="DW30" s="326">
        <v>0</v>
      </c>
      <c r="DX30" s="327">
        <v>955347</v>
      </c>
      <c r="DY30" s="327">
        <v>1682837</v>
      </c>
      <c r="DZ30" s="327">
        <v>2232928</v>
      </c>
      <c r="EA30" s="327">
        <v>1627188</v>
      </c>
      <c r="EB30" s="327">
        <v>1047793</v>
      </c>
      <c r="EC30" s="328">
        <v>7546093</v>
      </c>
      <c r="ED30" s="330">
        <v>7621441</v>
      </c>
      <c r="EE30" s="326">
        <v>0</v>
      </c>
      <c r="EF30" s="331">
        <v>0</v>
      </c>
      <c r="EG30" s="328">
        <v>0</v>
      </c>
      <c r="EH30" s="326">
        <v>0</v>
      </c>
      <c r="EI30" s="327">
        <v>0</v>
      </c>
      <c r="EJ30" s="327">
        <v>463063</v>
      </c>
      <c r="EK30" s="327">
        <v>195038</v>
      </c>
      <c r="EL30" s="327">
        <v>507143</v>
      </c>
      <c r="EM30" s="327">
        <v>209383</v>
      </c>
      <c r="EN30" s="331">
        <v>1374627</v>
      </c>
      <c r="EO30" s="330">
        <v>1374627</v>
      </c>
      <c r="EP30" s="326">
        <v>0</v>
      </c>
      <c r="EQ30" s="327">
        <v>0</v>
      </c>
      <c r="ER30" s="331">
        <v>0</v>
      </c>
      <c r="ES30" s="332">
        <v>0</v>
      </c>
      <c r="ET30" s="327">
        <v>0</v>
      </c>
      <c r="EU30" s="327">
        <v>0</v>
      </c>
      <c r="EV30" s="327">
        <v>0</v>
      </c>
      <c r="EW30" s="327">
        <v>0</v>
      </c>
      <c r="EX30" s="327">
        <v>0</v>
      </c>
      <c r="EY30" s="328">
        <v>0</v>
      </c>
      <c r="EZ30" s="330">
        <v>0</v>
      </c>
      <c r="FA30" s="326">
        <v>0</v>
      </c>
      <c r="FB30" s="327">
        <v>0</v>
      </c>
      <c r="FC30" s="331">
        <v>0</v>
      </c>
      <c r="FD30" s="332">
        <v>0</v>
      </c>
      <c r="FE30" s="327">
        <v>0</v>
      </c>
      <c r="FF30" s="327">
        <v>0</v>
      </c>
      <c r="FG30" s="327">
        <v>0</v>
      </c>
      <c r="FH30" s="327">
        <v>0</v>
      </c>
      <c r="FI30" s="327">
        <v>0</v>
      </c>
      <c r="FJ30" s="328">
        <v>0</v>
      </c>
      <c r="FK30" s="330">
        <v>0</v>
      </c>
      <c r="FL30" s="326">
        <v>737968</v>
      </c>
      <c r="FM30" s="327">
        <v>1437477</v>
      </c>
      <c r="FN30" s="328">
        <v>2175445</v>
      </c>
      <c r="FO30" s="326">
        <v>0</v>
      </c>
      <c r="FP30" s="327">
        <v>1293835</v>
      </c>
      <c r="FQ30" s="327">
        <v>4675412</v>
      </c>
      <c r="FR30" s="327">
        <v>1878596</v>
      </c>
      <c r="FS30" s="327">
        <v>2074686</v>
      </c>
      <c r="FT30" s="327">
        <v>1383602</v>
      </c>
      <c r="FU30" s="328">
        <v>11306131</v>
      </c>
      <c r="FV30" s="330">
        <v>13481576</v>
      </c>
      <c r="FW30" s="333">
        <v>557068</v>
      </c>
      <c r="FX30" s="327">
        <v>1191597</v>
      </c>
      <c r="FY30" s="331">
        <v>1748665</v>
      </c>
      <c r="FZ30" s="332">
        <v>0</v>
      </c>
      <c r="GA30" s="327">
        <v>1014465</v>
      </c>
      <c r="GB30" s="327">
        <v>3936908</v>
      </c>
      <c r="GC30" s="327">
        <v>1848896</v>
      </c>
      <c r="GD30" s="327">
        <v>1989780</v>
      </c>
      <c r="GE30" s="327">
        <v>1114232</v>
      </c>
      <c r="GF30" s="328">
        <v>9904281</v>
      </c>
      <c r="GG30" s="334">
        <v>11652946</v>
      </c>
      <c r="GH30" s="333">
        <v>27900</v>
      </c>
      <c r="GI30" s="327">
        <v>87930</v>
      </c>
      <c r="GJ30" s="331">
        <v>115830</v>
      </c>
      <c r="GK30" s="332">
        <v>0</v>
      </c>
      <c r="GL30" s="327">
        <v>32670</v>
      </c>
      <c r="GM30" s="327">
        <v>255204</v>
      </c>
      <c r="GN30" s="327">
        <v>29700</v>
      </c>
      <c r="GO30" s="327">
        <v>73656</v>
      </c>
      <c r="GP30" s="327">
        <v>0</v>
      </c>
      <c r="GQ30" s="328">
        <v>391230</v>
      </c>
      <c r="GR30" s="330">
        <v>507060</v>
      </c>
      <c r="GS30" s="326">
        <v>153000</v>
      </c>
      <c r="GT30" s="327">
        <v>157950</v>
      </c>
      <c r="GU30" s="328">
        <v>310950</v>
      </c>
      <c r="GV30" s="326">
        <v>0</v>
      </c>
      <c r="GW30" s="327">
        <v>246700</v>
      </c>
      <c r="GX30" s="327">
        <v>483300</v>
      </c>
      <c r="GY30" s="327">
        <v>0</v>
      </c>
      <c r="GZ30" s="327">
        <v>11250</v>
      </c>
      <c r="HA30" s="327">
        <v>269370</v>
      </c>
      <c r="HB30" s="331">
        <v>1010620</v>
      </c>
      <c r="HC30" s="330">
        <v>1321570</v>
      </c>
      <c r="HD30" s="326">
        <v>264394</v>
      </c>
      <c r="HE30" s="327">
        <v>639616</v>
      </c>
      <c r="HF30" s="331">
        <v>904010</v>
      </c>
      <c r="HG30" s="332">
        <v>0</v>
      </c>
      <c r="HH30" s="327">
        <v>3801167</v>
      </c>
      <c r="HI30" s="327">
        <v>2021114</v>
      </c>
      <c r="HJ30" s="327">
        <v>2405384</v>
      </c>
      <c r="HK30" s="327">
        <v>4795088</v>
      </c>
      <c r="HL30" s="327">
        <v>2900147</v>
      </c>
      <c r="HM30" s="328">
        <v>15922900</v>
      </c>
      <c r="HN30" s="329">
        <v>16826910</v>
      </c>
      <c r="HO30" s="333">
        <v>501274</v>
      </c>
      <c r="HP30" s="327">
        <v>941429</v>
      </c>
      <c r="HQ30" s="328">
        <v>1442703</v>
      </c>
      <c r="HR30" s="326">
        <v>0</v>
      </c>
      <c r="HS30" s="327">
        <v>4524332</v>
      </c>
      <c r="HT30" s="327">
        <v>4299140</v>
      </c>
      <c r="HU30" s="327">
        <v>2399897</v>
      </c>
      <c r="HV30" s="327">
        <v>1847073</v>
      </c>
      <c r="HW30" s="327">
        <v>944645</v>
      </c>
      <c r="HX30" s="331">
        <v>14015087</v>
      </c>
      <c r="HY30" s="330">
        <v>15457790</v>
      </c>
      <c r="HZ30" s="358">
        <v>0</v>
      </c>
      <c r="IA30" s="356">
        <v>248843</v>
      </c>
      <c r="IB30" s="358">
        <v>248843</v>
      </c>
      <c r="IC30" s="355">
        <v>0</v>
      </c>
      <c r="ID30" s="356">
        <v>7527012</v>
      </c>
      <c r="IE30" s="357">
        <v>4884458</v>
      </c>
      <c r="IF30" s="358">
        <v>4918759</v>
      </c>
      <c r="IG30" s="356">
        <v>3145571</v>
      </c>
      <c r="IH30" s="358">
        <v>854363</v>
      </c>
      <c r="II30" s="359">
        <v>21330163</v>
      </c>
      <c r="IJ30" s="358">
        <v>21579006</v>
      </c>
      <c r="IK30" s="342">
        <v>0</v>
      </c>
      <c r="IL30" s="343">
        <v>0</v>
      </c>
      <c r="IM30" s="344">
        <v>0</v>
      </c>
      <c r="IN30" s="404">
        <v>0</v>
      </c>
      <c r="IO30" s="345">
        <v>0</v>
      </c>
      <c r="IP30" s="345">
        <v>0</v>
      </c>
      <c r="IQ30" s="345">
        <v>0</v>
      </c>
      <c r="IR30" s="345">
        <v>0</v>
      </c>
      <c r="IS30" s="345">
        <v>0</v>
      </c>
      <c r="IT30" s="346">
        <v>0</v>
      </c>
      <c r="IU30" s="347">
        <v>0</v>
      </c>
      <c r="IV30" s="348">
        <v>0</v>
      </c>
      <c r="IW30" s="345">
        <v>0</v>
      </c>
      <c r="IX30" s="349">
        <v>0</v>
      </c>
      <c r="IY30" s="413">
        <v>0</v>
      </c>
      <c r="IZ30" s="345">
        <v>0</v>
      </c>
      <c r="JA30" s="345">
        <v>0</v>
      </c>
      <c r="JB30" s="345">
        <v>0</v>
      </c>
      <c r="JC30" s="345">
        <v>0</v>
      </c>
      <c r="JD30" s="345">
        <v>0</v>
      </c>
      <c r="JE30" s="349">
        <v>0</v>
      </c>
      <c r="JF30" s="350">
        <v>0</v>
      </c>
      <c r="JG30" s="348">
        <v>0</v>
      </c>
      <c r="JH30" s="345">
        <v>0</v>
      </c>
      <c r="JI30" s="346">
        <v>0</v>
      </c>
      <c r="JJ30" s="351">
        <v>0</v>
      </c>
      <c r="JK30" s="345">
        <v>3697793</v>
      </c>
      <c r="JL30" s="345">
        <v>2737777</v>
      </c>
      <c r="JM30" s="345">
        <v>1223683</v>
      </c>
      <c r="JN30" s="345">
        <v>672793</v>
      </c>
      <c r="JO30" s="345">
        <v>0</v>
      </c>
      <c r="JP30" s="349">
        <v>8332046</v>
      </c>
      <c r="JQ30" s="347">
        <v>8332046</v>
      </c>
      <c r="JR30" s="348">
        <v>0</v>
      </c>
      <c r="JS30" s="345">
        <v>0</v>
      </c>
      <c r="JT30" s="346">
        <v>0</v>
      </c>
      <c r="JU30" s="351">
        <v>0</v>
      </c>
      <c r="JV30" s="345">
        <v>0</v>
      </c>
      <c r="JW30" s="345">
        <v>0</v>
      </c>
      <c r="JX30" s="345">
        <v>0</v>
      </c>
      <c r="JY30" s="345">
        <v>0</v>
      </c>
      <c r="JZ30" s="345">
        <v>0</v>
      </c>
      <c r="KA30" s="349">
        <v>0</v>
      </c>
      <c r="KB30" s="347">
        <v>0</v>
      </c>
      <c r="KC30" s="352">
        <v>0</v>
      </c>
      <c r="KD30" s="353">
        <v>248843</v>
      </c>
      <c r="KE30" s="349">
        <v>248843</v>
      </c>
      <c r="KF30" s="351">
        <v>0</v>
      </c>
      <c r="KG30" s="345">
        <v>945562</v>
      </c>
      <c r="KH30" s="345">
        <v>759816</v>
      </c>
      <c r="KI30" s="345">
        <v>527939</v>
      </c>
      <c r="KJ30" s="345">
        <v>789382</v>
      </c>
      <c r="KK30" s="345">
        <v>258681</v>
      </c>
      <c r="KL30" s="349">
        <v>3281380</v>
      </c>
      <c r="KM30" s="354">
        <v>3530223</v>
      </c>
      <c r="KN30" s="342">
        <v>0</v>
      </c>
      <c r="KO30" s="343">
        <v>0</v>
      </c>
      <c r="KP30" s="344">
        <v>0</v>
      </c>
      <c r="KQ30" s="413">
        <v>0</v>
      </c>
      <c r="KR30" s="345">
        <v>2883657</v>
      </c>
      <c r="KS30" s="345">
        <v>1386865</v>
      </c>
      <c r="KT30" s="345">
        <v>3167137</v>
      </c>
      <c r="KU30" s="345">
        <v>1683396</v>
      </c>
      <c r="KV30" s="345">
        <v>595682</v>
      </c>
      <c r="KW30" s="349">
        <v>9716737</v>
      </c>
      <c r="KX30" s="347">
        <v>9716737</v>
      </c>
      <c r="KY30" s="348">
        <v>0</v>
      </c>
      <c r="KZ30" s="345">
        <v>0</v>
      </c>
      <c r="LA30" s="349">
        <v>0</v>
      </c>
      <c r="LB30" s="413">
        <v>0</v>
      </c>
      <c r="LC30" s="345">
        <v>0</v>
      </c>
      <c r="LD30" s="345">
        <v>0</v>
      </c>
      <c r="LE30" s="345">
        <v>0</v>
      </c>
      <c r="LF30" s="345">
        <v>0</v>
      </c>
      <c r="LG30" s="345">
        <v>0</v>
      </c>
      <c r="LH30" s="349">
        <v>0</v>
      </c>
      <c r="LI30" s="350">
        <v>0</v>
      </c>
      <c r="LJ30" s="348">
        <v>0</v>
      </c>
      <c r="LK30" s="345">
        <v>0</v>
      </c>
      <c r="LL30" s="349">
        <v>0</v>
      </c>
      <c r="LM30" s="413">
        <v>0</v>
      </c>
      <c r="LN30" s="345">
        <v>0</v>
      </c>
      <c r="LO30" s="345">
        <v>0</v>
      </c>
      <c r="LP30" s="345">
        <v>0</v>
      </c>
      <c r="LQ30" s="345">
        <v>0</v>
      </c>
      <c r="LR30" s="345">
        <v>0</v>
      </c>
      <c r="LS30" s="349">
        <v>0</v>
      </c>
      <c r="LT30" s="347">
        <v>0</v>
      </c>
      <c r="LU30" s="348">
        <v>0</v>
      </c>
      <c r="LV30" s="345">
        <v>0</v>
      </c>
      <c r="LW30" s="349">
        <v>0</v>
      </c>
      <c r="LX30" s="413">
        <v>0</v>
      </c>
      <c r="LY30" s="345">
        <v>0</v>
      </c>
      <c r="LZ30" s="345">
        <v>0</v>
      </c>
      <c r="MA30" s="345">
        <v>0</v>
      </c>
      <c r="MB30" s="345">
        <v>0</v>
      </c>
      <c r="MC30" s="345">
        <v>0</v>
      </c>
      <c r="MD30" s="349">
        <v>0</v>
      </c>
      <c r="ME30" s="350">
        <v>0</v>
      </c>
      <c r="MF30" s="348">
        <v>0</v>
      </c>
      <c r="MG30" s="345">
        <v>0</v>
      </c>
      <c r="MH30" s="349">
        <v>0</v>
      </c>
      <c r="MI30" s="413">
        <v>0</v>
      </c>
      <c r="MJ30" s="345">
        <v>2620060</v>
      </c>
      <c r="MK30" s="345">
        <v>10235908</v>
      </c>
      <c r="ML30" s="345">
        <v>21132488</v>
      </c>
      <c r="MM30" s="345">
        <v>37809604</v>
      </c>
      <c r="MN30" s="345">
        <v>20590036</v>
      </c>
      <c r="MO30" s="349">
        <v>92388096</v>
      </c>
      <c r="MP30" s="354">
        <v>92388096</v>
      </c>
      <c r="MQ30" s="348">
        <v>0</v>
      </c>
      <c r="MR30" s="345">
        <v>0</v>
      </c>
      <c r="MS30" s="349">
        <v>0</v>
      </c>
      <c r="MT30" s="413">
        <v>0</v>
      </c>
      <c r="MU30" s="345">
        <v>196718</v>
      </c>
      <c r="MV30" s="345">
        <v>1008062</v>
      </c>
      <c r="MW30" s="345">
        <v>16900369</v>
      </c>
      <c r="MX30" s="345">
        <v>22615043</v>
      </c>
      <c r="MY30" s="345">
        <v>13776541</v>
      </c>
      <c r="MZ30" s="349">
        <v>54496733</v>
      </c>
      <c r="NA30" s="354">
        <v>54496733</v>
      </c>
      <c r="NB30" s="348">
        <v>0</v>
      </c>
      <c r="NC30" s="345">
        <v>0</v>
      </c>
      <c r="ND30" s="349">
        <v>0</v>
      </c>
      <c r="NE30" s="413">
        <v>0</v>
      </c>
      <c r="NF30" s="345">
        <v>2423342</v>
      </c>
      <c r="NG30" s="345">
        <v>9227846</v>
      </c>
      <c r="NH30" s="345">
        <v>4232119</v>
      </c>
      <c r="NI30" s="345">
        <v>15194561</v>
      </c>
      <c r="NJ30" s="345">
        <v>5514829</v>
      </c>
      <c r="NK30" s="349">
        <v>36592697</v>
      </c>
      <c r="NL30" s="347">
        <v>36592697</v>
      </c>
      <c r="NM30" s="348">
        <v>0</v>
      </c>
      <c r="NN30" s="345">
        <v>0</v>
      </c>
      <c r="NO30" s="349">
        <v>0</v>
      </c>
      <c r="NP30" s="413">
        <v>0</v>
      </c>
      <c r="NQ30" s="345">
        <v>0</v>
      </c>
      <c r="NR30" s="345">
        <v>0</v>
      </c>
      <c r="NS30" s="345">
        <v>0</v>
      </c>
      <c r="NT30" s="345">
        <v>0</v>
      </c>
      <c r="NU30" s="345">
        <v>0</v>
      </c>
      <c r="NV30" s="349">
        <v>0</v>
      </c>
      <c r="NW30" s="350">
        <v>0</v>
      </c>
      <c r="NX30" s="348">
        <v>0</v>
      </c>
      <c r="NY30" s="345">
        <v>0</v>
      </c>
      <c r="NZ30" s="349">
        <v>0</v>
      </c>
      <c r="OA30" s="413">
        <v>0</v>
      </c>
      <c r="OB30" s="345">
        <v>0</v>
      </c>
      <c r="OC30" s="345">
        <v>0</v>
      </c>
      <c r="OD30" s="345">
        <v>0</v>
      </c>
      <c r="OE30" s="345">
        <v>0</v>
      </c>
      <c r="OF30" s="345">
        <v>1298666</v>
      </c>
      <c r="OG30" s="349">
        <v>1298666</v>
      </c>
      <c r="OH30" s="350">
        <v>1298666</v>
      </c>
      <c r="OI30" s="348">
        <v>2178074</v>
      </c>
      <c r="OJ30" s="345">
        <v>5270929</v>
      </c>
      <c r="OK30" s="346">
        <v>7449003</v>
      </c>
      <c r="OL30" s="351">
        <v>0</v>
      </c>
      <c r="OM30" s="345">
        <v>42506913</v>
      </c>
      <c r="ON30" s="345">
        <v>52840252</v>
      </c>
      <c r="OO30" s="345">
        <v>51670897</v>
      </c>
      <c r="OP30" s="345">
        <v>71401394</v>
      </c>
      <c r="OQ30" s="345">
        <v>38317406</v>
      </c>
      <c r="OR30" s="349">
        <v>256736862</v>
      </c>
      <c r="OS30" s="354">
        <v>264185865</v>
      </c>
    </row>
    <row r="31" spans="2:409" s="70" customFormat="1" ht="21" customHeight="1" x14ac:dyDescent="0.2">
      <c r="B31" s="410" t="s">
        <v>26</v>
      </c>
      <c r="C31" s="326">
        <v>2477749</v>
      </c>
      <c r="D31" s="327">
        <v>2778677</v>
      </c>
      <c r="E31" s="328">
        <v>5256426</v>
      </c>
      <c r="F31" s="329">
        <v>0</v>
      </c>
      <c r="G31" s="327">
        <v>23690462</v>
      </c>
      <c r="H31" s="327">
        <v>33415998</v>
      </c>
      <c r="I31" s="327">
        <v>26205706</v>
      </c>
      <c r="J31" s="327">
        <v>22477568</v>
      </c>
      <c r="K31" s="327">
        <v>23582541</v>
      </c>
      <c r="L31" s="367">
        <v>129372275</v>
      </c>
      <c r="M31" s="330">
        <v>134628701</v>
      </c>
      <c r="N31" s="326">
        <v>609053</v>
      </c>
      <c r="O31" s="327">
        <v>517053</v>
      </c>
      <c r="P31" s="328">
        <v>1126106</v>
      </c>
      <c r="Q31" s="326">
        <v>0</v>
      </c>
      <c r="R31" s="327">
        <v>6015874</v>
      </c>
      <c r="S31" s="327">
        <v>10342962</v>
      </c>
      <c r="T31" s="327">
        <v>8261418</v>
      </c>
      <c r="U31" s="327">
        <v>7987002</v>
      </c>
      <c r="V31" s="327">
        <v>12532300</v>
      </c>
      <c r="W31" s="328">
        <v>45139556</v>
      </c>
      <c r="X31" s="330">
        <v>46265662</v>
      </c>
      <c r="Y31" s="326">
        <v>0</v>
      </c>
      <c r="Z31" s="327">
        <v>0</v>
      </c>
      <c r="AA31" s="328">
        <v>0</v>
      </c>
      <c r="AB31" s="326">
        <v>0</v>
      </c>
      <c r="AC31" s="327">
        <v>2569824</v>
      </c>
      <c r="AD31" s="327">
        <v>5888146</v>
      </c>
      <c r="AE31" s="327">
        <v>4708636</v>
      </c>
      <c r="AF31" s="327">
        <v>4349386</v>
      </c>
      <c r="AG31" s="327">
        <v>8117458</v>
      </c>
      <c r="AH31" s="328">
        <v>25633450</v>
      </c>
      <c r="AI31" s="330">
        <v>25633450</v>
      </c>
      <c r="AJ31" s="326">
        <v>0</v>
      </c>
      <c r="AK31" s="327">
        <v>0</v>
      </c>
      <c r="AL31" s="328">
        <v>0</v>
      </c>
      <c r="AM31" s="326">
        <v>0</v>
      </c>
      <c r="AN31" s="327">
        <v>0</v>
      </c>
      <c r="AO31" s="327">
        <v>146667</v>
      </c>
      <c r="AP31" s="327">
        <v>229972</v>
      </c>
      <c r="AQ31" s="327">
        <v>521237</v>
      </c>
      <c r="AR31" s="327">
        <v>866093</v>
      </c>
      <c r="AS31" s="328">
        <v>1763969</v>
      </c>
      <c r="AT31" s="330">
        <v>1763969</v>
      </c>
      <c r="AU31" s="326">
        <v>402071</v>
      </c>
      <c r="AV31" s="327">
        <v>423310</v>
      </c>
      <c r="AW31" s="328">
        <v>825381</v>
      </c>
      <c r="AX31" s="326">
        <v>0</v>
      </c>
      <c r="AY31" s="327">
        <v>2490837</v>
      </c>
      <c r="AZ31" s="327">
        <v>3224786</v>
      </c>
      <c r="BA31" s="327">
        <v>1883045</v>
      </c>
      <c r="BB31" s="327">
        <v>2092521</v>
      </c>
      <c r="BC31" s="327">
        <v>2722467</v>
      </c>
      <c r="BD31" s="328">
        <v>12413656</v>
      </c>
      <c r="BE31" s="330">
        <v>13239037</v>
      </c>
      <c r="BF31" s="326">
        <v>52810</v>
      </c>
      <c r="BG31" s="327">
        <v>51956</v>
      </c>
      <c r="BH31" s="331">
        <v>104766</v>
      </c>
      <c r="BI31" s="332">
        <v>0</v>
      </c>
      <c r="BJ31" s="327">
        <v>152596</v>
      </c>
      <c r="BK31" s="327">
        <v>117817</v>
      </c>
      <c r="BL31" s="327">
        <v>169449</v>
      </c>
      <c r="BM31" s="327">
        <v>53579</v>
      </c>
      <c r="BN31" s="327">
        <v>108924</v>
      </c>
      <c r="BO31" s="328">
        <v>602365</v>
      </c>
      <c r="BP31" s="330">
        <v>707131</v>
      </c>
      <c r="BQ31" s="326">
        <v>154172</v>
      </c>
      <c r="BR31" s="327">
        <v>41787</v>
      </c>
      <c r="BS31" s="328">
        <v>195959</v>
      </c>
      <c r="BT31" s="326">
        <v>0</v>
      </c>
      <c r="BU31" s="327">
        <v>802617</v>
      </c>
      <c r="BV31" s="327">
        <v>965546</v>
      </c>
      <c r="BW31" s="327">
        <v>1270316</v>
      </c>
      <c r="BX31" s="327">
        <v>970279</v>
      </c>
      <c r="BY31" s="327">
        <v>717358</v>
      </c>
      <c r="BZ31" s="328">
        <v>4726116</v>
      </c>
      <c r="CA31" s="330">
        <v>4922075</v>
      </c>
      <c r="CB31" s="326">
        <v>89851</v>
      </c>
      <c r="CC31" s="327">
        <v>294723</v>
      </c>
      <c r="CD31" s="328">
        <v>384574</v>
      </c>
      <c r="CE31" s="326">
        <v>0</v>
      </c>
      <c r="CF31" s="327">
        <v>6472832</v>
      </c>
      <c r="CG31" s="327">
        <v>9058985</v>
      </c>
      <c r="CH31" s="327">
        <v>5382629</v>
      </c>
      <c r="CI31" s="327">
        <v>3243673</v>
      </c>
      <c r="CJ31" s="327">
        <v>2780658</v>
      </c>
      <c r="CK31" s="328">
        <v>26938777</v>
      </c>
      <c r="CL31" s="330">
        <v>27323351</v>
      </c>
      <c r="CM31" s="326">
        <v>0</v>
      </c>
      <c r="CN31" s="327">
        <v>0</v>
      </c>
      <c r="CO31" s="328">
        <v>0</v>
      </c>
      <c r="CP31" s="332">
        <v>0</v>
      </c>
      <c r="CQ31" s="327">
        <v>5680069</v>
      </c>
      <c r="CR31" s="327">
        <v>7096861</v>
      </c>
      <c r="CS31" s="327">
        <v>4297180</v>
      </c>
      <c r="CT31" s="327">
        <v>2277086</v>
      </c>
      <c r="CU31" s="327">
        <v>2169183</v>
      </c>
      <c r="CV31" s="328">
        <v>21520379</v>
      </c>
      <c r="CW31" s="330">
        <v>21520379</v>
      </c>
      <c r="CX31" s="326">
        <v>89851</v>
      </c>
      <c r="CY31" s="327">
        <v>294723</v>
      </c>
      <c r="CZ31" s="328">
        <v>384574</v>
      </c>
      <c r="DA31" s="326">
        <v>0</v>
      </c>
      <c r="DB31" s="327">
        <v>792763</v>
      </c>
      <c r="DC31" s="327">
        <v>1962124</v>
      </c>
      <c r="DD31" s="327">
        <v>1085449</v>
      </c>
      <c r="DE31" s="327">
        <v>966587</v>
      </c>
      <c r="DF31" s="327">
        <v>611475</v>
      </c>
      <c r="DG31" s="328">
        <v>5418398</v>
      </c>
      <c r="DH31" s="330">
        <v>5802972</v>
      </c>
      <c r="DI31" s="326">
        <v>27130</v>
      </c>
      <c r="DJ31" s="327">
        <v>0</v>
      </c>
      <c r="DK31" s="331">
        <v>27130</v>
      </c>
      <c r="DL31" s="332">
        <v>0</v>
      </c>
      <c r="DM31" s="327">
        <v>558719</v>
      </c>
      <c r="DN31" s="327">
        <v>2423351</v>
      </c>
      <c r="DO31" s="327">
        <v>2535450</v>
      </c>
      <c r="DP31" s="327">
        <v>2489964</v>
      </c>
      <c r="DQ31" s="327">
        <v>2254315</v>
      </c>
      <c r="DR31" s="328">
        <v>10261799</v>
      </c>
      <c r="DS31" s="330">
        <v>10288929</v>
      </c>
      <c r="DT31" s="326">
        <v>27130</v>
      </c>
      <c r="DU31" s="327">
        <v>0</v>
      </c>
      <c r="DV31" s="328">
        <v>27130</v>
      </c>
      <c r="DW31" s="326">
        <v>0</v>
      </c>
      <c r="DX31" s="327">
        <v>483047</v>
      </c>
      <c r="DY31" s="327">
        <v>2249117</v>
      </c>
      <c r="DZ31" s="327">
        <v>2197084</v>
      </c>
      <c r="EA31" s="327">
        <v>2286871</v>
      </c>
      <c r="EB31" s="327">
        <v>2090397</v>
      </c>
      <c r="EC31" s="328">
        <v>9306516</v>
      </c>
      <c r="ED31" s="330">
        <v>9333646</v>
      </c>
      <c r="EE31" s="326">
        <v>0</v>
      </c>
      <c r="EF31" s="331">
        <v>0</v>
      </c>
      <c r="EG31" s="328">
        <v>0</v>
      </c>
      <c r="EH31" s="326">
        <v>0</v>
      </c>
      <c r="EI31" s="327">
        <v>75672</v>
      </c>
      <c r="EJ31" s="327">
        <v>174234</v>
      </c>
      <c r="EK31" s="327">
        <v>338366</v>
      </c>
      <c r="EL31" s="327">
        <v>203093</v>
      </c>
      <c r="EM31" s="327">
        <v>163918</v>
      </c>
      <c r="EN31" s="331">
        <v>955283</v>
      </c>
      <c r="EO31" s="330">
        <v>955283</v>
      </c>
      <c r="EP31" s="326">
        <v>0</v>
      </c>
      <c r="EQ31" s="327">
        <v>0</v>
      </c>
      <c r="ER31" s="331">
        <v>0</v>
      </c>
      <c r="ES31" s="332">
        <v>0</v>
      </c>
      <c r="ET31" s="327">
        <v>0</v>
      </c>
      <c r="EU31" s="327">
        <v>0</v>
      </c>
      <c r="EV31" s="327">
        <v>0</v>
      </c>
      <c r="EW31" s="327">
        <v>0</v>
      </c>
      <c r="EX31" s="327">
        <v>0</v>
      </c>
      <c r="EY31" s="328">
        <v>0</v>
      </c>
      <c r="EZ31" s="330">
        <v>0</v>
      </c>
      <c r="FA31" s="326">
        <v>0</v>
      </c>
      <c r="FB31" s="327">
        <v>0</v>
      </c>
      <c r="FC31" s="331">
        <v>0</v>
      </c>
      <c r="FD31" s="332">
        <v>0</v>
      </c>
      <c r="FE31" s="327">
        <v>0</v>
      </c>
      <c r="FF31" s="327">
        <v>0</v>
      </c>
      <c r="FG31" s="327">
        <v>0</v>
      </c>
      <c r="FH31" s="327">
        <v>0</v>
      </c>
      <c r="FI31" s="327">
        <v>0</v>
      </c>
      <c r="FJ31" s="328">
        <v>0</v>
      </c>
      <c r="FK31" s="330">
        <v>0</v>
      </c>
      <c r="FL31" s="326">
        <v>881920</v>
      </c>
      <c r="FM31" s="327">
        <v>1033313</v>
      </c>
      <c r="FN31" s="328">
        <v>1915233</v>
      </c>
      <c r="FO31" s="326">
        <v>0</v>
      </c>
      <c r="FP31" s="327">
        <v>1272432</v>
      </c>
      <c r="FQ31" s="327">
        <v>3240259</v>
      </c>
      <c r="FR31" s="327">
        <v>1668545</v>
      </c>
      <c r="FS31" s="327">
        <v>1740105</v>
      </c>
      <c r="FT31" s="327">
        <v>1705198</v>
      </c>
      <c r="FU31" s="328">
        <v>9626539</v>
      </c>
      <c r="FV31" s="330">
        <v>11541772</v>
      </c>
      <c r="FW31" s="333">
        <v>454227</v>
      </c>
      <c r="FX31" s="327">
        <v>705839</v>
      </c>
      <c r="FY31" s="331">
        <v>1160066</v>
      </c>
      <c r="FZ31" s="332">
        <v>0</v>
      </c>
      <c r="GA31" s="327">
        <v>992991</v>
      </c>
      <c r="GB31" s="327">
        <v>2789976</v>
      </c>
      <c r="GC31" s="327">
        <v>1642409</v>
      </c>
      <c r="GD31" s="327">
        <v>1631205</v>
      </c>
      <c r="GE31" s="327">
        <v>1705198</v>
      </c>
      <c r="GF31" s="328">
        <v>8761779</v>
      </c>
      <c r="GG31" s="334">
        <v>9921845</v>
      </c>
      <c r="GH31" s="333">
        <v>37273</v>
      </c>
      <c r="GI31" s="327">
        <v>79164</v>
      </c>
      <c r="GJ31" s="331">
        <v>116437</v>
      </c>
      <c r="GK31" s="332">
        <v>0</v>
      </c>
      <c r="GL31" s="327">
        <v>139441</v>
      </c>
      <c r="GM31" s="327">
        <v>113883</v>
      </c>
      <c r="GN31" s="327">
        <v>26136</v>
      </c>
      <c r="GO31" s="327">
        <v>0</v>
      </c>
      <c r="GP31" s="327">
        <v>0</v>
      </c>
      <c r="GQ31" s="328">
        <v>279460</v>
      </c>
      <c r="GR31" s="330">
        <v>395897</v>
      </c>
      <c r="GS31" s="326">
        <v>390420</v>
      </c>
      <c r="GT31" s="327">
        <v>248310</v>
      </c>
      <c r="GU31" s="328">
        <v>638730</v>
      </c>
      <c r="GV31" s="326">
        <v>0</v>
      </c>
      <c r="GW31" s="327">
        <v>140000</v>
      </c>
      <c r="GX31" s="327">
        <v>336400</v>
      </c>
      <c r="GY31" s="327">
        <v>0</v>
      </c>
      <c r="GZ31" s="327">
        <v>108900</v>
      </c>
      <c r="HA31" s="327">
        <v>0</v>
      </c>
      <c r="HB31" s="331">
        <v>585300</v>
      </c>
      <c r="HC31" s="330">
        <v>1224030</v>
      </c>
      <c r="HD31" s="326">
        <v>458135</v>
      </c>
      <c r="HE31" s="327">
        <v>305539</v>
      </c>
      <c r="HF31" s="331">
        <v>763674</v>
      </c>
      <c r="HG31" s="332">
        <v>0</v>
      </c>
      <c r="HH31" s="327">
        <v>5281493</v>
      </c>
      <c r="HI31" s="327">
        <v>3930939</v>
      </c>
      <c r="HJ31" s="327">
        <v>5759490</v>
      </c>
      <c r="HK31" s="327">
        <v>5397485</v>
      </c>
      <c r="HL31" s="327">
        <v>2902961</v>
      </c>
      <c r="HM31" s="328">
        <v>23272368</v>
      </c>
      <c r="HN31" s="329">
        <v>24036042</v>
      </c>
      <c r="HO31" s="333">
        <v>411660</v>
      </c>
      <c r="HP31" s="327">
        <v>628049</v>
      </c>
      <c r="HQ31" s="328">
        <v>1039709</v>
      </c>
      <c r="HR31" s="326">
        <v>0</v>
      </c>
      <c r="HS31" s="327">
        <v>4089112</v>
      </c>
      <c r="HT31" s="327">
        <v>4419502</v>
      </c>
      <c r="HU31" s="327">
        <v>2598174</v>
      </c>
      <c r="HV31" s="327">
        <v>1619339</v>
      </c>
      <c r="HW31" s="327">
        <v>1407109</v>
      </c>
      <c r="HX31" s="331">
        <v>14133236</v>
      </c>
      <c r="HY31" s="330">
        <v>15172945</v>
      </c>
      <c r="HZ31" s="335">
        <v>65785</v>
      </c>
      <c r="IA31" s="336">
        <v>0</v>
      </c>
      <c r="IB31" s="337">
        <v>65785</v>
      </c>
      <c r="IC31" s="338">
        <v>0</v>
      </c>
      <c r="ID31" s="336">
        <v>3848873</v>
      </c>
      <c r="IE31" s="339">
        <v>7855319</v>
      </c>
      <c r="IF31" s="337">
        <v>10643077</v>
      </c>
      <c r="IG31" s="336">
        <v>5406265</v>
      </c>
      <c r="IH31" s="337">
        <v>2724685</v>
      </c>
      <c r="II31" s="340">
        <v>30478219</v>
      </c>
      <c r="IJ31" s="341">
        <v>30544004</v>
      </c>
      <c r="IK31" s="342">
        <v>0</v>
      </c>
      <c r="IL31" s="343">
        <v>0</v>
      </c>
      <c r="IM31" s="344">
        <v>0</v>
      </c>
      <c r="IN31" s="404">
        <v>0</v>
      </c>
      <c r="IO31" s="345">
        <v>0</v>
      </c>
      <c r="IP31" s="345">
        <v>0</v>
      </c>
      <c r="IQ31" s="345">
        <v>0</v>
      </c>
      <c r="IR31" s="345">
        <v>0</v>
      </c>
      <c r="IS31" s="345">
        <v>0</v>
      </c>
      <c r="IT31" s="346">
        <v>0</v>
      </c>
      <c r="IU31" s="347">
        <v>0</v>
      </c>
      <c r="IV31" s="348">
        <v>0</v>
      </c>
      <c r="IW31" s="345">
        <v>0</v>
      </c>
      <c r="IX31" s="349">
        <v>0</v>
      </c>
      <c r="IY31" s="413">
        <v>0</v>
      </c>
      <c r="IZ31" s="345">
        <v>0</v>
      </c>
      <c r="JA31" s="345">
        <v>0</v>
      </c>
      <c r="JB31" s="345">
        <v>0</v>
      </c>
      <c r="JC31" s="345">
        <v>0</v>
      </c>
      <c r="JD31" s="345">
        <v>0</v>
      </c>
      <c r="JE31" s="349">
        <v>0</v>
      </c>
      <c r="JF31" s="350">
        <v>0</v>
      </c>
      <c r="JG31" s="348">
        <v>0</v>
      </c>
      <c r="JH31" s="345">
        <v>0</v>
      </c>
      <c r="JI31" s="346">
        <v>0</v>
      </c>
      <c r="JJ31" s="351">
        <v>0</v>
      </c>
      <c r="JK31" s="345">
        <v>1957672</v>
      </c>
      <c r="JL31" s="345">
        <v>2981301</v>
      </c>
      <c r="JM31" s="345">
        <v>2552888</v>
      </c>
      <c r="JN31" s="345">
        <v>1332297</v>
      </c>
      <c r="JO31" s="345">
        <v>921068</v>
      </c>
      <c r="JP31" s="349">
        <v>9745226</v>
      </c>
      <c r="JQ31" s="347">
        <v>9745226</v>
      </c>
      <c r="JR31" s="348">
        <v>0</v>
      </c>
      <c r="JS31" s="345">
        <v>0</v>
      </c>
      <c r="JT31" s="346">
        <v>0</v>
      </c>
      <c r="JU31" s="351">
        <v>0</v>
      </c>
      <c r="JV31" s="345">
        <v>0</v>
      </c>
      <c r="JW31" s="345">
        <v>0</v>
      </c>
      <c r="JX31" s="345">
        <v>0</v>
      </c>
      <c r="JY31" s="345">
        <v>0</v>
      </c>
      <c r="JZ31" s="345">
        <v>0</v>
      </c>
      <c r="KA31" s="349">
        <v>0</v>
      </c>
      <c r="KB31" s="347">
        <v>0</v>
      </c>
      <c r="KC31" s="352">
        <v>65785</v>
      </c>
      <c r="KD31" s="353">
        <v>0</v>
      </c>
      <c r="KE31" s="349">
        <v>65785</v>
      </c>
      <c r="KF31" s="351">
        <v>0</v>
      </c>
      <c r="KG31" s="345">
        <v>804326</v>
      </c>
      <c r="KH31" s="345">
        <v>1249816</v>
      </c>
      <c r="KI31" s="345">
        <v>1696356</v>
      </c>
      <c r="KJ31" s="345">
        <v>544811</v>
      </c>
      <c r="KK31" s="345">
        <v>679794</v>
      </c>
      <c r="KL31" s="349">
        <v>4975103</v>
      </c>
      <c r="KM31" s="354">
        <v>5040888</v>
      </c>
      <c r="KN31" s="342">
        <v>0</v>
      </c>
      <c r="KO31" s="343">
        <v>0</v>
      </c>
      <c r="KP31" s="344">
        <v>0</v>
      </c>
      <c r="KQ31" s="413">
        <v>0</v>
      </c>
      <c r="KR31" s="345">
        <v>1086875</v>
      </c>
      <c r="KS31" s="345">
        <v>3624202</v>
      </c>
      <c r="KT31" s="345">
        <v>6393833</v>
      </c>
      <c r="KU31" s="345">
        <v>3529157</v>
      </c>
      <c r="KV31" s="345">
        <v>1123823</v>
      </c>
      <c r="KW31" s="349">
        <v>15757890</v>
      </c>
      <c r="KX31" s="347">
        <v>15757890</v>
      </c>
      <c r="KY31" s="348">
        <v>0</v>
      </c>
      <c r="KZ31" s="345">
        <v>0</v>
      </c>
      <c r="LA31" s="349">
        <v>0</v>
      </c>
      <c r="LB31" s="413">
        <v>0</v>
      </c>
      <c r="LC31" s="345">
        <v>0</v>
      </c>
      <c r="LD31" s="345">
        <v>0</v>
      </c>
      <c r="LE31" s="345">
        <v>0</v>
      </c>
      <c r="LF31" s="345">
        <v>0</v>
      </c>
      <c r="LG31" s="345">
        <v>0</v>
      </c>
      <c r="LH31" s="349">
        <v>0</v>
      </c>
      <c r="LI31" s="350">
        <v>0</v>
      </c>
      <c r="LJ31" s="348">
        <v>0</v>
      </c>
      <c r="LK31" s="345">
        <v>0</v>
      </c>
      <c r="LL31" s="349">
        <v>0</v>
      </c>
      <c r="LM31" s="413">
        <v>0</v>
      </c>
      <c r="LN31" s="345">
        <v>0</v>
      </c>
      <c r="LO31" s="345">
        <v>0</v>
      </c>
      <c r="LP31" s="345">
        <v>0</v>
      </c>
      <c r="LQ31" s="345">
        <v>0</v>
      </c>
      <c r="LR31" s="345">
        <v>0</v>
      </c>
      <c r="LS31" s="349">
        <v>0</v>
      </c>
      <c r="LT31" s="347">
        <v>0</v>
      </c>
      <c r="LU31" s="348">
        <v>0</v>
      </c>
      <c r="LV31" s="345">
        <v>0</v>
      </c>
      <c r="LW31" s="349">
        <v>0</v>
      </c>
      <c r="LX31" s="413">
        <v>0</v>
      </c>
      <c r="LY31" s="345">
        <v>0</v>
      </c>
      <c r="LZ31" s="345">
        <v>0</v>
      </c>
      <c r="MA31" s="345">
        <v>0</v>
      </c>
      <c r="MB31" s="345">
        <v>0</v>
      </c>
      <c r="MC31" s="345">
        <v>0</v>
      </c>
      <c r="MD31" s="349">
        <v>0</v>
      </c>
      <c r="ME31" s="350">
        <v>0</v>
      </c>
      <c r="MF31" s="348">
        <v>0</v>
      </c>
      <c r="MG31" s="345">
        <v>0</v>
      </c>
      <c r="MH31" s="349">
        <v>0</v>
      </c>
      <c r="MI31" s="413">
        <v>0</v>
      </c>
      <c r="MJ31" s="345">
        <v>1084789</v>
      </c>
      <c r="MK31" s="345">
        <v>4654848</v>
      </c>
      <c r="ML31" s="345">
        <v>17899058</v>
      </c>
      <c r="MM31" s="345">
        <v>24945656</v>
      </c>
      <c r="MN31" s="345">
        <v>19953615</v>
      </c>
      <c r="MO31" s="349">
        <v>68537966</v>
      </c>
      <c r="MP31" s="354">
        <v>68537966</v>
      </c>
      <c r="MQ31" s="348">
        <v>0</v>
      </c>
      <c r="MR31" s="345">
        <v>0</v>
      </c>
      <c r="MS31" s="349">
        <v>0</v>
      </c>
      <c r="MT31" s="413">
        <v>0</v>
      </c>
      <c r="MU31" s="345">
        <v>512787</v>
      </c>
      <c r="MV31" s="345">
        <v>1050407</v>
      </c>
      <c r="MW31" s="345">
        <v>8491574</v>
      </c>
      <c r="MX31" s="345">
        <v>18509645</v>
      </c>
      <c r="MY31" s="345">
        <v>14224750</v>
      </c>
      <c r="MZ31" s="349">
        <v>42789163</v>
      </c>
      <c r="NA31" s="354">
        <v>42789163</v>
      </c>
      <c r="NB31" s="348">
        <v>0</v>
      </c>
      <c r="NC31" s="345">
        <v>0</v>
      </c>
      <c r="ND31" s="349">
        <v>0</v>
      </c>
      <c r="NE31" s="413">
        <v>0</v>
      </c>
      <c r="NF31" s="345">
        <v>572002</v>
      </c>
      <c r="NG31" s="345">
        <v>3604441</v>
      </c>
      <c r="NH31" s="345">
        <v>9028243</v>
      </c>
      <c r="NI31" s="345">
        <v>6436011</v>
      </c>
      <c r="NJ31" s="345">
        <v>3898876</v>
      </c>
      <c r="NK31" s="349">
        <v>23539573</v>
      </c>
      <c r="NL31" s="347">
        <v>23539573</v>
      </c>
      <c r="NM31" s="348">
        <v>0</v>
      </c>
      <c r="NN31" s="345">
        <v>0</v>
      </c>
      <c r="NO31" s="349">
        <v>0</v>
      </c>
      <c r="NP31" s="413">
        <v>0</v>
      </c>
      <c r="NQ31" s="345">
        <v>0</v>
      </c>
      <c r="NR31" s="345">
        <v>0</v>
      </c>
      <c r="NS31" s="345">
        <v>0</v>
      </c>
      <c r="NT31" s="345">
        <v>0</v>
      </c>
      <c r="NU31" s="345">
        <v>0</v>
      </c>
      <c r="NV31" s="349">
        <v>0</v>
      </c>
      <c r="NW31" s="350">
        <v>0</v>
      </c>
      <c r="NX31" s="348">
        <v>0</v>
      </c>
      <c r="NY31" s="345">
        <v>0</v>
      </c>
      <c r="NZ31" s="349">
        <v>0</v>
      </c>
      <c r="OA31" s="413">
        <v>0</v>
      </c>
      <c r="OB31" s="345">
        <v>0</v>
      </c>
      <c r="OC31" s="345">
        <v>0</v>
      </c>
      <c r="OD31" s="345">
        <v>379241</v>
      </c>
      <c r="OE31" s="345">
        <v>0</v>
      </c>
      <c r="OF31" s="345">
        <v>1829989</v>
      </c>
      <c r="OG31" s="349">
        <v>2209230</v>
      </c>
      <c r="OH31" s="350">
        <v>2209230</v>
      </c>
      <c r="OI31" s="348">
        <v>2543534</v>
      </c>
      <c r="OJ31" s="345">
        <v>2778677</v>
      </c>
      <c r="OK31" s="346">
        <v>5322211</v>
      </c>
      <c r="OL31" s="351">
        <v>0</v>
      </c>
      <c r="OM31" s="345">
        <v>28624124</v>
      </c>
      <c r="ON31" s="345">
        <v>45926165</v>
      </c>
      <c r="OO31" s="345">
        <v>54747841</v>
      </c>
      <c r="OP31" s="345">
        <v>52829489</v>
      </c>
      <c r="OQ31" s="345">
        <v>46260841</v>
      </c>
      <c r="OR31" s="349">
        <v>228388460</v>
      </c>
      <c r="OS31" s="354">
        <v>233710671</v>
      </c>
    </row>
    <row r="32" spans="2:409" s="70" customFormat="1" ht="21" customHeight="1" x14ac:dyDescent="0.2">
      <c r="B32" s="410" t="s">
        <v>27</v>
      </c>
      <c r="C32" s="326">
        <v>2926772</v>
      </c>
      <c r="D32" s="327">
        <v>7047121</v>
      </c>
      <c r="E32" s="328">
        <v>9973893</v>
      </c>
      <c r="F32" s="329">
        <v>0</v>
      </c>
      <c r="G32" s="327">
        <v>26621216</v>
      </c>
      <c r="H32" s="327">
        <v>22024653</v>
      </c>
      <c r="I32" s="327">
        <v>23895431</v>
      </c>
      <c r="J32" s="327">
        <v>25633145</v>
      </c>
      <c r="K32" s="327">
        <v>16867364</v>
      </c>
      <c r="L32" s="367">
        <v>115041809</v>
      </c>
      <c r="M32" s="330">
        <v>125015702</v>
      </c>
      <c r="N32" s="326">
        <v>591793</v>
      </c>
      <c r="O32" s="327">
        <v>1605897</v>
      </c>
      <c r="P32" s="328">
        <v>2197690</v>
      </c>
      <c r="Q32" s="326">
        <v>0</v>
      </c>
      <c r="R32" s="327">
        <v>4542440</v>
      </c>
      <c r="S32" s="327">
        <v>6419309</v>
      </c>
      <c r="T32" s="327">
        <v>6570420</v>
      </c>
      <c r="U32" s="327">
        <v>7977025</v>
      </c>
      <c r="V32" s="327">
        <v>7944717</v>
      </c>
      <c r="W32" s="328">
        <v>33453911</v>
      </c>
      <c r="X32" s="330">
        <v>35651601</v>
      </c>
      <c r="Y32" s="326">
        <v>0</v>
      </c>
      <c r="Z32" s="327">
        <v>0</v>
      </c>
      <c r="AA32" s="328">
        <v>0</v>
      </c>
      <c r="AB32" s="326">
        <v>0</v>
      </c>
      <c r="AC32" s="327">
        <v>2261449</v>
      </c>
      <c r="AD32" s="327">
        <v>3170241</v>
      </c>
      <c r="AE32" s="327">
        <v>3764101</v>
      </c>
      <c r="AF32" s="327">
        <v>5040667</v>
      </c>
      <c r="AG32" s="327">
        <v>4247152</v>
      </c>
      <c r="AH32" s="328">
        <v>18483610</v>
      </c>
      <c r="AI32" s="330">
        <v>18483610</v>
      </c>
      <c r="AJ32" s="326">
        <v>0</v>
      </c>
      <c r="AK32" s="327">
        <v>0</v>
      </c>
      <c r="AL32" s="328">
        <v>0</v>
      </c>
      <c r="AM32" s="326">
        <v>0</v>
      </c>
      <c r="AN32" s="327">
        <v>81824</v>
      </c>
      <c r="AO32" s="327">
        <v>393098</v>
      </c>
      <c r="AP32" s="327">
        <v>439497</v>
      </c>
      <c r="AQ32" s="327">
        <v>366648</v>
      </c>
      <c r="AR32" s="327">
        <v>1184171</v>
      </c>
      <c r="AS32" s="328">
        <v>2465238</v>
      </c>
      <c r="AT32" s="330">
        <v>2465238</v>
      </c>
      <c r="AU32" s="326">
        <v>489249</v>
      </c>
      <c r="AV32" s="327">
        <v>1375472</v>
      </c>
      <c r="AW32" s="328">
        <v>1864721</v>
      </c>
      <c r="AX32" s="326">
        <v>0</v>
      </c>
      <c r="AY32" s="327">
        <v>1177319</v>
      </c>
      <c r="AZ32" s="327">
        <v>2123142</v>
      </c>
      <c r="BA32" s="327">
        <v>1459912</v>
      </c>
      <c r="BB32" s="327">
        <v>1573916</v>
      </c>
      <c r="BC32" s="327">
        <v>1833322</v>
      </c>
      <c r="BD32" s="328">
        <v>8167611</v>
      </c>
      <c r="BE32" s="330">
        <v>10032332</v>
      </c>
      <c r="BF32" s="326">
        <v>25435</v>
      </c>
      <c r="BG32" s="327">
        <v>33914</v>
      </c>
      <c r="BH32" s="331">
        <v>59349</v>
      </c>
      <c r="BI32" s="332">
        <v>0</v>
      </c>
      <c r="BJ32" s="327">
        <v>17830</v>
      </c>
      <c r="BK32" s="327">
        <v>0</v>
      </c>
      <c r="BL32" s="327">
        <v>62410</v>
      </c>
      <c r="BM32" s="327">
        <v>22473</v>
      </c>
      <c r="BN32" s="327">
        <v>57155</v>
      </c>
      <c r="BO32" s="328">
        <v>159868</v>
      </c>
      <c r="BP32" s="330">
        <v>219217</v>
      </c>
      <c r="BQ32" s="326">
        <v>77109</v>
      </c>
      <c r="BR32" s="327">
        <v>196511</v>
      </c>
      <c r="BS32" s="328">
        <v>273620</v>
      </c>
      <c r="BT32" s="326">
        <v>0</v>
      </c>
      <c r="BU32" s="327">
        <v>1004018</v>
      </c>
      <c r="BV32" s="327">
        <v>732828</v>
      </c>
      <c r="BW32" s="327">
        <v>844500</v>
      </c>
      <c r="BX32" s="327">
        <v>973321</v>
      </c>
      <c r="BY32" s="327">
        <v>622917</v>
      </c>
      <c r="BZ32" s="328">
        <v>4177584</v>
      </c>
      <c r="CA32" s="330">
        <v>4451204</v>
      </c>
      <c r="CB32" s="326">
        <v>380701</v>
      </c>
      <c r="CC32" s="327">
        <v>1521602</v>
      </c>
      <c r="CD32" s="328">
        <v>1902303</v>
      </c>
      <c r="CE32" s="326">
        <v>0</v>
      </c>
      <c r="CF32" s="327">
        <v>8303468</v>
      </c>
      <c r="CG32" s="327">
        <v>5433904</v>
      </c>
      <c r="CH32" s="327">
        <v>5544431</v>
      </c>
      <c r="CI32" s="327">
        <v>4048811</v>
      </c>
      <c r="CJ32" s="327">
        <v>2302287</v>
      </c>
      <c r="CK32" s="328">
        <v>25632901</v>
      </c>
      <c r="CL32" s="330">
        <v>27535204</v>
      </c>
      <c r="CM32" s="326">
        <v>0</v>
      </c>
      <c r="CN32" s="327">
        <v>0</v>
      </c>
      <c r="CO32" s="328">
        <v>0</v>
      </c>
      <c r="CP32" s="332">
        <v>0</v>
      </c>
      <c r="CQ32" s="327">
        <v>6917067</v>
      </c>
      <c r="CR32" s="327">
        <v>3432975</v>
      </c>
      <c r="CS32" s="327">
        <v>3729335</v>
      </c>
      <c r="CT32" s="327">
        <v>3694963</v>
      </c>
      <c r="CU32" s="327">
        <v>1459689</v>
      </c>
      <c r="CV32" s="328">
        <v>19234029</v>
      </c>
      <c r="CW32" s="330">
        <v>19234029</v>
      </c>
      <c r="CX32" s="326">
        <v>380701</v>
      </c>
      <c r="CY32" s="327">
        <v>1521602</v>
      </c>
      <c r="CZ32" s="328">
        <v>1902303</v>
      </c>
      <c r="DA32" s="326">
        <v>0</v>
      </c>
      <c r="DB32" s="327">
        <v>1386401</v>
      </c>
      <c r="DC32" s="327">
        <v>2000929</v>
      </c>
      <c r="DD32" s="327">
        <v>1815096</v>
      </c>
      <c r="DE32" s="327">
        <v>353848</v>
      </c>
      <c r="DF32" s="327">
        <v>842598</v>
      </c>
      <c r="DG32" s="328">
        <v>6398872</v>
      </c>
      <c r="DH32" s="330">
        <v>8301175</v>
      </c>
      <c r="DI32" s="326">
        <v>26832</v>
      </c>
      <c r="DJ32" s="327">
        <v>99960</v>
      </c>
      <c r="DK32" s="331">
        <v>126792</v>
      </c>
      <c r="DL32" s="332">
        <v>0</v>
      </c>
      <c r="DM32" s="327">
        <v>1345532</v>
      </c>
      <c r="DN32" s="327">
        <v>502618</v>
      </c>
      <c r="DO32" s="327">
        <v>1172929</v>
      </c>
      <c r="DP32" s="327">
        <v>1972322</v>
      </c>
      <c r="DQ32" s="327">
        <v>574040</v>
      </c>
      <c r="DR32" s="328">
        <v>5567441</v>
      </c>
      <c r="DS32" s="330">
        <v>5694233</v>
      </c>
      <c r="DT32" s="326">
        <v>10121</v>
      </c>
      <c r="DU32" s="327">
        <v>99960</v>
      </c>
      <c r="DV32" s="328">
        <v>110081</v>
      </c>
      <c r="DW32" s="326">
        <v>0</v>
      </c>
      <c r="DX32" s="327">
        <v>1246943</v>
      </c>
      <c r="DY32" s="327">
        <v>410255</v>
      </c>
      <c r="DZ32" s="327">
        <v>1137434</v>
      </c>
      <c r="EA32" s="327">
        <v>1427142</v>
      </c>
      <c r="EB32" s="327">
        <v>574040</v>
      </c>
      <c r="EC32" s="328">
        <v>4795814</v>
      </c>
      <c r="ED32" s="330">
        <v>4905895</v>
      </c>
      <c r="EE32" s="326">
        <v>16711</v>
      </c>
      <c r="EF32" s="331">
        <v>0</v>
      </c>
      <c r="EG32" s="328">
        <v>16711</v>
      </c>
      <c r="EH32" s="326">
        <v>0</v>
      </c>
      <c r="EI32" s="327">
        <v>98589</v>
      </c>
      <c r="EJ32" s="327">
        <v>92363</v>
      </c>
      <c r="EK32" s="327">
        <v>35495</v>
      </c>
      <c r="EL32" s="327">
        <v>545180</v>
      </c>
      <c r="EM32" s="327">
        <v>0</v>
      </c>
      <c r="EN32" s="331">
        <v>771627</v>
      </c>
      <c r="EO32" s="330">
        <v>788338</v>
      </c>
      <c r="EP32" s="326">
        <v>0</v>
      </c>
      <c r="EQ32" s="327">
        <v>0</v>
      </c>
      <c r="ER32" s="331">
        <v>0</v>
      </c>
      <c r="ES32" s="332">
        <v>0</v>
      </c>
      <c r="ET32" s="327">
        <v>0</v>
      </c>
      <c r="EU32" s="327">
        <v>0</v>
      </c>
      <c r="EV32" s="327">
        <v>0</v>
      </c>
      <c r="EW32" s="327">
        <v>0</v>
      </c>
      <c r="EX32" s="327">
        <v>0</v>
      </c>
      <c r="EY32" s="328">
        <v>0</v>
      </c>
      <c r="EZ32" s="330">
        <v>0</v>
      </c>
      <c r="FA32" s="326">
        <v>0</v>
      </c>
      <c r="FB32" s="327">
        <v>0</v>
      </c>
      <c r="FC32" s="331">
        <v>0</v>
      </c>
      <c r="FD32" s="332">
        <v>0</v>
      </c>
      <c r="FE32" s="327">
        <v>0</v>
      </c>
      <c r="FF32" s="327">
        <v>0</v>
      </c>
      <c r="FG32" s="327">
        <v>0</v>
      </c>
      <c r="FH32" s="327">
        <v>0</v>
      </c>
      <c r="FI32" s="327">
        <v>0</v>
      </c>
      <c r="FJ32" s="328">
        <v>0</v>
      </c>
      <c r="FK32" s="330">
        <v>0</v>
      </c>
      <c r="FL32" s="326">
        <v>536917</v>
      </c>
      <c r="FM32" s="327">
        <v>1321764</v>
      </c>
      <c r="FN32" s="328">
        <v>1858681</v>
      </c>
      <c r="FO32" s="326">
        <v>0</v>
      </c>
      <c r="FP32" s="327">
        <v>641946</v>
      </c>
      <c r="FQ32" s="327">
        <v>2067500</v>
      </c>
      <c r="FR32" s="327">
        <v>1677639</v>
      </c>
      <c r="FS32" s="327">
        <v>1525681</v>
      </c>
      <c r="FT32" s="327">
        <v>1206689</v>
      </c>
      <c r="FU32" s="328">
        <v>7119455</v>
      </c>
      <c r="FV32" s="330">
        <v>8978136</v>
      </c>
      <c r="FW32" s="333">
        <v>476269</v>
      </c>
      <c r="FX32" s="327">
        <v>1124040</v>
      </c>
      <c r="FY32" s="331">
        <v>1600309</v>
      </c>
      <c r="FZ32" s="332">
        <v>0</v>
      </c>
      <c r="GA32" s="327">
        <v>579576</v>
      </c>
      <c r="GB32" s="327">
        <v>1739243</v>
      </c>
      <c r="GC32" s="327">
        <v>1633197</v>
      </c>
      <c r="GD32" s="327">
        <v>1272733</v>
      </c>
      <c r="GE32" s="327">
        <v>1180949</v>
      </c>
      <c r="GF32" s="328">
        <v>6405698</v>
      </c>
      <c r="GG32" s="334">
        <v>8006007</v>
      </c>
      <c r="GH32" s="333">
        <v>15048</v>
      </c>
      <c r="GI32" s="327">
        <v>81594</v>
      </c>
      <c r="GJ32" s="331">
        <v>96642</v>
      </c>
      <c r="GK32" s="332">
        <v>0</v>
      </c>
      <c r="GL32" s="327">
        <v>0</v>
      </c>
      <c r="GM32" s="327">
        <v>30987</v>
      </c>
      <c r="GN32" s="327">
        <v>20592</v>
      </c>
      <c r="GO32" s="327">
        <v>112948</v>
      </c>
      <c r="GP32" s="327">
        <v>25740</v>
      </c>
      <c r="GQ32" s="328">
        <v>190267</v>
      </c>
      <c r="GR32" s="330">
        <v>286909</v>
      </c>
      <c r="GS32" s="326">
        <v>45600</v>
      </c>
      <c r="GT32" s="327">
        <v>116130</v>
      </c>
      <c r="GU32" s="328">
        <v>161730</v>
      </c>
      <c r="GV32" s="326">
        <v>0</v>
      </c>
      <c r="GW32" s="327">
        <v>62370</v>
      </c>
      <c r="GX32" s="327">
        <v>297270</v>
      </c>
      <c r="GY32" s="327">
        <v>23850</v>
      </c>
      <c r="GZ32" s="327">
        <v>140000</v>
      </c>
      <c r="HA32" s="327">
        <v>0</v>
      </c>
      <c r="HB32" s="331">
        <v>523490</v>
      </c>
      <c r="HC32" s="330">
        <v>685220</v>
      </c>
      <c r="HD32" s="326">
        <v>741056</v>
      </c>
      <c r="HE32" s="327">
        <v>1538872</v>
      </c>
      <c r="HF32" s="331">
        <v>2279928</v>
      </c>
      <c r="HG32" s="332">
        <v>0</v>
      </c>
      <c r="HH32" s="327">
        <v>8080208</v>
      </c>
      <c r="HI32" s="327">
        <v>5165133</v>
      </c>
      <c r="HJ32" s="327">
        <v>6983762</v>
      </c>
      <c r="HK32" s="327">
        <v>8492289</v>
      </c>
      <c r="HL32" s="327">
        <v>3958577</v>
      </c>
      <c r="HM32" s="328">
        <v>32679969</v>
      </c>
      <c r="HN32" s="329">
        <v>34959897</v>
      </c>
      <c r="HO32" s="333">
        <v>649473</v>
      </c>
      <c r="HP32" s="327">
        <v>959026</v>
      </c>
      <c r="HQ32" s="328">
        <v>1608499</v>
      </c>
      <c r="HR32" s="326">
        <v>0</v>
      </c>
      <c r="HS32" s="327">
        <v>3707622</v>
      </c>
      <c r="HT32" s="327">
        <v>2436189</v>
      </c>
      <c r="HU32" s="327">
        <v>1946250</v>
      </c>
      <c r="HV32" s="327">
        <v>1617017</v>
      </c>
      <c r="HW32" s="327">
        <v>881054</v>
      </c>
      <c r="HX32" s="331">
        <v>10588132</v>
      </c>
      <c r="HY32" s="330">
        <v>12196631</v>
      </c>
      <c r="HZ32" s="358">
        <v>0</v>
      </c>
      <c r="IA32" s="356">
        <v>77359</v>
      </c>
      <c r="IB32" s="358">
        <v>77359</v>
      </c>
      <c r="IC32" s="355">
        <v>0</v>
      </c>
      <c r="ID32" s="356">
        <v>4964558</v>
      </c>
      <c r="IE32" s="357">
        <v>4940828</v>
      </c>
      <c r="IF32" s="358">
        <v>7288603</v>
      </c>
      <c r="IG32" s="356">
        <v>4648176</v>
      </c>
      <c r="IH32" s="358">
        <v>3666298</v>
      </c>
      <c r="II32" s="359">
        <v>25508463</v>
      </c>
      <c r="IJ32" s="358">
        <v>25585822</v>
      </c>
      <c r="IK32" s="342">
        <v>0</v>
      </c>
      <c r="IL32" s="343">
        <v>0</v>
      </c>
      <c r="IM32" s="344">
        <v>0</v>
      </c>
      <c r="IN32" s="404">
        <v>0</v>
      </c>
      <c r="IO32" s="345">
        <v>0</v>
      </c>
      <c r="IP32" s="345">
        <v>0</v>
      </c>
      <c r="IQ32" s="345">
        <v>173104</v>
      </c>
      <c r="IR32" s="345">
        <v>0</v>
      </c>
      <c r="IS32" s="345">
        <v>0</v>
      </c>
      <c r="IT32" s="346">
        <v>173104</v>
      </c>
      <c r="IU32" s="347">
        <v>173104</v>
      </c>
      <c r="IV32" s="348">
        <v>0</v>
      </c>
      <c r="IW32" s="345">
        <v>0</v>
      </c>
      <c r="IX32" s="349">
        <v>0</v>
      </c>
      <c r="IY32" s="413">
        <v>0</v>
      </c>
      <c r="IZ32" s="345">
        <v>0</v>
      </c>
      <c r="JA32" s="345">
        <v>0</v>
      </c>
      <c r="JB32" s="345">
        <v>0</v>
      </c>
      <c r="JC32" s="345">
        <v>0</v>
      </c>
      <c r="JD32" s="345">
        <v>0</v>
      </c>
      <c r="JE32" s="349">
        <v>0</v>
      </c>
      <c r="JF32" s="350">
        <v>0</v>
      </c>
      <c r="JG32" s="348">
        <v>0</v>
      </c>
      <c r="JH32" s="345">
        <v>0</v>
      </c>
      <c r="JI32" s="346">
        <v>0</v>
      </c>
      <c r="JJ32" s="351">
        <v>0</v>
      </c>
      <c r="JK32" s="345">
        <v>1579589</v>
      </c>
      <c r="JL32" s="345">
        <v>894882</v>
      </c>
      <c r="JM32" s="345">
        <v>790399</v>
      </c>
      <c r="JN32" s="345">
        <v>333466</v>
      </c>
      <c r="JO32" s="345">
        <v>280062</v>
      </c>
      <c r="JP32" s="349">
        <v>3878398</v>
      </c>
      <c r="JQ32" s="347">
        <v>3878398</v>
      </c>
      <c r="JR32" s="348">
        <v>0</v>
      </c>
      <c r="JS32" s="345">
        <v>0</v>
      </c>
      <c r="JT32" s="346">
        <v>0</v>
      </c>
      <c r="JU32" s="351">
        <v>0</v>
      </c>
      <c r="JV32" s="345">
        <v>265716</v>
      </c>
      <c r="JW32" s="345">
        <v>164719</v>
      </c>
      <c r="JX32" s="345">
        <v>360918</v>
      </c>
      <c r="JY32" s="345">
        <v>234341</v>
      </c>
      <c r="JZ32" s="345">
        <v>0</v>
      </c>
      <c r="KA32" s="349">
        <v>1025694</v>
      </c>
      <c r="KB32" s="347">
        <v>1025694</v>
      </c>
      <c r="KC32" s="352">
        <v>0</v>
      </c>
      <c r="KD32" s="353">
        <v>77359</v>
      </c>
      <c r="KE32" s="349">
        <v>77359</v>
      </c>
      <c r="KF32" s="351">
        <v>0</v>
      </c>
      <c r="KG32" s="345">
        <v>1259885</v>
      </c>
      <c r="KH32" s="345">
        <v>1099730</v>
      </c>
      <c r="KI32" s="345">
        <v>1475131</v>
      </c>
      <c r="KJ32" s="345">
        <v>494506</v>
      </c>
      <c r="KK32" s="345">
        <v>271183</v>
      </c>
      <c r="KL32" s="349">
        <v>4600435</v>
      </c>
      <c r="KM32" s="354">
        <v>4677794</v>
      </c>
      <c r="KN32" s="342">
        <v>0</v>
      </c>
      <c r="KO32" s="343">
        <v>0</v>
      </c>
      <c r="KP32" s="344">
        <v>0</v>
      </c>
      <c r="KQ32" s="413">
        <v>0</v>
      </c>
      <c r="KR32" s="345">
        <v>1241711</v>
      </c>
      <c r="KS32" s="345">
        <v>2263741</v>
      </c>
      <c r="KT32" s="345">
        <v>2163795</v>
      </c>
      <c r="KU32" s="345">
        <v>1193334</v>
      </c>
      <c r="KV32" s="345">
        <v>913630</v>
      </c>
      <c r="KW32" s="349">
        <v>7776211</v>
      </c>
      <c r="KX32" s="347">
        <v>7776211</v>
      </c>
      <c r="KY32" s="348">
        <v>0</v>
      </c>
      <c r="KZ32" s="345">
        <v>0</v>
      </c>
      <c r="LA32" s="349">
        <v>0</v>
      </c>
      <c r="LB32" s="413">
        <v>0</v>
      </c>
      <c r="LC32" s="345">
        <v>0</v>
      </c>
      <c r="LD32" s="345">
        <v>0</v>
      </c>
      <c r="LE32" s="345">
        <v>0</v>
      </c>
      <c r="LF32" s="345">
        <v>0</v>
      </c>
      <c r="LG32" s="345">
        <v>0</v>
      </c>
      <c r="LH32" s="349">
        <v>0</v>
      </c>
      <c r="LI32" s="350">
        <v>0</v>
      </c>
      <c r="LJ32" s="348">
        <v>0</v>
      </c>
      <c r="LK32" s="345">
        <v>0</v>
      </c>
      <c r="LL32" s="349">
        <v>0</v>
      </c>
      <c r="LM32" s="413">
        <v>0</v>
      </c>
      <c r="LN32" s="345">
        <v>0</v>
      </c>
      <c r="LO32" s="345">
        <v>0</v>
      </c>
      <c r="LP32" s="345">
        <v>1868049</v>
      </c>
      <c r="LQ32" s="345">
        <v>2392529</v>
      </c>
      <c r="LR32" s="345">
        <v>1831849</v>
      </c>
      <c r="LS32" s="349">
        <v>6092427</v>
      </c>
      <c r="LT32" s="347">
        <v>6092427</v>
      </c>
      <c r="LU32" s="348">
        <v>0</v>
      </c>
      <c r="LV32" s="345">
        <v>0</v>
      </c>
      <c r="LW32" s="349">
        <v>0</v>
      </c>
      <c r="LX32" s="413">
        <v>0</v>
      </c>
      <c r="LY32" s="345">
        <v>617657</v>
      </c>
      <c r="LZ32" s="345">
        <v>517756</v>
      </c>
      <c r="MA32" s="345">
        <v>457207</v>
      </c>
      <c r="MB32" s="345">
        <v>0</v>
      </c>
      <c r="MC32" s="345">
        <v>369574</v>
      </c>
      <c r="MD32" s="349">
        <v>1962194</v>
      </c>
      <c r="ME32" s="350">
        <v>1962194</v>
      </c>
      <c r="MF32" s="348">
        <v>0</v>
      </c>
      <c r="MG32" s="345">
        <v>0</v>
      </c>
      <c r="MH32" s="349">
        <v>0</v>
      </c>
      <c r="MI32" s="413">
        <v>0</v>
      </c>
      <c r="MJ32" s="345">
        <v>2075603</v>
      </c>
      <c r="MK32" s="345">
        <v>4447078</v>
      </c>
      <c r="ML32" s="345">
        <v>11590323</v>
      </c>
      <c r="MM32" s="345">
        <v>20853903</v>
      </c>
      <c r="MN32" s="345">
        <v>13505151</v>
      </c>
      <c r="MO32" s="349">
        <v>52472058</v>
      </c>
      <c r="MP32" s="354">
        <v>52472058</v>
      </c>
      <c r="MQ32" s="348">
        <v>0</v>
      </c>
      <c r="MR32" s="345">
        <v>0</v>
      </c>
      <c r="MS32" s="349">
        <v>0</v>
      </c>
      <c r="MT32" s="413">
        <v>0</v>
      </c>
      <c r="MU32" s="345">
        <v>282066</v>
      </c>
      <c r="MV32" s="345">
        <v>243635</v>
      </c>
      <c r="MW32" s="345">
        <v>5822813</v>
      </c>
      <c r="MX32" s="345">
        <v>13160558</v>
      </c>
      <c r="MY32" s="345">
        <v>8513391</v>
      </c>
      <c r="MZ32" s="349">
        <v>28022463</v>
      </c>
      <c r="NA32" s="354">
        <v>28022463</v>
      </c>
      <c r="NB32" s="348">
        <v>0</v>
      </c>
      <c r="NC32" s="345">
        <v>0</v>
      </c>
      <c r="ND32" s="349">
        <v>0</v>
      </c>
      <c r="NE32" s="413">
        <v>0</v>
      </c>
      <c r="NF32" s="345">
        <v>1793537</v>
      </c>
      <c r="NG32" s="345">
        <v>4203443</v>
      </c>
      <c r="NH32" s="345">
        <v>5767510</v>
      </c>
      <c r="NI32" s="345">
        <v>7296311</v>
      </c>
      <c r="NJ32" s="345">
        <v>3801604</v>
      </c>
      <c r="NK32" s="349">
        <v>22862405</v>
      </c>
      <c r="NL32" s="347">
        <v>22862405</v>
      </c>
      <c r="NM32" s="348">
        <v>0</v>
      </c>
      <c r="NN32" s="345">
        <v>0</v>
      </c>
      <c r="NO32" s="349">
        <v>0</v>
      </c>
      <c r="NP32" s="413">
        <v>0</v>
      </c>
      <c r="NQ32" s="345">
        <v>0</v>
      </c>
      <c r="NR32" s="345">
        <v>0</v>
      </c>
      <c r="NS32" s="345">
        <v>0</v>
      </c>
      <c r="NT32" s="345">
        <v>0</v>
      </c>
      <c r="NU32" s="345">
        <v>0</v>
      </c>
      <c r="NV32" s="349">
        <v>0</v>
      </c>
      <c r="NW32" s="350">
        <v>0</v>
      </c>
      <c r="NX32" s="348">
        <v>0</v>
      </c>
      <c r="NY32" s="345">
        <v>0</v>
      </c>
      <c r="NZ32" s="349">
        <v>0</v>
      </c>
      <c r="OA32" s="413">
        <v>0</v>
      </c>
      <c r="OB32" s="345">
        <v>0</v>
      </c>
      <c r="OC32" s="345">
        <v>0</v>
      </c>
      <c r="OD32" s="345">
        <v>0</v>
      </c>
      <c r="OE32" s="345">
        <v>397034</v>
      </c>
      <c r="OF32" s="345">
        <v>1190156</v>
      </c>
      <c r="OG32" s="349">
        <v>1587190</v>
      </c>
      <c r="OH32" s="350">
        <v>1587190</v>
      </c>
      <c r="OI32" s="348">
        <v>2926772</v>
      </c>
      <c r="OJ32" s="345">
        <v>7124480</v>
      </c>
      <c r="OK32" s="346">
        <v>10051252</v>
      </c>
      <c r="OL32" s="351">
        <v>0</v>
      </c>
      <c r="OM32" s="345">
        <v>33661377</v>
      </c>
      <c r="ON32" s="345">
        <v>31412559</v>
      </c>
      <c r="OO32" s="345">
        <v>42774357</v>
      </c>
      <c r="OP32" s="345">
        <v>51135224</v>
      </c>
      <c r="OQ32" s="345">
        <v>34038813</v>
      </c>
      <c r="OR32" s="349">
        <v>193022330</v>
      </c>
      <c r="OS32" s="354">
        <v>203073582</v>
      </c>
    </row>
    <row r="33" spans="2:409" s="70" customFormat="1" ht="21" customHeight="1" x14ac:dyDescent="0.2">
      <c r="B33" s="410" t="s">
        <v>28</v>
      </c>
      <c r="C33" s="326">
        <v>173675</v>
      </c>
      <c r="D33" s="327">
        <v>583491</v>
      </c>
      <c r="E33" s="328">
        <v>757166</v>
      </c>
      <c r="F33" s="329">
        <v>0</v>
      </c>
      <c r="G33" s="327">
        <v>5656955</v>
      </c>
      <c r="H33" s="327">
        <v>9251719</v>
      </c>
      <c r="I33" s="327">
        <v>7003401</v>
      </c>
      <c r="J33" s="327">
        <v>6979938</v>
      </c>
      <c r="K33" s="327">
        <v>6167694</v>
      </c>
      <c r="L33" s="367">
        <v>35059707</v>
      </c>
      <c r="M33" s="330">
        <v>35816873</v>
      </c>
      <c r="N33" s="326">
        <v>56834</v>
      </c>
      <c r="O33" s="327">
        <v>109101</v>
      </c>
      <c r="P33" s="328">
        <v>165935</v>
      </c>
      <c r="Q33" s="326">
        <v>0</v>
      </c>
      <c r="R33" s="327">
        <v>886023</v>
      </c>
      <c r="S33" s="327">
        <v>1593418</v>
      </c>
      <c r="T33" s="327">
        <v>1450122</v>
      </c>
      <c r="U33" s="327">
        <v>1617246</v>
      </c>
      <c r="V33" s="327">
        <v>2242790</v>
      </c>
      <c r="W33" s="328">
        <v>7789599</v>
      </c>
      <c r="X33" s="330">
        <v>7955534</v>
      </c>
      <c r="Y33" s="326">
        <v>0</v>
      </c>
      <c r="Z33" s="327">
        <v>0</v>
      </c>
      <c r="AA33" s="328">
        <v>0</v>
      </c>
      <c r="AB33" s="326">
        <v>0</v>
      </c>
      <c r="AC33" s="327">
        <v>459090</v>
      </c>
      <c r="AD33" s="327">
        <v>904975</v>
      </c>
      <c r="AE33" s="327">
        <v>566463</v>
      </c>
      <c r="AF33" s="327">
        <v>724335</v>
      </c>
      <c r="AG33" s="327">
        <v>1209332</v>
      </c>
      <c r="AH33" s="328">
        <v>3864195</v>
      </c>
      <c r="AI33" s="330">
        <v>3864195</v>
      </c>
      <c r="AJ33" s="326">
        <v>0</v>
      </c>
      <c r="AK33" s="327">
        <v>0</v>
      </c>
      <c r="AL33" s="328">
        <v>0</v>
      </c>
      <c r="AM33" s="326">
        <v>0</v>
      </c>
      <c r="AN33" s="327">
        <v>0</v>
      </c>
      <c r="AO33" s="327">
        <v>0</v>
      </c>
      <c r="AP33" s="327">
        <v>192009</v>
      </c>
      <c r="AQ33" s="327">
        <v>90918</v>
      </c>
      <c r="AR33" s="327">
        <v>155860</v>
      </c>
      <c r="AS33" s="328">
        <v>438787</v>
      </c>
      <c r="AT33" s="330">
        <v>438787</v>
      </c>
      <c r="AU33" s="326">
        <v>51668</v>
      </c>
      <c r="AV33" s="327">
        <v>103719</v>
      </c>
      <c r="AW33" s="328">
        <v>155387</v>
      </c>
      <c r="AX33" s="326">
        <v>0</v>
      </c>
      <c r="AY33" s="327">
        <v>282520</v>
      </c>
      <c r="AZ33" s="327">
        <v>465061</v>
      </c>
      <c r="BA33" s="327">
        <v>468139</v>
      </c>
      <c r="BB33" s="327">
        <v>650123</v>
      </c>
      <c r="BC33" s="327">
        <v>601142</v>
      </c>
      <c r="BD33" s="328">
        <v>2466985</v>
      </c>
      <c r="BE33" s="330">
        <v>2622372</v>
      </c>
      <c r="BF33" s="326">
        <v>0</v>
      </c>
      <c r="BG33" s="327">
        <v>0</v>
      </c>
      <c r="BH33" s="331">
        <v>0</v>
      </c>
      <c r="BI33" s="332">
        <v>0</v>
      </c>
      <c r="BJ33" s="327">
        <v>23353</v>
      </c>
      <c r="BK33" s="327">
        <v>0</v>
      </c>
      <c r="BL33" s="327">
        <v>62410</v>
      </c>
      <c r="BM33" s="327">
        <v>8915</v>
      </c>
      <c r="BN33" s="327">
        <v>41183</v>
      </c>
      <c r="BO33" s="328">
        <v>135861</v>
      </c>
      <c r="BP33" s="330">
        <v>135861</v>
      </c>
      <c r="BQ33" s="326">
        <v>5166</v>
      </c>
      <c r="BR33" s="327">
        <v>5382</v>
      </c>
      <c r="BS33" s="328">
        <v>10548</v>
      </c>
      <c r="BT33" s="326">
        <v>0</v>
      </c>
      <c r="BU33" s="327">
        <v>121060</v>
      </c>
      <c r="BV33" s="327">
        <v>223382</v>
      </c>
      <c r="BW33" s="327">
        <v>161101</v>
      </c>
      <c r="BX33" s="327">
        <v>142955</v>
      </c>
      <c r="BY33" s="327">
        <v>235273</v>
      </c>
      <c r="BZ33" s="328">
        <v>883771</v>
      </c>
      <c r="CA33" s="330">
        <v>894319</v>
      </c>
      <c r="CB33" s="326">
        <v>44028</v>
      </c>
      <c r="CC33" s="327">
        <v>170587</v>
      </c>
      <c r="CD33" s="328">
        <v>214615</v>
      </c>
      <c r="CE33" s="326">
        <v>0</v>
      </c>
      <c r="CF33" s="327">
        <v>2188129</v>
      </c>
      <c r="CG33" s="327">
        <v>4132159</v>
      </c>
      <c r="CH33" s="327">
        <v>2733561</v>
      </c>
      <c r="CI33" s="327">
        <v>2489579</v>
      </c>
      <c r="CJ33" s="327">
        <v>1064117</v>
      </c>
      <c r="CK33" s="328">
        <v>12607545</v>
      </c>
      <c r="CL33" s="330">
        <v>12822160</v>
      </c>
      <c r="CM33" s="326">
        <v>0</v>
      </c>
      <c r="CN33" s="327">
        <v>0</v>
      </c>
      <c r="CO33" s="328">
        <v>0</v>
      </c>
      <c r="CP33" s="332">
        <v>0</v>
      </c>
      <c r="CQ33" s="327">
        <v>1546407</v>
      </c>
      <c r="CR33" s="327">
        <v>3012571</v>
      </c>
      <c r="CS33" s="327">
        <v>2109883</v>
      </c>
      <c r="CT33" s="327">
        <v>1376320</v>
      </c>
      <c r="CU33" s="327">
        <v>756268</v>
      </c>
      <c r="CV33" s="328">
        <v>8801449</v>
      </c>
      <c r="CW33" s="330">
        <v>8801449</v>
      </c>
      <c r="CX33" s="326">
        <v>44028</v>
      </c>
      <c r="CY33" s="327">
        <v>170587</v>
      </c>
      <c r="CZ33" s="328">
        <v>214615</v>
      </c>
      <c r="DA33" s="326">
        <v>0</v>
      </c>
      <c r="DB33" s="327">
        <v>641722</v>
      </c>
      <c r="DC33" s="327">
        <v>1119588</v>
      </c>
      <c r="DD33" s="327">
        <v>623678</v>
      </c>
      <c r="DE33" s="327">
        <v>1113259</v>
      </c>
      <c r="DF33" s="327">
        <v>307849</v>
      </c>
      <c r="DG33" s="328">
        <v>3806096</v>
      </c>
      <c r="DH33" s="330">
        <v>4020711</v>
      </c>
      <c r="DI33" s="326">
        <v>0</v>
      </c>
      <c r="DJ33" s="327">
        <v>0</v>
      </c>
      <c r="DK33" s="331">
        <v>0</v>
      </c>
      <c r="DL33" s="332">
        <v>0</v>
      </c>
      <c r="DM33" s="327">
        <v>60712</v>
      </c>
      <c r="DN33" s="327">
        <v>219086</v>
      </c>
      <c r="DO33" s="327">
        <v>680084</v>
      </c>
      <c r="DP33" s="327">
        <v>1125256</v>
      </c>
      <c r="DQ33" s="327">
        <v>348132</v>
      </c>
      <c r="DR33" s="328">
        <v>2433270</v>
      </c>
      <c r="DS33" s="330">
        <v>2433270</v>
      </c>
      <c r="DT33" s="326">
        <v>0</v>
      </c>
      <c r="DU33" s="327">
        <v>0</v>
      </c>
      <c r="DV33" s="328">
        <v>0</v>
      </c>
      <c r="DW33" s="326">
        <v>0</v>
      </c>
      <c r="DX33" s="327">
        <v>30670</v>
      </c>
      <c r="DY33" s="327">
        <v>219086</v>
      </c>
      <c r="DZ33" s="327">
        <v>504190</v>
      </c>
      <c r="EA33" s="327">
        <v>700461</v>
      </c>
      <c r="EB33" s="327">
        <v>304653</v>
      </c>
      <c r="EC33" s="328">
        <v>1759060</v>
      </c>
      <c r="ED33" s="330">
        <v>1759060</v>
      </c>
      <c r="EE33" s="326">
        <v>0</v>
      </c>
      <c r="EF33" s="331">
        <v>0</v>
      </c>
      <c r="EG33" s="328">
        <v>0</v>
      </c>
      <c r="EH33" s="326">
        <v>0</v>
      </c>
      <c r="EI33" s="327">
        <v>30042</v>
      </c>
      <c r="EJ33" s="327">
        <v>0</v>
      </c>
      <c r="EK33" s="327">
        <v>175894</v>
      </c>
      <c r="EL33" s="327">
        <v>424795</v>
      </c>
      <c r="EM33" s="327">
        <v>43479</v>
      </c>
      <c r="EN33" s="331">
        <v>674210</v>
      </c>
      <c r="EO33" s="330">
        <v>674210</v>
      </c>
      <c r="EP33" s="326">
        <v>0</v>
      </c>
      <c r="EQ33" s="327">
        <v>0</v>
      </c>
      <c r="ER33" s="331">
        <v>0</v>
      </c>
      <c r="ES33" s="332">
        <v>0</v>
      </c>
      <c r="ET33" s="327">
        <v>0</v>
      </c>
      <c r="EU33" s="327">
        <v>0</v>
      </c>
      <c r="EV33" s="327">
        <v>0</v>
      </c>
      <c r="EW33" s="327">
        <v>0</v>
      </c>
      <c r="EX33" s="327">
        <v>0</v>
      </c>
      <c r="EY33" s="328">
        <v>0</v>
      </c>
      <c r="EZ33" s="330">
        <v>0</v>
      </c>
      <c r="FA33" s="326">
        <v>0</v>
      </c>
      <c r="FB33" s="327">
        <v>0</v>
      </c>
      <c r="FC33" s="331">
        <v>0</v>
      </c>
      <c r="FD33" s="332">
        <v>0</v>
      </c>
      <c r="FE33" s="327">
        <v>0</v>
      </c>
      <c r="FF33" s="327">
        <v>0</v>
      </c>
      <c r="FG33" s="327">
        <v>0</v>
      </c>
      <c r="FH33" s="327">
        <v>0</v>
      </c>
      <c r="FI33" s="327">
        <v>0</v>
      </c>
      <c r="FJ33" s="328">
        <v>0</v>
      </c>
      <c r="FK33" s="330">
        <v>0</v>
      </c>
      <c r="FL33" s="326">
        <v>28242</v>
      </c>
      <c r="FM33" s="327">
        <v>157630</v>
      </c>
      <c r="FN33" s="328">
        <v>185872</v>
      </c>
      <c r="FO33" s="326">
        <v>0</v>
      </c>
      <c r="FP33" s="327">
        <v>315964</v>
      </c>
      <c r="FQ33" s="327">
        <v>831490</v>
      </c>
      <c r="FR33" s="327">
        <v>565354</v>
      </c>
      <c r="FS33" s="327">
        <v>591153</v>
      </c>
      <c r="FT33" s="327">
        <v>416646</v>
      </c>
      <c r="FU33" s="328">
        <v>2720607</v>
      </c>
      <c r="FV33" s="330">
        <v>2906479</v>
      </c>
      <c r="FW33" s="333">
        <v>28242</v>
      </c>
      <c r="FX33" s="327">
        <v>157630</v>
      </c>
      <c r="FY33" s="331">
        <v>185872</v>
      </c>
      <c r="FZ33" s="332">
        <v>0</v>
      </c>
      <c r="GA33" s="327">
        <v>287611</v>
      </c>
      <c r="GB33" s="327">
        <v>831490</v>
      </c>
      <c r="GC33" s="327">
        <v>543054</v>
      </c>
      <c r="GD33" s="327">
        <v>563433</v>
      </c>
      <c r="GE33" s="327">
        <v>327096</v>
      </c>
      <c r="GF33" s="328">
        <v>2552684</v>
      </c>
      <c r="GG33" s="334">
        <v>2738556</v>
      </c>
      <c r="GH33" s="333">
        <v>0</v>
      </c>
      <c r="GI33" s="327">
        <v>0</v>
      </c>
      <c r="GJ33" s="331">
        <v>0</v>
      </c>
      <c r="GK33" s="332">
        <v>0</v>
      </c>
      <c r="GL33" s="327">
        <v>28353</v>
      </c>
      <c r="GM33" s="327">
        <v>0</v>
      </c>
      <c r="GN33" s="327">
        <v>22300</v>
      </c>
      <c r="GO33" s="327">
        <v>27720</v>
      </c>
      <c r="GP33" s="327">
        <v>0</v>
      </c>
      <c r="GQ33" s="328">
        <v>78373</v>
      </c>
      <c r="GR33" s="330">
        <v>78373</v>
      </c>
      <c r="GS33" s="326">
        <v>0</v>
      </c>
      <c r="GT33" s="327">
        <v>0</v>
      </c>
      <c r="GU33" s="328">
        <v>0</v>
      </c>
      <c r="GV33" s="326">
        <v>0</v>
      </c>
      <c r="GW33" s="327">
        <v>0</v>
      </c>
      <c r="GX33" s="327">
        <v>0</v>
      </c>
      <c r="GY33" s="327">
        <v>0</v>
      </c>
      <c r="GZ33" s="327">
        <v>0</v>
      </c>
      <c r="HA33" s="327">
        <v>89550</v>
      </c>
      <c r="HB33" s="331">
        <v>89550</v>
      </c>
      <c r="HC33" s="330">
        <v>89550</v>
      </c>
      <c r="HD33" s="326">
        <v>0</v>
      </c>
      <c r="HE33" s="327">
        <v>0</v>
      </c>
      <c r="HF33" s="331">
        <v>0</v>
      </c>
      <c r="HG33" s="332">
        <v>0</v>
      </c>
      <c r="HH33" s="327">
        <v>1055339</v>
      </c>
      <c r="HI33" s="327">
        <v>1301635</v>
      </c>
      <c r="HJ33" s="327">
        <v>750482</v>
      </c>
      <c r="HK33" s="327">
        <v>614919</v>
      </c>
      <c r="HL33" s="327">
        <v>1800074</v>
      </c>
      <c r="HM33" s="328">
        <v>5522449</v>
      </c>
      <c r="HN33" s="329">
        <v>5522449</v>
      </c>
      <c r="HO33" s="333">
        <v>44571</v>
      </c>
      <c r="HP33" s="327">
        <v>146173</v>
      </c>
      <c r="HQ33" s="328">
        <v>190744</v>
      </c>
      <c r="HR33" s="326">
        <v>0</v>
      </c>
      <c r="HS33" s="327">
        <v>1150788</v>
      </c>
      <c r="HT33" s="327">
        <v>1173931</v>
      </c>
      <c r="HU33" s="327">
        <v>823798</v>
      </c>
      <c r="HV33" s="327">
        <v>541785</v>
      </c>
      <c r="HW33" s="327">
        <v>295935</v>
      </c>
      <c r="HX33" s="331">
        <v>3986237</v>
      </c>
      <c r="HY33" s="330">
        <v>4176981</v>
      </c>
      <c r="HZ33" s="335">
        <v>0</v>
      </c>
      <c r="IA33" s="336">
        <v>0</v>
      </c>
      <c r="IB33" s="337">
        <v>0</v>
      </c>
      <c r="IC33" s="338">
        <v>0</v>
      </c>
      <c r="ID33" s="336">
        <v>1657505</v>
      </c>
      <c r="IE33" s="339">
        <v>1909555</v>
      </c>
      <c r="IF33" s="337">
        <v>1086648</v>
      </c>
      <c r="IG33" s="336">
        <v>1461887</v>
      </c>
      <c r="IH33" s="337">
        <v>1486510</v>
      </c>
      <c r="II33" s="340">
        <v>7602105</v>
      </c>
      <c r="IJ33" s="341">
        <v>7602105</v>
      </c>
      <c r="IK33" s="342">
        <v>0</v>
      </c>
      <c r="IL33" s="343">
        <v>0</v>
      </c>
      <c r="IM33" s="344">
        <v>0</v>
      </c>
      <c r="IN33" s="404">
        <v>0</v>
      </c>
      <c r="IO33" s="345">
        <v>0</v>
      </c>
      <c r="IP33" s="345">
        <v>0</v>
      </c>
      <c r="IQ33" s="345">
        <v>0</v>
      </c>
      <c r="IR33" s="345">
        <v>0</v>
      </c>
      <c r="IS33" s="345">
        <v>249633</v>
      </c>
      <c r="IT33" s="346">
        <v>249633</v>
      </c>
      <c r="IU33" s="347">
        <v>249633</v>
      </c>
      <c r="IV33" s="348">
        <v>0</v>
      </c>
      <c r="IW33" s="345">
        <v>0</v>
      </c>
      <c r="IX33" s="349">
        <v>0</v>
      </c>
      <c r="IY33" s="413">
        <v>0</v>
      </c>
      <c r="IZ33" s="345">
        <v>0</v>
      </c>
      <c r="JA33" s="345">
        <v>0</v>
      </c>
      <c r="JB33" s="345">
        <v>0</v>
      </c>
      <c r="JC33" s="345">
        <v>0</v>
      </c>
      <c r="JD33" s="345">
        <v>0</v>
      </c>
      <c r="JE33" s="349">
        <v>0</v>
      </c>
      <c r="JF33" s="350">
        <v>0</v>
      </c>
      <c r="JG33" s="348">
        <v>0</v>
      </c>
      <c r="JH33" s="345">
        <v>0</v>
      </c>
      <c r="JI33" s="346">
        <v>0</v>
      </c>
      <c r="JJ33" s="351">
        <v>0</v>
      </c>
      <c r="JK33" s="345">
        <v>832352</v>
      </c>
      <c r="JL33" s="345">
        <v>438589</v>
      </c>
      <c r="JM33" s="345">
        <v>370482</v>
      </c>
      <c r="JN33" s="345">
        <v>148303</v>
      </c>
      <c r="JO33" s="345">
        <v>47157</v>
      </c>
      <c r="JP33" s="349">
        <v>1836883</v>
      </c>
      <c r="JQ33" s="347">
        <v>1836883</v>
      </c>
      <c r="JR33" s="348">
        <v>0</v>
      </c>
      <c r="JS33" s="345">
        <v>0</v>
      </c>
      <c r="JT33" s="346">
        <v>0</v>
      </c>
      <c r="JU33" s="351">
        <v>0</v>
      </c>
      <c r="JV33" s="345">
        <v>373838</v>
      </c>
      <c r="JW33" s="345">
        <v>281158</v>
      </c>
      <c r="JX33" s="345">
        <v>139657</v>
      </c>
      <c r="JY33" s="345">
        <v>339907</v>
      </c>
      <c r="JZ33" s="345">
        <v>0</v>
      </c>
      <c r="KA33" s="349">
        <v>1134560</v>
      </c>
      <c r="KB33" s="347">
        <v>1134560</v>
      </c>
      <c r="KC33" s="352">
        <v>0</v>
      </c>
      <c r="KD33" s="353">
        <v>0</v>
      </c>
      <c r="KE33" s="349">
        <v>0</v>
      </c>
      <c r="KF33" s="351">
        <v>0</v>
      </c>
      <c r="KG33" s="345">
        <v>0</v>
      </c>
      <c r="KH33" s="345">
        <v>0</v>
      </c>
      <c r="KI33" s="345">
        <v>0</v>
      </c>
      <c r="KJ33" s="345">
        <v>0</v>
      </c>
      <c r="KK33" s="345">
        <v>0</v>
      </c>
      <c r="KL33" s="349">
        <v>0</v>
      </c>
      <c r="KM33" s="354">
        <v>0</v>
      </c>
      <c r="KN33" s="342">
        <v>0</v>
      </c>
      <c r="KO33" s="343">
        <v>0</v>
      </c>
      <c r="KP33" s="344">
        <v>0</v>
      </c>
      <c r="KQ33" s="413">
        <v>0</v>
      </c>
      <c r="KR33" s="345">
        <v>451315</v>
      </c>
      <c r="KS33" s="345">
        <v>1189808</v>
      </c>
      <c r="KT33" s="345">
        <v>576509</v>
      </c>
      <c r="KU33" s="345">
        <v>622947</v>
      </c>
      <c r="KV33" s="345">
        <v>1189720</v>
      </c>
      <c r="KW33" s="349">
        <v>4030299</v>
      </c>
      <c r="KX33" s="347">
        <v>4030299</v>
      </c>
      <c r="KY33" s="348">
        <v>0</v>
      </c>
      <c r="KZ33" s="345">
        <v>0</v>
      </c>
      <c r="LA33" s="349">
        <v>0</v>
      </c>
      <c r="LB33" s="413">
        <v>0</v>
      </c>
      <c r="LC33" s="345">
        <v>0</v>
      </c>
      <c r="LD33" s="345">
        <v>0</v>
      </c>
      <c r="LE33" s="345">
        <v>0</v>
      </c>
      <c r="LF33" s="345">
        <v>0</v>
      </c>
      <c r="LG33" s="345">
        <v>0</v>
      </c>
      <c r="LH33" s="349">
        <v>0</v>
      </c>
      <c r="LI33" s="350">
        <v>0</v>
      </c>
      <c r="LJ33" s="348">
        <v>0</v>
      </c>
      <c r="LK33" s="345">
        <v>0</v>
      </c>
      <c r="LL33" s="349">
        <v>0</v>
      </c>
      <c r="LM33" s="413">
        <v>0</v>
      </c>
      <c r="LN33" s="345">
        <v>0</v>
      </c>
      <c r="LO33" s="345">
        <v>0</v>
      </c>
      <c r="LP33" s="345">
        <v>0</v>
      </c>
      <c r="LQ33" s="345">
        <v>350730</v>
      </c>
      <c r="LR33" s="345">
        <v>0</v>
      </c>
      <c r="LS33" s="349">
        <v>350730</v>
      </c>
      <c r="LT33" s="347">
        <v>350730</v>
      </c>
      <c r="LU33" s="348">
        <v>0</v>
      </c>
      <c r="LV33" s="345">
        <v>0</v>
      </c>
      <c r="LW33" s="349">
        <v>0</v>
      </c>
      <c r="LX33" s="413">
        <v>0</v>
      </c>
      <c r="LY33" s="345">
        <v>0</v>
      </c>
      <c r="LZ33" s="345">
        <v>0</v>
      </c>
      <c r="MA33" s="345">
        <v>0</v>
      </c>
      <c r="MB33" s="345">
        <v>0</v>
      </c>
      <c r="MC33" s="345">
        <v>0</v>
      </c>
      <c r="MD33" s="349">
        <v>0</v>
      </c>
      <c r="ME33" s="350">
        <v>0</v>
      </c>
      <c r="MF33" s="348">
        <v>0</v>
      </c>
      <c r="MG33" s="345">
        <v>0</v>
      </c>
      <c r="MH33" s="349">
        <v>0</v>
      </c>
      <c r="MI33" s="413">
        <v>0</v>
      </c>
      <c r="MJ33" s="345">
        <v>1219821</v>
      </c>
      <c r="MK33" s="345">
        <v>2343566</v>
      </c>
      <c r="ML33" s="345">
        <v>6130692</v>
      </c>
      <c r="MM33" s="345">
        <v>7025200</v>
      </c>
      <c r="MN33" s="345">
        <v>6321421</v>
      </c>
      <c r="MO33" s="349">
        <v>23040700</v>
      </c>
      <c r="MP33" s="354">
        <v>23040700</v>
      </c>
      <c r="MQ33" s="348">
        <v>0</v>
      </c>
      <c r="MR33" s="345">
        <v>0</v>
      </c>
      <c r="MS33" s="349">
        <v>0</v>
      </c>
      <c r="MT33" s="413">
        <v>0</v>
      </c>
      <c r="MU33" s="345">
        <v>0</v>
      </c>
      <c r="MV33" s="345">
        <v>290895</v>
      </c>
      <c r="MW33" s="345">
        <v>3359317</v>
      </c>
      <c r="MX33" s="345">
        <v>5393064</v>
      </c>
      <c r="MY33" s="345">
        <v>4656569</v>
      </c>
      <c r="MZ33" s="349">
        <v>13699845</v>
      </c>
      <c r="NA33" s="354">
        <v>13699845</v>
      </c>
      <c r="NB33" s="348">
        <v>0</v>
      </c>
      <c r="NC33" s="345">
        <v>0</v>
      </c>
      <c r="ND33" s="349">
        <v>0</v>
      </c>
      <c r="NE33" s="413">
        <v>0</v>
      </c>
      <c r="NF33" s="345">
        <v>1219821</v>
      </c>
      <c r="NG33" s="345">
        <v>2052671</v>
      </c>
      <c r="NH33" s="345">
        <v>2771375</v>
      </c>
      <c r="NI33" s="345">
        <v>1193046</v>
      </c>
      <c r="NJ33" s="345">
        <v>1664852</v>
      </c>
      <c r="NK33" s="349">
        <v>8901765</v>
      </c>
      <c r="NL33" s="347">
        <v>8901765</v>
      </c>
      <c r="NM33" s="348">
        <v>0</v>
      </c>
      <c r="NN33" s="345">
        <v>0</v>
      </c>
      <c r="NO33" s="349">
        <v>0</v>
      </c>
      <c r="NP33" s="413">
        <v>0</v>
      </c>
      <c r="NQ33" s="345">
        <v>0</v>
      </c>
      <c r="NR33" s="345">
        <v>0</v>
      </c>
      <c r="NS33" s="345">
        <v>0</v>
      </c>
      <c r="NT33" s="345">
        <v>0</v>
      </c>
      <c r="NU33" s="345">
        <v>0</v>
      </c>
      <c r="NV33" s="349">
        <v>0</v>
      </c>
      <c r="NW33" s="350">
        <v>0</v>
      </c>
      <c r="NX33" s="348">
        <v>0</v>
      </c>
      <c r="NY33" s="345">
        <v>0</v>
      </c>
      <c r="NZ33" s="349">
        <v>0</v>
      </c>
      <c r="OA33" s="413">
        <v>0</v>
      </c>
      <c r="OB33" s="345">
        <v>0</v>
      </c>
      <c r="OC33" s="345">
        <v>0</v>
      </c>
      <c r="OD33" s="345">
        <v>0</v>
      </c>
      <c r="OE33" s="345">
        <v>439090</v>
      </c>
      <c r="OF33" s="345">
        <v>0</v>
      </c>
      <c r="OG33" s="349">
        <v>439090</v>
      </c>
      <c r="OH33" s="350">
        <v>439090</v>
      </c>
      <c r="OI33" s="348">
        <v>173675</v>
      </c>
      <c r="OJ33" s="345">
        <v>583491</v>
      </c>
      <c r="OK33" s="346">
        <v>757166</v>
      </c>
      <c r="OL33" s="351">
        <v>0</v>
      </c>
      <c r="OM33" s="345">
        <v>8534281</v>
      </c>
      <c r="ON33" s="345">
        <v>13504840</v>
      </c>
      <c r="OO33" s="345">
        <v>14220741</v>
      </c>
      <c r="OP33" s="345">
        <v>15467025</v>
      </c>
      <c r="OQ33" s="345">
        <v>13975625</v>
      </c>
      <c r="OR33" s="349">
        <v>65702512</v>
      </c>
      <c r="OS33" s="354">
        <v>66459678</v>
      </c>
    </row>
    <row r="34" spans="2:409" s="70" customFormat="1" ht="21" customHeight="1" x14ac:dyDescent="0.2">
      <c r="B34" s="410" t="s">
        <v>29</v>
      </c>
      <c r="C34" s="326">
        <v>683885</v>
      </c>
      <c r="D34" s="327">
        <v>1049217</v>
      </c>
      <c r="E34" s="328">
        <v>1733102</v>
      </c>
      <c r="F34" s="329">
        <v>0</v>
      </c>
      <c r="G34" s="327">
        <v>7897313</v>
      </c>
      <c r="H34" s="327">
        <v>10141902</v>
      </c>
      <c r="I34" s="327">
        <v>10538153</v>
      </c>
      <c r="J34" s="327">
        <v>12364181</v>
      </c>
      <c r="K34" s="327">
        <v>7704293</v>
      </c>
      <c r="L34" s="367">
        <v>48645842</v>
      </c>
      <c r="M34" s="330">
        <v>50378944</v>
      </c>
      <c r="N34" s="326">
        <v>102687</v>
      </c>
      <c r="O34" s="327">
        <v>229857</v>
      </c>
      <c r="P34" s="328">
        <v>332544</v>
      </c>
      <c r="Q34" s="326">
        <v>0</v>
      </c>
      <c r="R34" s="327">
        <v>1953741</v>
      </c>
      <c r="S34" s="327">
        <v>2679773</v>
      </c>
      <c r="T34" s="327">
        <v>2480409</v>
      </c>
      <c r="U34" s="327">
        <v>5815643</v>
      </c>
      <c r="V34" s="327">
        <v>3521794</v>
      </c>
      <c r="W34" s="328">
        <v>16451360</v>
      </c>
      <c r="X34" s="330">
        <v>16783904</v>
      </c>
      <c r="Y34" s="326">
        <v>0</v>
      </c>
      <c r="Z34" s="327">
        <v>0</v>
      </c>
      <c r="AA34" s="328">
        <v>0</v>
      </c>
      <c r="AB34" s="326">
        <v>0</v>
      </c>
      <c r="AC34" s="327">
        <v>754194</v>
      </c>
      <c r="AD34" s="327">
        <v>1192126</v>
      </c>
      <c r="AE34" s="327">
        <v>1380193</v>
      </c>
      <c r="AF34" s="327">
        <v>4489554</v>
      </c>
      <c r="AG34" s="327">
        <v>2002462</v>
      </c>
      <c r="AH34" s="328">
        <v>9818529</v>
      </c>
      <c r="AI34" s="330">
        <v>9818529</v>
      </c>
      <c r="AJ34" s="326">
        <v>0</v>
      </c>
      <c r="AK34" s="327">
        <v>0</v>
      </c>
      <c r="AL34" s="328">
        <v>0</v>
      </c>
      <c r="AM34" s="326">
        <v>0</v>
      </c>
      <c r="AN34" s="327">
        <v>0</v>
      </c>
      <c r="AO34" s="327">
        <v>28030</v>
      </c>
      <c r="AP34" s="327">
        <v>0</v>
      </c>
      <c r="AQ34" s="327">
        <v>184075</v>
      </c>
      <c r="AR34" s="327">
        <v>448408</v>
      </c>
      <c r="AS34" s="328">
        <v>660513</v>
      </c>
      <c r="AT34" s="330">
        <v>660513</v>
      </c>
      <c r="AU34" s="326">
        <v>57622</v>
      </c>
      <c r="AV34" s="327">
        <v>193300</v>
      </c>
      <c r="AW34" s="328">
        <v>250922</v>
      </c>
      <c r="AX34" s="326">
        <v>0</v>
      </c>
      <c r="AY34" s="327">
        <v>755895</v>
      </c>
      <c r="AZ34" s="327">
        <v>976613</v>
      </c>
      <c r="BA34" s="327">
        <v>709554</v>
      </c>
      <c r="BB34" s="327">
        <v>779809</v>
      </c>
      <c r="BC34" s="327">
        <v>880929</v>
      </c>
      <c r="BD34" s="328">
        <v>4102800</v>
      </c>
      <c r="BE34" s="330">
        <v>4353722</v>
      </c>
      <c r="BF34" s="326">
        <v>0</v>
      </c>
      <c r="BG34" s="327">
        <v>22571</v>
      </c>
      <c r="BH34" s="331">
        <v>22571</v>
      </c>
      <c r="BI34" s="332">
        <v>0</v>
      </c>
      <c r="BJ34" s="327">
        <v>165437</v>
      </c>
      <c r="BK34" s="327">
        <v>92652</v>
      </c>
      <c r="BL34" s="327">
        <v>74018</v>
      </c>
      <c r="BM34" s="327">
        <v>49781</v>
      </c>
      <c r="BN34" s="327">
        <v>0</v>
      </c>
      <c r="BO34" s="328">
        <v>381888</v>
      </c>
      <c r="BP34" s="330">
        <v>404459</v>
      </c>
      <c r="BQ34" s="326">
        <v>45065</v>
      </c>
      <c r="BR34" s="327">
        <v>13986</v>
      </c>
      <c r="BS34" s="328">
        <v>59051</v>
      </c>
      <c r="BT34" s="326">
        <v>0</v>
      </c>
      <c r="BU34" s="327">
        <v>278215</v>
      </c>
      <c r="BV34" s="327">
        <v>390352</v>
      </c>
      <c r="BW34" s="327">
        <v>316644</v>
      </c>
      <c r="BX34" s="327">
        <v>312424</v>
      </c>
      <c r="BY34" s="327">
        <v>189995</v>
      </c>
      <c r="BZ34" s="328">
        <v>1487630</v>
      </c>
      <c r="CA34" s="330">
        <v>1546681</v>
      </c>
      <c r="CB34" s="326">
        <v>42849</v>
      </c>
      <c r="CC34" s="327">
        <v>301262</v>
      </c>
      <c r="CD34" s="328">
        <v>344111</v>
      </c>
      <c r="CE34" s="326">
        <v>0</v>
      </c>
      <c r="CF34" s="327">
        <v>2332522</v>
      </c>
      <c r="CG34" s="327">
        <v>3612020</v>
      </c>
      <c r="CH34" s="327">
        <v>3971527</v>
      </c>
      <c r="CI34" s="327">
        <v>1710652</v>
      </c>
      <c r="CJ34" s="327">
        <v>868752</v>
      </c>
      <c r="CK34" s="328">
        <v>12495473</v>
      </c>
      <c r="CL34" s="330">
        <v>12839584</v>
      </c>
      <c r="CM34" s="326">
        <v>0</v>
      </c>
      <c r="CN34" s="327">
        <v>0</v>
      </c>
      <c r="CO34" s="328">
        <v>0</v>
      </c>
      <c r="CP34" s="332">
        <v>0</v>
      </c>
      <c r="CQ34" s="327">
        <v>1793311</v>
      </c>
      <c r="CR34" s="327">
        <v>2694632</v>
      </c>
      <c r="CS34" s="327">
        <v>2927580</v>
      </c>
      <c r="CT34" s="327">
        <v>1482737</v>
      </c>
      <c r="CU34" s="327">
        <v>704754</v>
      </c>
      <c r="CV34" s="328">
        <v>9603014</v>
      </c>
      <c r="CW34" s="330">
        <v>9603014</v>
      </c>
      <c r="CX34" s="326">
        <v>42849</v>
      </c>
      <c r="CY34" s="327">
        <v>301262</v>
      </c>
      <c r="CZ34" s="328">
        <v>344111</v>
      </c>
      <c r="DA34" s="326">
        <v>0</v>
      </c>
      <c r="DB34" s="327">
        <v>539211</v>
      </c>
      <c r="DC34" s="327">
        <v>917388</v>
      </c>
      <c r="DD34" s="327">
        <v>1043947</v>
      </c>
      <c r="DE34" s="327">
        <v>227915</v>
      </c>
      <c r="DF34" s="327">
        <v>163998</v>
      </c>
      <c r="DG34" s="328">
        <v>2892459</v>
      </c>
      <c r="DH34" s="330">
        <v>3236570</v>
      </c>
      <c r="DI34" s="326">
        <v>0</v>
      </c>
      <c r="DJ34" s="327">
        <v>50910</v>
      </c>
      <c r="DK34" s="331">
        <v>50910</v>
      </c>
      <c r="DL34" s="332">
        <v>0</v>
      </c>
      <c r="DM34" s="327">
        <v>301492</v>
      </c>
      <c r="DN34" s="327">
        <v>294061</v>
      </c>
      <c r="DO34" s="327">
        <v>1303521</v>
      </c>
      <c r="DP34" s="327">
        <v>1110724</v>
      </c>
      <c r="DQ34" s="327">
        <v>1064988</v>
      </c>
      <c r="DR34" s="328">
        <v>4074786</v>
      </c>
      <c r="DS34" s="330">
        <v>4125696</v>
      </c>
      <c r="DT34" s="326">
        <v>0</v>
      </c>
      <c r="DU34" s="327">
        <v>0</v>
      </c>
      <c r="DV34" s="328">
        <v>0</v>
      </c>
      <c r="DW34" s="326">
        <v>0</v>
      </c>
      <c r="DX34" s="327">
        <v>301492</v>
      </c>
      <c r="DY34" s="327">
        <v>219543</v>
      </c>
      <c r="DZ34" s="327">
        <v>1237269</v>
      </c>
      <c r="EA34" s="327">
        <v>997574</v>
      </c>
      <c r="EB34" s="327">
        <v>1064988</v>
      </c>
      <c r="EC34" s="328">
        <v>3820866</v>
      </c>
      <c r="ED34" s="330">
        <v>3820866</v>
      </c>
      <c r="EE34" s="326">
        <v>0</v>
      </c>
      <c r="EF34" s="331">
        <v>50910</v>
      </c>
      <c r="EG34" s="328">
        <v>50910</v>
      </c>
      <c r="EH34" s="326">
        <v>0</v>
      </c>
      <c r="EI34" s="327">
        <v>0</v>
      </c>
      <c r="EJ34" s="327">
        <v>74518</v>
      </c>
      <c r="EK34" s="327">
        <v>66252</v>
      </c>
      <c r="EL34" s="327">
        <v>113150</v>
      </c>
      <c r="EM34" s="327">
        <v>0</v>
      </c>
      <c r="EN34" s="331">
        <v>253920</v>
      </c>
      <c r="EO34" s="330">
        <v>304830</v>
      </c>
      <c r="EP34" s="326">
        <v>0</v>
      </c>
      <c r="EQ34" s="327">
        <v>0</v>
      </c>
      <c r="ER34" s="331">
        <v>0</v>
      </c>
      <c r="ES34" s="332">
        <v>0</v>
      </c>
      <c r="ET34" s="327">
        <v>0</v>
      </c>
      <c r="EU34" s="327">
        <v>0</v>
      </c>
      <c r="EV34" s="327">
        <v>0</v>
      </c>
      <c r="EW34" s="327">
        <v>0</v>
      </c>
      <c r="EX34" s="327">
        <v>0</v>
      </c>
      <c r="EY34" s="328">
        <v>0</v>
      </c>
      <c r="EZ34" s="330">
        <v>0</v>
      </c>
      <c r="FA34" s="326">
        <v>0</v>
      </c>
      <c r="FB34" s="327">
        <v>0</v>
      </c>
      <c r="FC34" s="331">
        <v>0</v>
      </c>
      <c r="FD34" s="332">
        <v>0</v>
      </c>
      <c r="FE34" s="327">
        <v>0</v>
      </c>
      <c r="FF34" s="327">
        <v>0</v>
      </c>
      <c r="FG34" s="327">
        <v>0</v>
      </c>
      <c r="FH34" s="327">
        <v>0</v>
      </c>
      <c r="FI34" s="327">
        <v>0</v>
      </c>
      <c r="FJ34" s="328">
        <v>0</v>
      </c>
      <c r="FK34" s="330">
        <v>0</v>
      </c>
      <c r="FL34" s="326">
        <v>209632</v>
      </c>
      <c r="FM34" s="327">
        <v>267597</v>
      </c>
      <c r="FN34" s="328">
        <v>477229</v>
      </c>
      <c r="FO34" s="326">
        <v>0</v>
      </c>
      <c r="FP34" s="327">
        <v>480072</v>
      </c>
      <c r="FQ34" s="327">
        <v>1143137</v>
      </c>
      <c r="FR34" s="327">
        <v>928478</v>
      </c>
      <c r="FS34" s="327">
        <v>895515</v>
      </c>
      <c r="FT34" s="327">
        <v>620824</v>
      </c>
      <c r="FU34" s="328">
        <v>4068026</v>
      </c>
      <c r="FV34" s="330">
        <v>4545255</v>
      </c>
      <c r="FW34" s="333">
        <v>209632</v>
      </c>
      <c r="FX34" s="327">
        <v>236412</v>
      </c>
      <c r="FY34" s="331">
        <v>446044</v>
      </c>
      <c r="FZ34" s="332">
        <v>0</v>
      </c>
      <c r="GA34" s="327">
        <v>433750</v>
      </c>
      <c r="GB34" s="327">
        <v>1121308</v>
      </c>
      <c r="GC34" s="327">
        <v>690713</v>
      </c>
      <c r="GD34" s="327">
        <v>895515</v>
      </c>
      <c r="GE34" s="327">
        <v>620824</v>
      </c>
      <c r="GF34" s="328">
        <v>3762110</v>
      </c>
      <c r="GG34" s="334">
        <v>4208154</v>
      </c>
      <c r="GH34" s="333">
        <v>0</v>
      </c>
      <c r="GI34" s="327">
        <v>31185</v>
      </c>
      <c r="GJ34" s="331">
        <v>31185</v>
      </c>
      <c r="GK34" s="332">
        <v>0</v>
      </c>
      <c r="GL34" s="327">
        <v>46322</v>
      </c>
      <c r="GM34" s="327">
        <v>21829</v>
      </c>
      <c r="GN34" s="327">
        <v>110064</v>
      </c>
      <c r="GO34" s="327">
        <v>0</v>
      </c>
      <c r="GP34" s="327">
        <v>0</v>
      </c>
      <c r="GQ34" s="328">
        <v>178215</v>
      </c>
      <c r="GR34" s="330">
        <v>209400</v>
      </c>
      <c r="GS34" s="326">
        <v>0</v>
      </c>
      <c r="GT34" s="327">
        <v>0</v>
      </c>
      <c r="GU34" s="328">
        <v>0</v>
      </c>
      <c r="GV34" s="326">
        <v>0</v>
      </c>
      <c r="GW34" s="327">
        <v>0</v>
      </c>
      <c r="GX34" s="327">
        <v>0</v>
      </c>
      <c r="GY34" s="327">
        <v>127701</v>
      </c>
      <c r="GZ34" s="327">
        <v>0</v>
      </c>
      <c r="HA34" s="327">
        <v>0</v>
      </c>
      <c r="HB34" s="331">
        <v>127701</v>
      </c>
      <c r="HC34" s="330">
        <v>127701</v>
      </c>
      <c r="HD34" s="326">
        <v>157757</v>
      </c>
      <c r="HE34" s="327">
        <v>0</v>
      </c>
      <c r="HF34" s="331">
        <v>157757</v>
      </c>
      <c r="HG34" s="332">
        <v>0</v>
      </c>
      <c r="HH34" s="327">
        <v>1587911</v>
      </c>
      <c r="HI34" s="327">
        <v>1009638</v>
      </c>
      <c r="HJ34" s="327">
        <v>760534</v>
      </c>
      <c r="HK34" s="327">
        <v>2147547</v>
      </c>
      <c r="HL34" s="327">
        <v>1222492</v>
      </c>
      <c r="HM34" s="328">
        <v>6728122</v>
      </c>
      <c r="HN34" s="329">
        <v>6885879</v>
      </c>
      <c r="HO34" s="333">
        <v>170960</v>
      </c>
      <c r="HP34" s="327">
        <v>199591</v>
      </c>
      <c r="HQ34" s="328">
        <v>370551</v>
      </c>
      <c r="HR34" s="326">
        <v>0</v>
      </c>
      <c r="HS34" s="327">
        <v>1241575</v>
      </c>
      <c r="HT34" s="327">
        <v>1403273</v>
      </c>
      <c r="HU34" s="327">
        <v>1093684</v>
      </c>
      <c r="HV34" s="327">
        <v>684100</v>
      </c>
      <c r="HW34" s="327">
        <v>405443</v>
      </c>
      <c r="HX34" s="331">
        <v>4828075</v>
      </c>
      <c r="HY34" s="330">
        <v>5198626</v>
      </c>
      <c r="HZ34" s="358">
        <v>0</v>
      </c>
      <c r="IA34" s="356">
        <v>98055</v>
      </c>
      <c r="IB34" s="358">
        <v>98055</v>
      </c>
      <c r="IC34" s="355">
        <v>0</v>
      </c>
      <c r="ID34" s="356">
        <v>3076689</v>
      </c>
      <c r="IE34" s="357">
        <v>6033745</v>
      </c>
      <c r="IF34" s="358">
        <v>8818378</v>
      </c>
      <c r="IG34" s="356">
        <v>4172859</v>
      </c>
      <c r="IH34" s="358">
        <v>3185516</v>
      </c>
      <c r="II34" s="359">
        <v>25287187</v>
      </c>
      <c r="IJ34" s="358">
        <v>25385242</v>
      </c>
      <c r="IK34" s="342">
        <v>0</v>
      </c>
      <c r="IL34" s="343">
        <v>0</v>
      </c>
      <c r="IM34" s="344">
        <v>0</v>
      </c>
      <c r="IN34" s="404">
        <v>0</v>
      </c>
      <c r="IO34" s="345">
        <v>112344</v>
      </c>
      <c r="IP34" s="345">
        <v>0</v>
      </c>
      <c r="IQ34" s="345">
        <v>140120</v>
      </c>
      <c r="IR34" s="345">
        <v>0</v>
      </c>
      <c r="IS34" s="345">
        <v>0</v>
      </c>
      <c r="IT34" s="346">
        <v>252464</v>
      </c>
      <c r="IU34" s="347">
        <v>252464</v>
      </c>
      <c r="IV34" s="348">
        <v>0</v>
      </c>
      <c r="IW34" s="345">
        <v>0</v>
      </c>
      <c r="IX34" s="349">
        <v>0</v>
      </c>
      <c r="IY34" s="413">
        <v>0</v>
      </c>
      <c r="IZ34" s="345">
        <v>0</v>
      </c>
      <c r="JA34" s="345">
        <v>0</v>
      </c>
      <c r="JB34" s="345">
        <v>0</v>
      </c>
      <c r="JC34" s="345">
        <v>0</v>
      </c>
      <c r="JD34" s="345">
        <v>0</v>
      </c>
      <c r="JE34" s="349">
        <v>0</v>
      </c>
      <c r="JF34" s="350">
        <v>0</v>
      </c>
      <c r="JG34" s="348">
        <v>0</v>
      </c>
      <c r="JH34" s="345">
        <v>0</v>
      </c>
      <c r="JI34" s="346">
        <v>0</v>
      </c>
      <c r="JJ34" s="351">
        <v>0</v>
      </c>
      <c r="JK34" s="345">
        <v>609241</v>
      </c>
      <c r="JL34" s="345">
        <v>1110133</v>
      </c>
      <c r="JM34" s="345">
        <v>1011590</v>
      </c>
      <c r="JN34" s="345">
        <v>394839</v>
      </c>
      <c r="JO34" s="345">
        <v>0</v>
      </c>
      <c r="JP34" s="349">
        <v>3125803</v>
      </c>
      <c r="JQ34" s="347">
        <v>3125803</v>
      </c>
      <c r="JR34" s="348">
        <v>0</v>
      </c>
      <c r="JS34" s="345">
        <v>0</v>
      </c>
      <c r="JT34" s="346">
        <v>0</v>
      </c>
      <c r="JU34" s="351">
        <v>0</v>
      </c>
      <c r="JV34" s="345">
        <v>199735</v>
      </c>
      <c r="JW34" s="345">
        <v>115021</v>
      </c>
      <c r="JX34" s="345">
        <v>0</v>
      </c>
      <c r="JY34" s="345">
        <v>0</v>
      </c>
      <c r="JZ34" s="345">
        <v>0</v>
      </c>
      <c r="KA34" s="349">
        <v>314756</v>
      </c>
      <c r="KB34" s="347">
        <v>314756</v>
      </c>
      <c r="KC34" s="352">
        <v>0</v>
      </c>
      <c r="KD34" s="353">
        <v>98055</v>
      </c>
      <c r="KE34" s="349">
        <v>98055</v>
      </c>
      <c r="KF34" s="351">
        <v>0</v>
      </c>
      <c r="KG34" s="345">
        <v>572323</v>
      </c>
      <c r="KH34" s="345">
        <v>1142756</v>
      </c>
      <c r="KI34" s="345">
        <v>1033191</v>
      </c>
      <c r="KJ34" s="345">
        <v>1797066</v>
      </c>
      <c r="KK34" s="345">
        <v>654221</v>
      </c>
      <c r="KL34" s="349">
        <v>5199557</v>
      </c>
      <c r="KM34" s="354">
        <v>5297612</v>
      </c>
      <c r="KN34" s="342">
        <v>0</v>
      </c>
      <c r="KO34" s="343">
        <v>0</v>
      </c>
      <c r="KP34" s="344">
        <v>0</v>
      </c>
      <c r="KQ34" s="413">
        <v>0</v>
      </c>
      <c r="KR34" s="345">
        <v>1583046</v>
      </c>
      <c r="KS34" s="345">
        <v>3665835</v>
      </c>
      <c r="KT34" s="345">
        <v>3023091</v>
      </c>
      <c r="KU34" s="345">
        <v>296631</v>
      </c>
      <c r="KV34" s="345">
        <v>302256</v>
      </c>
      <c r="KW34" s="349">
        <v>8870859</v>
      </c>
      <c r="KX34" s="347">
        <v>8870859</v>
      </c>
      <c r="KY34" s="348">
        <v>0</v>
      </c>
      <c r="KZ34" s="345">
        <v>0</v>
      </c>
      <c r="LA34" s="349">
        <v>0</v>
      </c>
      <c r="LB34" s="413">
        <v>0</v>
      </c>
      <c r="LC34" s="345">
        <v>0</v>
      </c>
      <c r="LD34" s="345">
        <v>0</v>
      </c>
      <c r="LE34" s="345">
        <v>0</v>
      </c>
      <c r="LF34" s="345">
        <v>0</v>
      </c>
      <c r="LG34" s="345">
        <v>0</v>
      </c>
      <c r="LH34" s="349">
        <v>0</v>
      </c>
      <c r="LI34" s="350">
        <v>0</v>
      </c>
      <c r="LJ34" s="348">
        <v>0</v>
      </c>
      <c r="LK34" s="345">
        <v>0</v>
      </c>
      <c r="LL34" s="349">
        <v>0</v>
      </c>
      <c r="LM34" s="413">
        <v>0</v>
      </c>
      <c r="LN34" s="345">
        <v>0</v>
      </c>
      <c r="LO34" s="345">
        <v>0</v>
      </c>
      <c r="LP34" s="345">
        <v>3610386</v>
      </c>
      <c r="LQ34" s="345">
        <v>1684323</v>
      </c>
      <c r="LR34" s="345">
        <v>2229039</v>
      </c>
      <c r="LS34" s="349">
        <v>7523748</v>
      </c>
      <c r="LT34" s="347">
        <v>7523748</v>
      </c>
      <c r="LU34" s="348">
        <v>0</v>
      </c>
      <c r="LV34" s="345">
        <v>0</v>
      </c>
      <c r="LW34" s="349">
        <v>0</v>
      </c>
      <c r="LX34" s="413">
        <v>0</v>
      </c>
      <c r="LY34" s="345">
        <v>0</v>
      </c>
      <c r="LZ34" s="345">
        <v>0</v>
      </c>
      <c r="MA34" s="345">
        <v>0</v>
      </c>
      <c r="MB34" s="345">
        <v>0</v>
      </c>
      <c r="MC34" s="345">
        <v>0</v>
      </c>
      <c r="MD34" s="349">
        <v>0</v>
      </c>
      <c r="ME34" s="350">
        <v>0</v>
      </c>
      <c r="MF34" s="348">
        <v>0</v>
      </c>
      <c r="MG34" s="345">
        <v>0</v>
      </c>
      <c r="MH34" s="349">
        <v>0</v>
      </c>
      <c r="MI34" s="413">
        <v>0</v>
      </c>
      <c r="MJ34" s="345">
        <v>1429015</v>
      </c>
      <c r="MK34" s="345">
        <v>1752919</v>
      </c>
      <c r="ML34" s="345">
        <v>6784541</v>
      </c>
      <c r="MM34" s="345">
        <v>11221692</v>
      </c>
      <c r="MN34" s="345">
        <v>8947848</v>
      </c>
      <c r="MO34" s="349">
        <v>30136015</v>
      </c>
      <c r="MP34" s="354">
        <v>30136015</v>
      </c>
      <c r="MQ34" s="348">
        <v>0</v>
      </c>
      <c r="MR34" s="345">
        <v>0</v>
      </c>
      <c r="MS34" s="349">
        <v>0</v>
      </c>
      <c r="MT34" s="413">
        <v>0</v>
      </c>
      <c r="MU34" s="345">
        <v>0</v>
      </c>
      <c r="MV34" s="345">
        <v>452640</v>
      </c>
      <c r="MW34" s="345">
        <v>2279170</v>
      </c>
      <c r="MX34" s="345">
        <v>6011649</v>
      </c>
      <c r="MY34" s="345">
        <v>5672396</v>
      </c>
      <c r="MZ34" s="349">
        <v>14415855</v>
      </c>
      <c r="NA34" s="354">
        <v>14415855</v>
      </c>
      <c r="NB34" s="348">
        <v>0</v>
      </c>
      <c r="NC34" s="345">
        <v>0</v>
      </c>
      <c r="ND34" s="349">
        <v>0</v>
      </c>
      <c r="NE34" s="413">
        <v>0</v>
      </c>
      <c r="NF34" s="345">
        <v>1429015</v>
      </c>
      <c r="NG34" s="345">
        <v>1300279</v>
      </c>
      <c r="NH34" s="345">
        <v>4505371</v>
      </c>
      <c r="NI34" s="345">
        <v>5210043</v>
      </c>
      <c r="NJ34" s="345">
        <v>3275452</v>
      </c>
      <c r="NK34" s="349">
        <v>15720160</v>
      </c>
      <c r="NL34" s="347">
        <v>15720160</v>
      </c>
      <c r="NM34" s="348">
        <v>0</v>
      </c>
      <c r="NN34" s="345">
        <v>0</v>
      </c>
      <c r="NO34" s="349">
        <v>0</v>
      </c>
      <c r="NP34" s="413">
        <v>0</v>
      </c>
      <c r="NQ34" s="345">
        <v>0</v>
      </c>
      <c r="NR34" s="345">
        <v>0</v>
      </c>
      <c r="NS34" s="345">
        <v>0</v>
      </c>
      <c r="NT34" s="345">
        <v>0</v>
      </c>
      <c r="NU34" s="345">
        <v>0</v>
      </c>
      <c r="NV34" s="349">
        <v>0</v>
      </c>
      <c r="NW34" s="350">
        <v>0</v>
      </c>
      <c r="NX34" s="348">
        <v>0</v>
      </c>
      <c r="NY34" s="345">
        <v>0</v>
      </c>
      <c r="NZ34" s="349">
        <v>0</v>
      </c>
      <c r="OA34" s="413">
        <v>0</v>
      </c>
      <c r="OB34" s="345">
        <v>0</v>
      </c>
      <c r="OC34" s="345">
        <v>0</v>
      </c>
      <c r="OD34" s="345">
        <v>0</v>
      </c>
      <c r="OE34" s="345">
        <v>0</v>
      </c>
      <c r="OF34" s="345">
        <v>0</v>
      </c>
      <c r="OG34" s="349">
        <v>0</v>
      </c>
      <c r="OH34" s="350">
        <v>0</v>
      </c>
      <c r="OI34" s="348">
        <v>683885</v>
      </c>
      <c r="OJ34" s="345">
        <v>1147272</v>
      </c>
      <c r="OK34" s="346">
        <v>1831157</v>
      </c>
      <c r="OL34" s="351">
        <v>0</v>
      </c>
      <c r="OM34" s="345">
        <v>12403017</v>
      </c>
      <c r="ON34" s="345">
        <v>17928566</v>
      </c>
      <c r="OO34" s="345">
        <v>26141072</v>
      </c>
      <c r="OP34" s="345">
        <v>27758732</v>
      </c>
      <c r="OQ34" s="345">
        <v>19837657</v>
      </c>
      <c r="OR34" s="349">
        <v>104069044</v>
      </c>
      <c r="OS34" s="354">
        <v>105900201</v>
      </c>
    </row>
    <row r="35" spans="2:409" s="70" customFormat="1" ht="21" customHeight="1" x14ac:dyDescent="0.2">
      <c r="B35" s="410" t="s">
        <v>30</v>
      </c>
      <c r="C35" s="326">
        <v>762973</v>
      </c>
      <c r="D35" s="327">
        <v>889840</v>
      </c>
      <c r="E35" s="368">
        <v>1652813</v>
      </c>
      <c r="F35" s="370">
        <v>0</v>
      </c>
      <c r="G35" s="369">
        <v>9506190</v>
      </c>
      <c r="H35" s="369">
        <v>7641357</v>
      </c>
      <c r="I35" s="369">
        <v>8574037</v>
      </c>
      <c r="J35" s="369">
        <v>7922544</v>
      </c>
      <c r="K35" s="369">
        <v>3371341</v>
      </c>
      <c r="L35" s="370">
        <v>37015469</v>
      </c>
      <c r="M35" s="330">
        <v>38668282</v>
      </c>
      <c r="N35" s="326">
        <v>136477</v>
      </c>
      <c r="O35" s="327">
        <v>334763</v>
      </c>
      <c r="P35" s="328">
        <v>471240</v>
      </c>
      <c r="Q35" s="326">
        <v>0</v>
      </c>
      <c r="R35" s="327">
        <v>3226676</v>
      </c>
      <c r="S35" s="327">
        <v>1951292</v>
      </c>
      <c r="T35" s="327">
        <v>2876193</v>
      </c>
      <c r="U35" s="327">
        <v>3583795</v>
      </c>
      <c r="V35" s="327">
        <v>1973881</v>
      </c>
      <c r="W35" s="328">
        <v>13611837</v>
      </c>
      <c r="X35" s="330">
        <v>14083077</v>
      </c>
      <c r="Y35" s="326">
        <v>0</v>
      </c>
      <c r="Z35" s="327">
        <v>0</v>
      </c>
      <c r="AA35" s="328">
        <v>0</v>
      </c>
      <c r="AB35" s="326">
        <v>0</v>
      </c>
      <c r="AC35" s="327">
        <v>1406410</v>
      </c>
      <c r="AD35" s="327">
        <v>864832</v>
      </c>
      <c r="AE35" s="327">
        <v>1429149</v>
      </c>
      <c r="AF35" s="327">
        <v>2373457</v>
      </c>
      <c r="AG35" s="327">
        <v>1450846</v>
      </c>
      <c r="AH35" s="328">
        <v>7524694</v>
      </c>
      <c r="AI35" s="330">
        <v>7524694</v>
      </c>
      <c r="AJ35" s="326">
        <v>0</v>
      </c>
      <c r="AK35" s="327">
        <v>0</v>
      </c>
      <c r="AL35" s="328">
        <v>0</v>
      </c>
      <c r="AM35" s="326">
        <v>0</v>
      </c>
      <c r="AN35" s="327">
        <v>52965</v>
      </c>
      <c r="AO35" s="327">
        <v>52965</v>
      </c>
      <c r="AP35" s="327">
        <v>268317</v>
      </c>
      <c r="AQ35" s="327">
        <v>338096</v>
      </c>
      <c r="AR35" s="327">
        <v>130353</v>
      </c>
      <c r="AS35" s="328">
        <v>842696</v>
      </c>
      <c r="AT35" s="330">
        <v>842696</v>
      </c>
      <c r="AU35" s="326">
        <v>99560</v>
      </c>
      <c r="AV35" s="327">
        <v>330101</v>
      </c>
      <c r="AW35" s="328">
        <v>429661</v>
      </c>
      <c r="AX35" s="326">
        <v>0</v>
      </c>
      <c r="AY35" s="327">
        <v>1191945</v>
      </c>
      <c r="AZ35" s="327">
        <v>703631</v>
      </c>
      <c r="BA35" s="327">
        <v>695449</v>
      </c>
      <c r="BB35" s="327">
        <v>549767</v>
      </c>
      <c r="BC35" s="327">
        <v>307722</v>
      </c>
      <c r="BD35" s="328">
        <v>3448514</v>
      </c>
      <c r="BE35" s="330">
        <v>3878175</v>
      </c>
      <c r="BF35" s="326">
        <v>31535</v>
      </c>
      <c r="BG35" s="327">
        <v>0</v>
      </c>
      <c r="BH35" s="331">
        <v>31535</v>
      </c>
      <c r="BI35" s="332">
        <v>0</v>
      </c>
      <c r="BJ35" s="327">
        <v>102456</v>
      </c>
      <c r="BK35" s="327">
        <v>112249</v>
      </c>
      <c r="BL35" s="327">
        <v>181419</v>
      </c>
      <c r="BM35" s="327">
        <v>0</v>
      </c>
      <c r="BN35" s="327">
        <v>0</v>
      </c>
      <c r="BO35" s="328">
        <v>396124</v>
      </c>
      <c r="BP35" s="330">
        <v>427659</v>
      </c>
      <c r="BQ35" s="326">
        <v>5382</v>
      </c>
      <c r="BR35" s="327">
        <v>4662</v>
      </c>
      <c r="BS35" s="328">
        <v>10044</v>
      </c>
      <c r="BT35" s="326">
        <v>0</v>
      </c>
      <c r="BU35" s="327">
        <v>472900</v>
      </c>
      <c r="BV35" s="327">
        <v>217615</v>
      </c>
      <c r="BW35" s="327">
        <v>301859</v>
      </c>
      <c r="BX35" s="327">
        <v>322475</v>
      </c>
      <c r="BY35" s="327">
        <v>84960</v>
      </c>
      <c r="BZ35" s="328">
        <v>1399809</v>
      </c>
      <c r="CA35" s="330">
        <v>1409853</v>
      </c>
      <c r="CB35" s="326">
        <v>114108</v>
      </c>
      <c r="CC35" s="327">
        <v>253547</v>
      </c>
      <c r="CD35" s="328">
        <v>367655</v>
      </c>
      <c r="CE35" s="326">
        <v>0</v>
      </c>
      <c r="CF35" s="327">
        <v>2218916</v>
      </c>
      <c r="CG35" s="327">
        <v>1853342</v>
      </c>
      <c r="CH35" s="327">
        <v>1614838</v>
      </c>
      <c r="CI35" s="327">
        <v>1356840</v>
      </c>
      <c r="CJ35" s="327">
        <v>285877</v>
      </c>
      <c r="CK35" s="328">
        <v>7329813</v>
      </c>
      <c r="CL35" s="330">
        <v>7697468</v>
      </c>
      <c r="CM35" s="326">
        <v>0</v>
      </c>
      <c r="CN35" s="327">
        <v>0</v>
      </c>
      <c r="CO35" s="328">
        <v>0</v>
      </c>
      <c r="CP35" s="332">
        <v>0</v>
      </c>
      <c r="CQ35" s="327">
        <v>1839046</v>
      </c>
      <c r="CR35" s="327">
        <v>1175784</v>
      </c>
      <c r="CS35" s="327">
        <v>1364064</v>
      </c>
      <c r="CT35" s="327">
        <v>1075976</v>
      </c>
      <c r="CU35" s="327">
        <v>162822</v>
      </c>
      <c r="CV35" s="328">
        <v>5617692</v>
      </c>
      <c r="CW35" s="330">
        <v>5617692</v>
      </c>
      <c r="CX35" s="326">
        <v>114108</v>
      </c>
      <c r="CY35" s="327">
        <v>253547</v>
      </c>
      <c r="CZ35" s="328">
        <v>367655</v>
      </c>
      <c r="DA35" s="326">
        <v>0</v>
      </c>
      <c r="DB35" s="327">
        <v>379870</v>
      </c>
      <c r="DC35" s="327">
        <v>677558</v>
      </c>
      <c r="DD35" s="327">
        <v>250774</v>
      </c>
      <c r="DE35" s="327">
        <v>280864</v>
      </c>
      <c r="DF35" s="327">
        <v>123055</v>
      </c>
      <c r="DG35" s="328">
        <v>1712121</v>
      </c>
      <c r="DH35" s="330">
        <v>2079776</v>
      </c>
      <c r="DI35" s="326">
        <v>0</v>
      </c>
      <c r="DJ35" s="327">
        <v>0</v>
      </c>
      <c r="DK35" s="331">
        <v>0</v>
      </c>
      <c r="DL35" s="332">
        <v>0</v>
      </c>
      <c r="DM35" s="327">
        <v>400354</v>
      </c>
      <c r="DN35" s="327">
        <v>726982</v>
      </c>
      <c r="DO35" s="327">
        <v>1039747</v>
      </c>
      <c r="DP35" s="327">
        <v>554593</v>
      </c>
      <c r="DQ35" s="327">
        <v>105959</v>
      </c>
      <c r="DR35" s="328">
        <v>2827635</v>
      </c>
      <c r="DS35" s="330">
        <v>2827635</v>
      </c>
      <c r="DT35" s="326">
        <v>0</v>
      </c>
      <c r="DU35" s="327">
        <v>0</v>
      </c>
      <c r="DV35" s="328">
        <v>0</v>
      </c>
      <c r="DW35" s="326">
        <v>0</v>
      </c>
      <c r="DX35" s="327">
        <v>227576</v>
      </c>
      <c r="DY35" s="327">
        <v>693003</v>
      </c>
      <c r="DZ35" s="327">
        <v>985131</v>
      </c>
      <c r="EA35" s="327">
        <v>526604</v>
      </c>
      <c r="EB35" s="327">
        <v>50715</v>
      </c>
      <c r="EC35" s="328">
        <v>2483029</v>
      </c>
      <c r="ED35" s="330">
        <v>2483029</v>
      </c>
      <c r="EE35" s="326">
        <v>0</v>
      </c>
      <c r="EF35" s="331">
        <v>0</v>
      </c>
      <c r="EG35" s="328">
        <v>0</v>
      </c>
      <c r="EH35" s="326">
        <v>0</v>
      </c>
      <c r="EI35" s="327">
        <v>172778</v>
      </c>
      <c r="EJ35" s="327">
        <v>33979</v>
      </c>
      <c r="EK35" s="327">
        <v>54616</v>
      </c>
      <c r="EL35" s="327">
        <v>27989</v>
      </c>
      <c r="EM35" s="327">
        <v>55244</v>
      </c>
      <c r="EN35" s="331">
        <v>344606</v>
      </c>
      <c r="EO35" s="330">
        <v>344606</v>
      </c>
      <c r="EP35" s="326">
        <v>0</v>
      </c>
      <c r="EQ35" s="327">
        <v>0</v>
      </c>
      <c r="ER35" s="331">
        <v>0</v>
      </c>
      <c r="ES35" s="332">
        <v>0</v>
      </c>
      <c r="ET35" s="327">
        <v>0</v>
      </c>
      <c r="EU35" s="327">
        <v>0</v>
      </c>
      <c r="EV35" s="327">
        <v>0</v>
      </c>
      <c r="EW35" s="327">
        <v>0</v>
      </c>
      <c r="EX35" s="327">
        <v>0</v>
      </c>
      <c r="EY35" s="328">
        <v>0</v>
      </c>
      <c r="EZ35" s="330">
        <v>0</v>
      </c>
      <c r="FA35" s="326">
        <v>0</v>
      </c>
      <c r="FB35" s="327">
        <v>0</v>
      </c>
      <c r="FC35" s="331">
        <v>0</v>
      </c>
      <c r="FD35" s="332">
        <v>0</v>
      </c>
      <c r="FE35" s="327">
        <v>0</v>
      </c>
      <c r="FF35" s="327">
        <v>0</v>
      </c>
      <c r="FG35" s="327">
        <v>0</v>
      </c>
      <c r="FH35" s="327">
        <v>0</v>
      </c>
      <c r="FI35" s="327">
        <v>0</v>
      </c>
      <c r="FJ35" s="328">
        <v>0</v>
      </c>
      <c r="FK35" s="330">
        <v>0</v>
      </c>
      <c r="FL35" s="326">
        <v>335588</v>
      </c>
      <c r="FM35" s="327">
        <v>168930</v>
      </c>
      <c r="FN35" s="328">
        <v>504518</v>
      </c>
      <c r="FO35" s="326">
        <v>0</v>
      </c>
      <c r="FP35" s="327">
        <v>541373</v>
      </c>
      <c r="FQ35" s="327">
        <v>719923</v>
      </c>
      <c r="FR35" s="327">
        <v>993448</v>
      </c>
      <c r="FS35" s="327">
        <v>535474</v>
      </c>
      <c r="FT35" s="327">
        <v>253280</v>
      </c>
      <c r="FU35" s="328">
        <v>3043498</v>
      </c>
      <c r="FV35" s="330">
        <v>3548016</v>
      </c>
      <c r="FW35" s="333">
        <v>255488</v>
      </c>
      <c r="FX35" s="327">
        <v>168930</v>
      </c>
      <c r="FY35" s="331">
        <v>424418</v>
      </c>
      <c r="FZ35" s="332">
        <v>0</v>
      </c>
      <c r="GA35" s="327">
        <v>541373</v>
      </c>
      <c r="GB35" s="327">
        <v>719923</v>
      </c>
      <c r="GC35" s="327">
        <v>925618</v>
      </c>
      <c r="GD35" s="327">
        <v>535474</v>
      </c>
      <c r="GE35" s="327">
        <v>253280</v>
      </c>
      <c r="GF35" s="328">
        <v>2975668</v>
      </c>
      <c r="GG35" s="334">
        <v>3400086</v>
      </c>
      <c r="GH35" s="333">
        <v>0</v>
      </c>
      <c r="GI35" s="327">
        <v>0</v>
      </c>
      <c r="GJ35" s="331">
        <v>0</v>
      </c>
      <c r="GK35" s="332">
        <v>0</v>
      </c>
      <c r="GL35" s="327">
        <v>0</v>
      </c>
      <c r="GM35" s="327">
        <v>0</v>
      </c>
      <c r="GN35" s="327">
        <v>67830</v>
      </c>
      <c r="GO35" s="327">
        <v>0</v>
      </c>
      <c r="GP35" s="327">
        <v>0</v>
      </c>
      <c r="GQ35" s="328">
        <v>67830</v>
      </c>
      <c r="GR35" s="330">
        <v>67830</v>
      </c>
      <c r="GS35" s="326">
        <v>80100</v>
      </c>
      <c r="GT35" s="327">
        <v>0</v>
      </c>
      <c r="GU35" s="328">
        <v>80100</v>
      </c>
      <c r="GV35" s="326">
        <v>0</v>
      </c>
      <c r="GW35" s="327">
        <v>0</v>
      </c>
      <c r="GX35" s="327">
        <v>0</v>
      </c>
      <c r="GY35" s="327">
        <v>0</v>
      </c>
      <c r="GZ35" s="327">
        <v>0</v>
      </c>
      <c r="HA35" s="327">
        <v>0</v>
      </c>
      <c r="HB35" s="331">
        <v>0</v>
      </c>
      <c r="HC35" s="330">
        <v>80100</v>
      </c>
      <c r="HD35" s="326">
        <v>0</v>
      </c>
      <c r="HE35" s="327">
        <v>0</v>
      </c>
      <c r="HF35" s="331">
        <v>0</v>
      </c>
      <c r="HG35" s="332">
        <v>0</v>
      </c>
      <c r="HH35" s="327">
        <v>1705986</v>
      </c>
      <c r="HI35" s="327">
        <v>1548461</v>
      </c>
      <c r="HJ35" s="327">
        <v>1212151</v>
      </c>
      <c r="HK35" s="327">
        <v>1424174</v>
      </c>
      <c r="HL35" s="327">
        <v>541522</v>
      </c>
      <c r="HM35" s="328">
        <v>6432294</v>
      </c>
      <c r="HN35" s="329">
        <v>6432294</v>
      </c>
      <c r="HO35" s="333">
        <v>176800</v>
      </c>
      <c r="HP35" s="327">
        <v>132600</v>
      </c>
      <c r="HQ35" s="328">
        <v>309400</v>
      </c>
      <c r="HR35" s="326">
        <v>0</v>
      </c>
      <c r="HS35" s="327">
        <v>1412885</v>
      </c>
      <c r="HT35" s="327">
        <v>841357</v>
      </c>
      <c r="HU35" s="327">
        <v>837660</v>
      </c>
      <c r="HV35" s="327">
        <v>467668</v>
      </c>
      <c r="HW35" s="327">
        <v>210822</v>
      </c>
      <c r="HX35" s="331">
        <v>3770392</v>
      </c>
      <c r="HY35" s="330">
        <v>4079792</v>
      </c>
      <c r="HZ35" s="335">
        <v>0</v>
      </c>
      <c r="IA35" s="336">
        <v>0</v>
      </c>
      <c r="IB35" s="337">
        <v>0</v>
      </c>
      <c r="IC35" s="338">
        <v>0</v>
      </c>
      <c r="ID35" s="336">
        <v>2517190</v>
      </c>
      <c r="IE35" s="339">
        <v>2256365</v>
      </c>
      <c r="IF35" s="337">
        <v>1732500</v>
      </c>
      <c r="IG35" s="336">
        <v>1709402</v>
      </c>
      <c r="IH35" s="337">
        <v>375381</v>
      </c>
      <c r="II35" s="340">
        <v>8590838</v>
      </c>
      <c r="IJ35" s="341">
        <v>8590838</v>
      </c>
      <c r="IK35" s="342">
        <v>0</v>
      </c>
      <c r="IL35" s="343">
        <v>0</v>
      </c>
      <c r="IM35" s="344">
        <v>0</v>
      </c>
      <c r="IN35" s="404">
        <v>0</v>
      </c>
      <c r="IO35" s="345">
        <v>0</v>
      </c>
      <c r="IP35" s="345">
        <v>250617</v>
      </c>
      <c r="IQ35" s="345">
        <v>299187</v>
      </c>
      <c r="IR35" s="345">
        <v>0</v>
      </c>
      <c r="IS35" s="345">
        <v>0</v>
      </c>
      <c r="IT35" s="346">
        <v>549804</v>
      </c>
      <c r="IU35" s="347">
        <v>549804</v>
      </c>
      <c r="IV35" s="348">
        <v>0</v>
      </c>
      <c r="IW35" s="345">
        <v>0</v>
      </c>
      <c r="IX35" s="349">
        <v>0</v>
      </c>
      <c r="IY35" s="413">
        <v>0</v>
      </c>
      <c r="IZ35" s="345">
        <v>0</v>
      </c>
      <c r="JA35" s="345">
        <v>0</v>
      </c>
      <c r="JB35" s="345">
        <v>0</v>
      </c>
      <c r="JC35" s="345">
        <v>0</v>
      </c>
      <c r="JD35" s="345">
        <v>0</v>
      </c>
      <c r="JE35" s="349">
        <v>0</v>
      </c>
      <c r="JF35" s="350">
        <v>0</v>
      </c>
      <c r="JG35" s="348">
        <v>0</v>
      </c>
      <c r="JH35" s="345">
        <v>0</v>
      </c>
      <c r="JI35" s="346">
        <v>0</v>
      </c>
      <c r="JJ35" s="351">
        <v>0</v>
      </c>
      <c r="JK35" s="345">
        <v>1159571</v>
      </c>
      <c r="JL35" s="345">
        <v>1083356</v>
      </c>
      <c r="JM35" s="345">
        <v>644733</v>
      </c>
      <c r="JN35" s="345">
        <v>277594</v>
      </c>
      <c r="JO35" s="345">
        <v>84015</v>
      </c>
      <c r="JP35" s="349">
        <v>3249269</v>
      </c>
      <c r="JQ35" s="347">
        <v>3249269</v>
      </c>
      <c r="JR35" s="348">
        <v>0</v>
      </c>
      <c r="JS35" s="345">
        <v>0</v>
      </c>
      <c r="JT35" s="346">
        <v>0</v>
      </c>
      <c r="JU35" s="351">
        <v>0</v>
      </c>
      <c r="JV35" s="345">
        <v>92755</v>
      </c>
      <c r="JW35" s="345">
        <v>49698</v>
      </c>
      <c r="JX35" s="345">
        <v>0</v>
      </c>
      <c r="JY35" s="345">
        <v>0</v>
      </c>
      <c r="JZ35" s="345">
        <v>0</v>
      </c>
      <c r="KA35" s="349">
        <v>142453</v>
      </c>
      <c r="KB35" s="347">
        <v>142453</v>
      </c>
      <c r="KC35" s="352">
        <v>0</v>
      </c>
      <c r="KD35" s="353">
        <v>0</v>
      </c>
      <c r="KE35" s="349">
        <v>0</v>
      </c>
      <c r="KF35" s="351">
        <v>0</v>
      </c>
      <c r="KG35" s="345">
        <v>0</v>
      </c>
      <c r="KH35" s="345">
        <v>0</v>
      </c>
      <c r="KI35" s="345">
        <v>278163</v>
      </c>
      <c r="KJ35" s="345">
        <v>0</v>
      </c>
      <c r="KK35" s="345">
        <v>0</v>
      </c>
      <c r="KL35" s="349">
        <v>278163</v>
      </c>
      <c r="KM35" s="354">
        <v>278163</v>
      </c>
      <c r="KN35" s="342">
        <v>0</v>
      </c>
      <c r="KO35" s="343">
        <v>0</v>
      </c>
      <c r="KP35" s="344">
        <v>0</v>
      </c>
      <c r="KQ35" s="413">
        <v>0</v>
      </c>
      <c r="KR35" s="345">
        <v>1264864</v>
      </c>
      <c r="KS35" s="345">
        <v>872694</v>
      </c>
      <c r="KT35" s="345">
        <v>510417</v>
      </c>
      <c r="KU35" s="345">
        <v>1431808</v>
      </c>
      <c r="KV35" s="345">
        <v>291366</v>
      </c>
      <c r="KW35" s="349">
        <v>4371149</v>
      </c>
      <c r="KX35" s="347">
        <v>4371149</v>
      </c>
      <c r="KY35" s="348">
        <v>0</v>
      </c>
      <c r="KZ35" s="345">
        <v>0</v>
      </c>
      <c r="LA35" s="349">
        <v>0</v>
      </c>
      <c r="LB35" s="413">
        <v>0</v>
      </c>
      <c r="LC35" s="345">
        <v>0</v>
      </c>
      <c r="LD35" s="345">
        <v>0</v>
      </c>
      <c r="LE35" s="345">
        <v>0</v>
      </c>
      <c r="LF35" s="345">
        <v>0</v>
      </c>
      <c r="LG35" s="345">
        <v>0</v>
      </c>
      <c r="LH35" s="349">
        <v>0</v>
      </c>
      <c r="LI35" s="350">
        <v>0</v>
      </c>
      <c r="LJ35" s="348">
        <v>0</v>
      </c>
      <c r="LK35" s="345">
        <v>0</v>
      </c>
      <c r="LL35" s="349">
        <v>0</v>
      </c>
      <c r="LM35" s="413">
        <v>0</v>
      </c>
      <c r="LN35" s="345">
        <v>0</v>
      </c>
      <c r="LO35" s="345">
        <v>0</v>
      </c>
      <c r="LP35" s="345">
        <v>0</v>
      </c>
      <c r="LQ35" s="345">
        <v>0</v>
      </c>
      <c r="LR35" s="345">
        <v>0</v>
      </c>
      <c r="LS35" s="349">
        <v>0</v>
      </c>
      <c r="LT35" s="347">
        <v>0</v>
      </c>
      <c r="LU35" s="348">
        <v>0</v>
      </c>
      <c r="LV35" s="345">
        <v>0</v>
      </c>
      <c r="LW35" s="349">
        <v>0</v>
      </c>
      <c r="LX35" s="413">
        <v>0</v>
      </c>
      <c r="LY35" s="345">
        <v>0</v>
      </c>
      <c r="LZ35" s="345">
        <v>0</v>
      </c>
      <c r="MA35" s="345">
        <v>0</v>
      </c>
      <c r="MB35" s="345">
        <v>0</v>
      </c>
      <c r="MC35" s="345">
        <v>0</v>
      </c>
      <c r="MD35" s="349">
        <v>0</v>
      </c>
      <c r="ME35" s="350">
        <v>0</v>
      </c>
      <c r="MF35" s="348">
        <v>0</v>
      </c>
      <c r="MG35" s="345">
        <v>0</v>
      </c>
      <c r="MH35" s="349">
        <v>0</v>
      </c>
      <c r="MI35" s="413">
        <v>0</v>
      </c>
      <c r="MJ35" s="345">
        <v>3026620</v>
      </c>
      <c r="MK35" s="345">
        <v>3126045</v>
      </c>
      <c r="ML35" s="345">
        <v>10521356</v>
      </c>
      <c r="MM35" s="345">
        <v>15796806</v>
      </c>
      <c r="MN35" s="345">
        <v>8501815</v>
      </c>
      <c r="MO35" s="349">
        <v>40972642</v>
      </c>
      <c r="MP35" s="354">
        <v>40972642</v>
      </c>
      <c r="MQ35" s="348">
        <v>0</v>
      </c>
      <c r="MR35" s="345">
        <v>0</v>
      </c>
      <c r="MS35" s="349">
        <v>0</v>
      </c>
      <c r="MT35" s="413">
        <v>0</v>
      </c>
      <c r="MU35" s="345">
        <v>0</v>
      </c>
      <c r="MV35" s="345">
        <v>1101787</v>
      </c>
      <c r="MW35" s="345">
        <v>6826088</v>
      </c>
      <c r="MX35" s="345">
        <v>9378863</v>
      </c>
      <c r="MY35" s="345">
        <v>5712599</v>
      </c>
      <c r="MZ35" s="349">
        <v>23019337</v>
      </c>
      <c r="NA35" s="354">
        <v>23019337</v>
      </c>
      <c r="NB35" s="348">
        <v>0</v>
      </c>
      <c r="NC35" s="345">
        <v>0</v>
      </c>
      <c r="ND35" s="349">
        <v>0</v>
      </c>
      <c r="NE35" s="413">
        <v>0</v>
      </c>
      <c r="NF35" s="345">
        <v>3026620</v>
      </c>
      <c r="NG35" s="345">
        <v>2024258</v>
      </c>
      <c r="NH35" s="345">
        <v>3695268</v>
      </c>
      <c r="NI35" s="345">
        <v>6417943</v>
      </c>
      <c r="NJ35" s="345">
        <v>2066237</v>
      </c>
      <c r="NK35" s="349">
        <v>17230326</v>
      </c>
      <c r="NL35" s="347">
        <v>17230326</v>
      </c>
      <c r="NM35" s="348">
        <v>0</v>
      </c>
      <c r="NN35" s="345">
        <v>0</v>
      </c>
      <c r="NO35" s="349">
        <v>0</v>
      </c>
      <c r="NP35" s="413">
        <v>0</v>
      </c>
      <c r="NQ35" s="345">
        <v>0</v>
      </c>
      <c r="NR35" s="345">
        <v>0</v>
      </c>
      <c r="NS35" s="345">
        <v>0</v>
      </c>
      <c r="NT35" s="345">
        <v>0</v>
      </c>
      <c r="NU35" s="345">
        <v>0</v>
      </c>
      <c r="NV35" s="349">
        <v>0</v>
      </c>
      <c r="NW35" s="350">
        <v>0</v>
      </c>
      <c r="NX35" s="348">
        <v>0</v>
      </c>
      <c r="NY35" s="345">
        <v>0</v>
      </c>
      <c r="NZ35" s="349">
        <v>0</v>
      </c>
      <c r="OA35" s="413">
        <v>0</v>
      </c>
      <c r="OB35" s="345">
        <v>0</v>
      </c>
      <c r="OC35" s="345">
        <v>0</v>
      </c>
      <c r="OD35" s="345">
        <v>0</v>
      </c>
      <c r="OE35" s="345">
        <v>0</v>
      </c>
      <c r="OF35" s="345">
        <v>722979</v>
      </c>
      <c r="OG35" s="349">
        <v>722979</v>
      </c>
      <c r="OH35" s="350">
        <v>722979</v>
      </c>
      <c r="OI35" s="348">
        <v>762973</v>
      </c>
      <c r="OJ35" s="345">
        <v>889840</v>
      </c>
      <c r="OK35" s="346">
        <v>1652813</v>
      </c>
      <c r="OL35" s="351">
        <v>0</v>
      </c>
      <c r="OM35" s="345">
        <v>15050000</v>
      </c>
      <c r="ON35" s="345">
        <v>13023767</v>
      </c>
      <c r="OO35" s="345">
        <v>20827893</v>
      </c>
      <c r="OP35" s="345">
        <v>25428752</v>
      </c>
      <c r="OQ35" s="345">
        <v>12248537</v>
      </c>
      <c r="OR35" s="349">
        <v>86578949</v>
      </c>
      <c r="OS35" s="354">
        <v>88231762</v>
      </c>
    </row>
    <row r="36" spans="2:409" s="70" customFormat="1" ht="21" customHeight="1" x14ac:dyDescent="0.2">
      <c r="B36" s="410" t="s">
        <v>31</v>
      </c>
      <c r="C36" s="326">
        <v>537539</v>
      </c>
      <c r="D36" s="327">
        <v>1438750</v>
      </c>
      <c r="E36" s="328">
        <v>1976289</v>
      </c>
      <c r="F36" s="329">
        <v>0</v>
      </c>
      <c r="G36" s="327">
        <v>7373586</v>
      </c>
      <c r="H36" s="327">
        <v>9082266</v>
      </c>
      <c r="I36" s="327">
        <v>8466427</v>
      </c>
      <c r="J36" s="327">
        <v>5782424</v>
      </c>
      <c r="K36" s="327">
        <v>3594142</v>
      </c>
      <c r="L36" s="367">
        <v>34298845</v>
      </c>
      <c r="M36" s="330">
        <v>36275134</v>
      </c>
      <c r="N36" s="326">
        <v>84654</v>
      </c>
      <c r="O36" s="327">
        <v>197294</v>
      </c>
      <c r="P36" s="328">
        <v>281948</v>
      </c>
      <c r="Q36" s="326">
        <v>0</v>
      </c>
      <c r="R36" s="327">
        <v>1311508</v>
      </c>
      <c r="S36" s="327">
        <v>1692211</v>
      </c>
      <c r="T36" s="327">
        <v>1774265</v>
      </c>
      <c r="U36" s="327">
        <v>2104032</v>
      </c>
      <c r="V36" s="327">
        <v>1737059</v>
      </c>
      <c r="W36" s="328">
        <v>8619075</v>
      </c>
      <c r="X36" s="330">
        <v>8901023</v>
      </c>
      <c r="Y36" s="326">
        <v>0</v>
      </c>
      <c r="Z36" s="327">
        <v>0</v>
      </c>
      <c r="AA36" s="328">
        <v>0</v>
      </c>
      <c r="AB36" s="326">
        <v>0</v>
      </c>
      <c r="AC36" s="327">
        <v>372258</v>
      </c>
      <c r="AD36" s="327">
        <v>613403</v>
      </c>
      <c r="AE36" s="327">
        <v>827921</v>
      </c>
      <c r="AF36" s="327">
        <v>917795</v>
      </c>
      <c r="AG36" s="327">
        <v>911962</v>
      </c>
      <c r="AH36" s="328">
        <v>3643339</v>
      </c>
      <c r="AI36" s="330">
        <v>3643339</v>
      </c>
      <c r="AJ36" s="326">
        <v>0</v>
      </c>
      <c r="AK36" s="327">
        <v>0</v>
      </c>
      <c r="AL36" s="328">
        <v>0</v>
      </c>
      <c r="AM36" s="326">
        <v>0</v>
      </c>
      <c r="AN36" s="327">
        <v>185377</v>
      </c>
      <c r="AO36" s="327">
        <v>229974</v>
      </c>
      <c r="AP36" s="327">
        <v>117112</v>
      </c>
      <c r="AQ36" s="327">
        <v>452420</v>
      </c>
      <c r="AR36" s="327">
        <v>443128</v>
      </c>
      <c r="AS36" s="328">
        <v>1428011</v>
      </c>
      <c r="AT36" s="330">
        <v>1428011</v>
      </c>
      <c r="AU36" s="326">
        <v>62982</v>
      </c>
      <c r="AV36" s="327">
        <v>144629</v>
      </c>
      <c r="AW36" s="328">
        <v>207611</v>
      </c>
      <c r="AX36" s="326">
        <v>0</v>
      </c>
      <c r="AY36" s="327">
        <v>529441</v>
      </c>
      <c r="AZ36" s="327">
        <v>610387</v>
      </c>
      <c r="BA36" s="327">
        <v>648288</v>
      </c>
      <c r="BB36" s="327">
        <v>478364</v>
      </c>
      <c r="BC36" s="327">
        <v>264953</v>
      </c>
      <c r="BD36" s="328">
        <v>2531433</v>
      </c>
      <c r="BE36" s="330">
        <v>2739044</v>
      </c>
      <c r="BF36" s="326">
        <v>0</v>
      </c>
      <c r="BG36" s="327">
        <v>52665</v>
      </c>
      <c r="BH36" s="331">
        <v>52665</v>
      </c>
      <c r="BI36" s="332">
        <v>0</v>
      </c>
      <c r="BJ36" s="327">
        <v>122885</v>
      </c>
      <c r="BK36" s="327">
        <v>35110</v>
      </c>
      <c r="BL36" s="327">
        <v>26576</v>
      </c>
      <c r="BM36" s="327">
        <v>78998</v>
      </c>
      <c r="BN36" s="327">
        <v>0</v>
      </c>
      <c r="BO36" s="328">
        <v>263569</v>
      </c>
      <c r="BP36" s="330">
        <v>316234</v>
      </c>
      <c r="BQ36" s="326">
        <v>21672</v>
      </c>
      <c r="BR36" s="327">
        <v>0</v>
      </c>
      <c r="BS36" s="328">
        <v>21672</v>
      </c>
      <c r="BT36" s="326">
        <v>0</v>
      </c>
      <c r="BU36" s="327">
        <v>101547</v>
      </c>
      <c r="BV36" s="327">
        <v>203337</v>
      </c>
      <c r="BW36" s="327">
        <v>154368</v>
      </c>
      <c r="BX36" s="327">
        <v>176455</v>
      </c>
      <c r="BY36" s="327">
        <v>117016</v>
      </c>
      <c r="BZ36" s="328">
        <v>752723</v>
      </c>
      <c r="CA36" s="330">
        <v>774395</v>
      </c>
      <c r="CB36" s="326">
        <v>23418</v>
      </c>
      <c r="CC36" s="327">
        <v>85738</v>
      </c>
      <c r="CD36" s="328">
        <v>109156</v>
      </c>
      <c r="CE36" s="326">
        <v>0</v>
      </c>
      <c r="CF36" s="327">
        <v>3013540</v>
      </c>
      <c r="CG36" s="327">
        <v>3168921</v>
      </c>
      <c r="CH36" s="327">
        <v>2211542</v>
      </c>
      <c r="CI36" s="327">
        <v>963876</v>
      </c>
      <c r="CJ36" s="327">
        <v>761612</v>
      </c>
      <c r="CK36" s="328">
        <v>10119491</v>
      </c>
      <c r="CL36" s="330">
        <v>10228647</v>
      </c>
      <c r="CM36" s="326">
        <v>0</v>
      </c>
      <c r="CN36" s="327">
        <v>0</v>
      </c>
      <c r="CO36" s="328">
        <v>0</v>
      </c>
      <c r="CP36" s="332">
        <v>0</v>
      </c>
      <c r="CQ36" s="327">
        <v>2726596</v>
      </c>
      <c r="CR36" s="327">
        <v>2768067</v>
      </c>
      <c r="CS36" s="327">
        <v>1697618</v>
      </c>
      <c r="CT36" s="327">
        <v>461623</v>
      </c>
      <c r="CU36" s="327">
        <v>654035</v>
      </c>
      <c r="CV36" s="328">
        <v>8307939</v>
      </c>
      <c r="CW36" s="330">
        <v>8307939</v>
      </c>
      <c r="CX36" s="326">
        <v>23418</v>
      </c>
      <c r="CY36" s="327">
        <v>85738</v>
      </c>
      <c r="CZ36" s="328">
        <v>109156</v>
      </c>
      <c r="DA36" s="326">
        <v>0</v>
      </c>
      <c r="DB36" s="327">
        <v>286944</v>
      </c>
      <c r="DC36" s="327">
        <v>400854</v>
      </c>
      <c r="DD36" s="327">
        <v>513924</v>
      </c>
      <c r="DE36" s="327">
        <v>502253</v>
      </c>
      <c r="DF36" s="327">
        <v>107577</v>
      </c>
      <c r="DG36" s="328">
        <v>1811552</v>
      </c>
      <c r="DH36" s="330">
        <v>1920708</v>
      </c>
      <c r="DI36" s="326">
        <v>0</v>
      </c>
      <c r="DJ36" s="327">
        <v>43771</v>
      </c>
      <c r="DK36" s="331">
        <v>43771</v>
      </c>
      <c r="DL36" s="332">
        <v>0</v>
      </c>
      <c r="DM36" s="327">
        <v>315815</v>
      </c>
      <c r="DN36" s="327">
        <v>595870</v>
      </c>
      <c r="DO36" s="327">
        <v>1953250</v>
      </c>
      <c r="DP36" s="327">
        <v>436021</v>
      </c>
      <c r="DQ36" s="327">
        <v>63361</v>
      </c>
      <c r="DR36" s="328">
        <v>3364317</v>
      </c>
      <c r="DS36" s="330">
        <v>3408088</v>
      </c>
      <c r="DT36" s="326">
        <v>0</v>
      </c>
      <c r="DU36" s="327">
        <v>43771</v>
      </c>
      <c r="DV36" s="328">
        <v>43771</v>
      </c>
      <c r="DW36" s="326">
        <v>0</v>
      </c>
      <c r="DX36" s="327">
        <v>197464</v>
      </c>
      <c r="DY36" s="327">
        <v>510699</v>
      </c>
      <c r="DZ36" s="327">
        <v>1868907</v>
      </c>
      <c r="EA36" s="327">
        <v>436021</v>
      </c>
      <c r="EB36" s="327">
        <v>0</v>
      </c>
      <c r="EC36" s="328">
        <v>3013091</v>
      </c>
      <c r="ED36" s="330">
        <v>3056862</v>
      </c>
      <c r="EE36" s="326">
        <v>0</v>
      </c>
      <c r="EF36" s="331">
        <v>0</v>
      </c>
      <c r="EG36" s="328">
        <v>0</v>
      </c>
      <c r="EH36" s="326">
        <v>0</v>
      </c>
      <c r="EI36" s="327">
        <v>118351</v>
      </c>
      <c r="EJ36" s="327">
        <v>85171</v>
      </c>
      <c r="EK36" s="327">
        <v>84343</v>
      </c>
      <c r="EL36" s="327">
        <v>0</v>
      </c>
      <c r="EM36" s="327">
        <v>63361</v>
      </c>
      <c r="EN36" s="331">
        <v>351226</v>
      </c>
      <c r="EO36" s="330">
        <v>351226</v>
      </c>
      <c r="EP36" s="326">
        <v>0</v>
      </c>
      <c r="EQ36" s="327">
        <v>0</v>
      </c>
      <c r="ER36" s="331">
        <v>0</v>
      </c>
      <c r="ES36" s="332">
        <v>0</v>
      </c>
      <c r="ET36" s="327">
        <v>0</v>
      </c>
      <c r="EU36" s="327">
        <v>0</v>
      </c>
      <c r="EV36" s="327">
        <v>0</v>
      </c>
      <c r="EW36" s="327">
        <v>0</v>
      </c>
      <c r="EX36" s="327">
        <v>0</v>
      </c>
      <c r="EY36" s="328">
        <v>0</v>
      </c>
      <c r="EZ36" s="330">
        <v>0</v>
      </c>
      <c r="FA36" s="326">
        <v>0</v>
      </c>
      <c r="FB36" s="327">
        <v>0</v>
      </c>
      <c r="FC36" s="331">
        <v>0</v>
      </c>
      <c r="FD36" s="332">
        <v>0</v>
      </c>
      <c r="FE36" s="327">
        <v>0</v>
      </c>
      <c r="FF36" s="327">
        <v>0</v>
      </c>
      <c r="FG36" s="327">
        <v>0</v>
      </c>
      <c r="FH36" s="327">
        <v>0</v>
      </c>
      <c r="FI36" s="327">
        <v>0</v>
      </c>
      <c r="FJ36" s="328">
        <v>0</v>
      </c>
      <c r="FK36" s="330">
        <v>0</v>
      </c>
      <c r="FL36" s="326">
        <v>144040</v>
      </c>
      <c r="FM36" s="327">
        <v>789981</v>
      </c>
      <c r="FN36" s="328">
        <v>934021</v>
      </c>
      <c r="FO36" s="326">
        <v>0</v>
      </c>
      <c r="FP36" s="327">
        <v>649359</v>
      </c>
      <c r="FQ36" s="327">
        <v>885671</v>
      </c>
      <c r="FR36" s="327">
        <v>710886</v>
      </c>
      <c r="FS36" s="327">
        <v>590911</v>
      </c>
      <c r="FT36" s="327">
        <v>311572</v>
      </c>
      <c r="FU36" s="328">
        <v>3148399</v>
      </c>
      <c r="FV36" s="330">
        <v>4082420</v>
      </c>
      <c r="FW36" s="333">
        <v>144040</v>
      </c>
      <c r="FX36" s="327">
        <v>461481</v>
      </c>
      <c r="FY36" s="331">
        <v>605521</v>
      </c>
      <c r="FZ36" s="332">
        <v>0</v>
      </c>
      <c r="GA36" s="327">
        <v>427999</v>
      </c>
      <c r="GB36" s="327">
        <v>804690</v>
      </c>
      <c r="GC36" s="327">
        <v>710886</v>
      </c>
      <c r="GD36" s="327">
        <v>531871</v>
      </c>
      <c r="GE36" s="327">
        <v>311572</v>
      </c>
      <c r="GF36" s="328">
        <v>2787018</v>
      </c>
      <c r="GG36" s="334">
        <v>3392539</v>
      </c>
      <c r="GH36" s="333">
        <v>0</v>
      </c>
      <c r="GI36" s="327">
        <v>0</v>
      </c>
      <c r="GJ36" s="331">
        <v>0</v>
      </c>
      <c r="GK36" s="332">
        <v>0</v>
      </c>
      <c r="GL36" s="327">
        <v>8960</v>
      </c>
      <c r="GM36" s="327">
        <v>80981</v>
      </c>
      <c r="GN36" s="327">
        <v>0</v>
      </c>
      <c r="GO36" s="327">
        <v>59040</v>
      </c>
      <c r="GP36" s="327">
        <v>0</v>
      </c>
      <c r="GQ36" s="328">
        <v>148981</v>
      </c>
      <c r="GR36" s="330">
        <v>148981</v>
      </c>
      <c r="GS36" s="326">
        <v>0</v>
      </c>
      <c r="GT36" s="327">
        <v>328500</v>
      </c>
      <c r="GU36" s="328">
        <v>328500</v>
      </c>
      <c r="GV36" s="326">
        <v>0</v>
      </c>
      <c r="GW36" s="327">
        <v>212400</v>
      </c>
      <c r="GX36" s="327">
        <v>0</v>
      </c>
      <c r="GY36" s="327">
        <v>0</v>
      </c>
      <c r="GZ36" s="327">
        <v>0</v>
      </c>
      <c r="HA36" s="327">
        <v>0</v>
      </c>
      <c r="HB36" s="331">
        <v>212400</v>
      </c>
      <c r="HC36" s="330">
        <v>540900</v>
      </c>
      <c r="HD36" s="326">
        <v>157477</v>
      </c>
      <c r="HE36" s="327">
        <v>0</v>
      </c>
      <c r="HF36" s="331">
        <v>157477</v>
      </c>
      <c r="HG36" s="332">
        <v>0</v>
      </c>
      <c r="HH36" s="327">
        <v>622475</v>
      </c>
      <c r="HI36" s="327">
        <v>1606202</v>
      </c>
      <c r="HJ36" s="327">
        <v>951241</v>
      </c>
      <c r="HK36" s="327">
        <v>1234887</v>
      </c>
      <c r="HL36" s="327">
        <v>520209</v>
      </c>
      <c r="HM36" s="328">
        <v>4935014</v>
      </c>
      <c r="HN36" s="329">
        <v>5092491</v>
      </c>
      <c r="HO36" s="333">
        <v>127950</v>
      </c>
      <c r="HP36" s="327">
        <v>321966</v>
      </c>
      <c r="HQ36" s="328">
        <v>449916</v>
      </c>
      <c r="HR36" s="326">
        <v>0</v>
      </c>
      <c r="HS36" s="327">
        <v>1460889</v>
      </c>
      <c r="HT36" s="327">
        <v>1133391</v>
      </c>
      <c r="HU36" s="327">
        <v>865243</v>
      </c>
      <c r="HV36" s="327">
        <v>452697</v>
      </c>
      <c r="HW36" s="327">
        <v>200329</v>
      </c>
      <c r="HX36" s="331">
        <v>4112549</v>
      </c>
      <c r="HY36" s="330">
        <v>4562465</v>
      </c>
      <c r="HZ36" s="358">
        <v>0</v>
      </c>
      <c r="IA36" s="356">
        <v>0</v>
      </c>
      <c r="IB36" s="358">
        <v>0</v>
      </c>
      <c r="IC36" s="355">
        <v>0</v>
      </c>
      <c r="ID36" s="356">
        <v>3649187</v>
      </c>
      <c r="IE36" s="357">
        <v>4904844</v>
      </c>
      <c r="IF36" s="358">
        <v>5570730</v>
      </c>
      <c r="IG36" s="356">
        <v>3496392</v>
      </c>
      <c r="IH36" s="358">
        <v>1409839</v>
      </c>
      <c r="II36" s="359">
        <v>19030992</v>
      </c>
      <c r="IJ36" s="358">
        <v>19030992</v>
      </c>
      <c r="IK36" s="342">
        <v>0</v>
      </c>
      <c r="IL36" s="343">
        <v>0</v>
      </c>
      <c r="IM36" s="344">
        <v>0</v>
      </c>
      <c r="IN36" s="404">
        <v>0</v>
      </c>
      <c r="IO36" s="345">
        <v>0</v>
      </c>
      <c r="IP36" s="345">
        <v>105390</v>
      </c>
      <c r="IQ36" s="345">
        <v>38799</v>
      </c>
      <c r="IR36" s="345">
        <v>0</v>
      </c>
      <c r="IS36" s="345">
        <v>0</v>
      </c>
      <c r="IT36" s="346">
        <v>144189</v>
      </c>
      <c r="IU36" s="347">
        <v>144189</v>
      </c>
      <c r="IV36" s="348">
        <v>0</v>
      </c>
      <c r="IW36" s="345">
        <v>0</v>
      </c>
      <c r="IX36" s="349">
        <v>0</v>
      </c>
      <c r="IY36" s="413">
        <v>0</v>
      </c>
      <c r="IZ36" s="345">
        <v>0</v>
      </c>
      <c r="JA36" s="345">
        <v>0</v>
      </c>
      <c r="JB36" s="345">
        <v>0</v>
      </c>
      <c r="JC36" s="345">
        <v>0</v>
      </c>
      <c r="JD36" s="345">
        <v>0</v>
      </c>
      <c r="JE36" s="349">
        <v>0</v>
      </c>
      <c r="JF36" s="350">
        <v>0</v>
      </c>
      <c r="JG36" s="348">
        <v>0</v>
      </c>
      <c r="JH36" s="345">
        <v>0</v>
      </c>
      <c r="JI36" s="346">
        <v>0</v>
      </c>
      <c r="JJ36" s="351">
        <v>0</v>
      </c>
      <c r="JK36" s="345">
        <v>706184</v>
      </c>
      <c r="JL36" s="345">
        <v>800266</v>
      </c>
      <c r="JM36" s="345">
        <v>841536</v>
      </c>
      <c r="JN36" s="345">
        <v>24129</v>
      </c>
      <c r="JO36" s="345">
        <v>0</v>
      </c>
      <c r="JP36" s="349">
        <v>2372115</v>
      </c>
      <c r="JQ36" s="347">
        <v>2372115</v>
      </c>
      <c r="JR36" s="348">
        <v>0</v>
      </c>
      <c r="JS36" s="345">
        <v>0</v>
      </c>
      <c r="JT36" s="346">
        <v>0</v>
      </c>
      <c r="JU36" s="351">
        <v>0</v>
      </c>
      <c r="JV36" s="345">
        <v>0</v>
      </c>
      <c r="JW36" s="345">
        <v>160875</v>
      </c>
      <c r="JX36" s="345">
        <v>106961</v>
      </c>
      <c r="JY36" s="345">
        <v>199529</v>
      </c>
      <c r="JZ36" s="345">
        <v>0</v>
      </c>
      <c r="KA36" s="349">
        <v>467365</v>
      </c>
      <c r="KB36" s="347">
        <v>467365</v>
      </c>
      <c r="KC36" s="352">
        <v>0</v>
      </c>
      <c r="KD36" s="353">
        <v>0</v>
      </c>
      <c r="KE36" s="349">
        <v>0</v>
      </c>
      <c r="KF36" s="351">
        <v>0</v>
      </c>
      <c r="KG36" s="345">
        <v>1038605</v>
      </c>
      <c r="KH36" s="345">
        <v>1019523</v>
      </c>
      <c r="KI36" s="345">
        <v>1406464</v>
      </c>
      <c r="KJ36" s="345">
        <v>551549</v>
      </c>
      <c r="KK36" s="345">
        <v>0</v>
      </c>
      <c r="KL36" s="349">
        <v>4016141</v>
      </c>
      <c r="KM36" s="354">
        <v>4016141</v>
      </c>
      <c r="KN36" s="342">
        <v>0</v>
      </c>
      <c r="KO36" s="343">
        <v>0</v>
      </c>
      <c r="KP36" s="344">
        <v>0</v>
      </c>
      <c r="KQ36" s="413">
        <v>0</v>
      </c>
      <c r="KR36" s="345">
        <v>1904398</v>
      </c>
      <c r="KS36" s="345">
        <v>2818790</v>
      </c>
      <c r="KT36" s="345">
        <v>3176970</v>
      </c>
      <c r="KU36" s="345">
        <v>2571177</v>
      </c>
      <c r="KV36" s="345">
        <v>1409839</v>
      </c>
      <c r="KW36" s="349">
        <v>11881174</v>
      </c>
      <c r="KX36" s="347">
        <v>11881174</v>
      </c>
      <c r="KY36" s="348">
        <v>0</v>
      </c>
      <c r="KZ36" s="345">
        <v>0</v>
      </c>
      <c r="LA36" s="349">
        <v>0</v>
      </c>
      <c r="LB36" s="413">
        <v>0</v>
      </c>
      <c r="LC36" s="345">
        <v>0</v>
      </c>
      <c r="LD36" s="345">
        <v>0</v>
      </c>
      <c r="LE36" s="345">
        <v>0</v>
      </c>
      <c r="LF36" s="345">
        <v>0</v>
      </c>
      <c r="LG36" s="345">
        <v>0</v>
      </c>
      <c r="LH36" s="349">
        <v>0</v>
      </c>
      <c r="LI36" s="350">
        <v>0</v>
      </c>
      <c r="LJ36" s="348">
        <v>0</v>
      </c>
      <c r="LK36" s="345">
        <v>0</v>
      </c>
      <c r="LL36" s="349">
        <v>0</v>
      </c>
      <c r="LM36" s="413">
        <v>0</v>
      </c>
      <c r="LN36" s="345">
        <v>0</v>
      </c>
      <c r="LO36" s="345">
        <v>0</v>
      </c>
      <c r="LP36" s="345">
        <v>0</v>
      </c>
      <c r="LQ36" s="345">
        <v>150008</v>
      </c>
      <c r="LR36" s="345">
        <v>0</v>
      </c>
      <c r="LS36" s="349">
        <v>150008</v>
      </c>
      <c r="LT36" s="347">
        <v>150008</v>
      </c>
      <c r="LU36" s="348">
        <v>0</v>
      </c>
      <c r="LV36" s="345">
        <v>0</v>
      </c>
      <c r="LW36" s="349">
        <v>0</v>
      </c>
      <c r="LX36" s="413">
        <v>0</v>
      </c>
      <c r="LY36" s="345">
        <v>0</v>
      </c>
      <c r="LZ36" s="345">
        <v>0</v>
      </c>
      <c r="MA36" s="345">
        <v>0</v>
      </c>
      <c r="MB36" s="345">
        <v>0</v>
      </c>
      <c r="MC36" s="345">
        <v>0</v>
      </c>
      <c r="MD36" s="349">
        <v>0</v>
      </c>
      <c r="ME36" s="350">
        <v>0</v>
      </c>
      <c r="MF36" s="348">
        <v>0</v>
      </c>
      <c r="MG36" s="345">
        <v>0</v>
      </c>
      <c r="MH36" s="349">
        <v>0</v>
      </c>
      <c r="MI36" s="413">
        <v>0</v>
      </c>
      <c r="MJ36" s="345">
        <v>1482816</v>
      </c>
      <c r="MK36" s="345">
        <v>3042779</v>
      </c>
      <c r="ML36" s="345">
        <v>12728030</v>
      </c>
      <c r="MM36" s="345">
        <v>12196249</v>
      </c>
      <c r="MN36" s="345">
        <v>8337313</v>
      </c>
      <c r="MO36" s="349">
        <v>37787187</v>
      </c>
      <c r="MP36" s="354">
        <v>37787187</v>
      </c>
      <c r="MQ36" s="348">
        <v>0</v>
      </c>
      <c r="MR36" s="345">
        <v>0</v>
      </c>
      <c r="MS36" s="349">
        <v>0</v>
      </c>
      <c r="MT36" s="413">
        <v>0</v>
      </c>
      <c r="MU36" s="345">
        <v>436830</v>
      </c>
      <c r="MV36" s="345">
        <v>661778</v>
      </c>
      <c r="MW36" s="345">
        <v>7342315</v>
      </c>
      <c r="MX36" s="345">
        <v>6882809</v>
      </c>
      <c r="MY36" s="345">
        <v>6843207</v>
      </c>
      <c r="MZ36" s="349">
        <v>22166939</v>
      </c>
      <c r="NA36" s="354">
        <v>22166939</v>
      </c>
      <c r="NB36" s="348">
        <v>0</v>
      </c>
      <c r="NC36" s="345">
        <v>0</v>
      </c>
      <c r="ND36" s="349">
        <v>0</v>
      </c>
      <c r="NE36" s="413">
        <v>0</v>
      </c>
      <c r="NF36" s="345">
        <v>762596</v>
      </c>
      <c r="NG36" s="345">
        <v>2381001</v>
      </c>
      <c r="NH36" s="345">
        <v>5385715</v>
      </c>
      <c r="NI36" s="345">
        <v>4520533</v>
      </c>
      <c r="NJ36" s="345">
        <v>711315</v>
      </c>
      <c r="NK36" s="349">
        <v>13761160</v>
      </c>
      <c r="NL36" s="347">
        <v>13761160</v>
      </c>
      <c r="NM36" s="348">
        <v>0</v>
      </c>
      <c r="NN36" s="345">
        <v>0</v>
      </c>
      <c r="NO36" s="349">
        <v>0</v>
      </c>
      <c r="NP36" s="413">
        <v>0</v>
      </c>
      <c r="NQ36" s="345">
        <v>0</v>
      </c>
      <c r="NR36" s="345">
        <v>0</v>
      </c>
      <c r="NS36" s="345">
        <v>0</v>
      </c>
      <c r="NT36" s="345">
        <v>0</v>
      </c>
      <c r="NU36" s="345">
        <v>0</v>
      </c>
      <c r="NV36" s="349">
        <v>0</v>
      </c>
      <c r="NW36" s="350">
        <v>0</v>
      </c>
      <c r="NX36" s="348">
        <v>0</v>
      </c>
      <c r="NY36" s="345">
        <v>0</v>
      </c>
      <c r="NZ36" s="349">
        <v>0</v>
      </c>
      <c r="OA36" s="413">
        <v>0</v>
      </c>
      <c r="OB36" s="345">
        <v>283390</v>
      </c>
      <c r="OC36" s="345">
        <v>0</v>
      </c>
      <c r="OD36" s="345">
        <v>0</v>
      </c>
      <c r="OE36" s="345">
        <v>792907</v>
      </c>
      <c r="OF36" s="345">
        <v>782791</v>
      </c>
      <c r="OG36" s="349">
        <v>1859088</v>
      </c>
      <c r="OH36" s="350">
        <v>1859088</v>
      </c>
      <c r="OI36" s="348">
        <v>537539</v>
      </c>
      <c r="OJ36" s="345">
        <v>1438750</v>
      </c>
      <c r="OK36" s="346">
        <v>1976289</v>
      </c>
      <c r="OL36" s="351">
        <v>0</v>
      </c>
      <c r="OM36" s="345">
        <v>12505589</v>
      </c>
      <c r="ON36" s="345">
        <v>17029889</v>
      </c>
      <c r="OO36" s="345">
        <v>26765187</v>
      </c>
      <c r="OP36" s="345">
        <v>21475065</v>
      </c>
      <c r="OQ36" s="345">
        <v>13341294</v>
      </c>
      <c r="OR36" s="349">
        <v>91117024</v>
      </c>
      <c r="OS36" s="354">
        <v>93093313</v>
      </c>
    </row>
    <row r="37" spans="2:409" s="70" customFormat="1" ht="21" customHeight="1" x14ac:dyDescent="0.2">
      <c r="B37" s="410" t="s">
        <v>32</v>
      </c>
      <c r="C37" s="326">
        <v>1097532</v>
      </c>
      <c r="D37" s="327">
        <v>1908265</v>
      </c>
      <c r="E37" s="368">
        <v>3005797</v>
      </c>
      <c r="F37" s="370">
        <v>0</v>
      </c>
      <c r="G37" s="369">
        <v>9736906</v>
      </c>
      <c r="H37" s="369">
        <v>12411124</v>
      </c>
      <c r="I37" s="369">
        <v>7882979</v>
      </c>
      <c r="J37" s="369">
        <v>9899887</v>
      </c>
      <c r="K37" s="369">
        <v>6628497</v>
      </c>
      <c r="L37" s="370">
        <v>46559393</v>
      </c>
      <c r="M37" s="330">
        <v>49565190</v>
      </c>
      <c r="N37" s="326">
        <v>208553</v>
      </c>
      <c r="O37" s="327">
        <v>461190</v>
      </c>
      <c r="P37" s="328">
        <v>669743</v>
      </c>
      <c r="Q37" s="326">
        <v>0</v>
      </c>
      <c r="R37" s="327">
        <v>2680335</v>
      </c>
      <c r="S37" s="327">
        <v>2551113</v>
      </c>
      <c r="T37" s="327">
        <v>1965454</v>
      </c>
      <c r="U37" s="327">
        <v>2737347</v>
      </c>
      <c r="V37" s="327">
        <v>2831573</v>
      </c>
      <c r="W37" s="328">
        <v>12765822</v>
      </c>
      <c r="X37" s="330">
        <v>13435565</v>
      </c>
      <c r="Y37" s="326">
        <v>0</v>
      </c>
      <c r="Z37" s="327">
        <v>0</v>
      </c>
      <c r="AA37" s="328">
        <v>0</v>
      </c>
      <c r="AB37" s="326">
        <v>0</v>
      </c>
      <c r="AC37" s="327">
        <v>1116370</v>
      </c>
      <c r="AD37" s="327">
        <v>1074833</v>
      </c>
      <c r="AE37" s="327">
        <v>1029107</v>
      </c>
      <c r="AF37" s="327">
        <v>1151636</v>
      </c>
      <c r="AG37" s="327">
        <v>1485431</v>
      </c>
      <c r="AH37" s="328">
        <v>5857377</v>
      </c>
      <c r="AI37" s="330">
        <v>5857377</v>
      </c>
      <c r="AJ37" s="326">
        <v>0</v>
      </c>
      <c r="AK37" s="327">
        <v>0</v>
      </c>
      <c r="AL37" s="328">
        <v>0</v>
      </c>
      <c r="AM37" s="326">
        <v>0</v>
      </c>
      <c r="AN37" s="327">
        <v>0</v>
      </c>
      <c r="AO37" s="327">
        <v>0</v>
      </c>
      <c r="AP37" s="327">
        <v>66206</v>
      </c>
      <c r="AQ37" s="327">
        <v>504063</v>
      </c>
      <c r="AR37" s="327">
        <v>493474</v>
      </c>
      <c r="AS37" s="328">
        <v>1063743</v>
      </c>
      <c r="AT37" s="330">
        <v>1063743</v>
      </c>
      <c r="AU37" s="326">
        <v>149990</v>
      </c>
      <c r="AV37" s="327">
        <v>377589</v>
      </c>
      <c r="AW37" s="328">
        <v>527579</v>
      </c>
      <c r="AX37" s="326">
        <v>0</v>
      </c>
      <c r="AY37" s="327">
        <v>1187790</v>
      </c>
      <c r="AZ37" s="327">
        <v>1143764</v>
      </c>
      <c r="BA37" s="327">
        <v>539604</v>
      </c>
      <c r="BB37" s="327">
        <v>524591</v>
      </c>
      <c r="BC37" s="327">
        <v>597341</v>
      </c>
      <c r="BD37" s="328">
        <v>3993090</v>
      </c>
      <c r="BE37" s="330">
        <v>4520669</v>
      </c>
      <c r="BF37" s="326">
        <v>0</v>
      </c>
      <c r="BG37" s="327">
        <v>0</v>
      </c>
      <c r="BH37" s="331">
        <v>0</v>
      </c>
      <c r="BI37" s="332">
        <v>0</v>
      </c>
      <c r="BJ37" s="327">
        <v>132639</v>
      </c>
      <c r="BK37" s="327">
        <v>15604</v>
      </c>
      <c r="BL37" s="327">
        <v>0</v>
      </c>
      <c r="BM37" s="327">
        <v>125812</v>
      </c>
      <c r="BN37" s="327">
        <v>56774</v>
      </c>
      <c r="BO37" s="328">
        <v>330829</v>
      </c>
      <c r="BP37" s="330">
        <v>330829</v>
      </c>
      <c r="BQ37" s="326">
        <v>58563</v>
      </c>
      <c r="BR37" s="327">
        <v>83601</v>
      </c>
      <c r="BS37" s="328">
        <v>142164</v>
      </c>
      <c r="BT37" s="326">
        <v>0</v>
      </c>
      <c r="BU37" s="327">
        <v>243536</v>
      </c>
      <c r="BV37" s="327">
        <v>316912</v>
      </c>
      <c r="BW37" s="327">
        <v>330537</v>
      </c>
      <c r="BX37" s="327">
        <v>431245</v>
      </c>
      <c r="BY37" s="327">
        <v>198553</v>
      </c>
      <c r="BZ37" s="328">
        <v>1520783</v>
      </c>
      <c r="CA37" s="330">
        <v>1662947</v>
      </c>
      <c r="CB37" s="326">
        <v>138614</v>
      </c>
      <c r="CC37" s="327">
        <v>165365</v>
      </c>
      <c r="CD37" s="328">
        <v>303979</v>
      </c>
      <c r="CE37" s="326">
        <v>0</v>
      </c>
      <c r="CF37" s="327">
        <v>3279435</v>
      </c>
      <c r="CG37" s="327">
        <v>4846369</v>
      </c>
      <c r="CH37" s="327">
        <v>2430539</v>
      </c>
      <c r="CI37" s="327">
        <v>2575836</v>
      </c>
      <c r="CJ37" s="327">
        <v>1090352</v>
      </c>
      <c r="CK37" s="328">
        <v>14222531</v>
      </c>
      <c r="CL37" s="330">
        <v>14526510</v>
      </c>
      <c r="CM37" s="326">
        <v>0</v>
      </c>
      <c r="CN37" s="327">
        <v>0</v>
      </c>
      <c r="CO37" s="328">
        <v>0</v>
      </c>
      <c r="CP37" s="332">
        <v>0</v>
      </c>
      <c r="CQ37" s="327">
        <v>2695026</v>
      </c>
      <c r="CR37" s="327">
        <v>4194622</v>
      </c>
      <c r="CS37" s="327">
        <v>2082330</v>
      </c>
      <c r="CT37" s="327">
        <v>2284624</v>
      </c>
      <c r="CU37" s="327">
        <v>796072</v>
      </c>
      <c r="CV37" s="328">
        <v>12052674</v>
      </c>
      <c r="CW37" s="330">
        <v>12052674</v>
      </c>
      <c r="CX37" s="326">
        <v>138614</v>
      </c>
      <c r="CY37" s="327">
        <v>165365</v>
      </c>
      <c r="CZ37" s="328">
        <v>303979</v>
      </c>
      <c r="DA37" s="326">
        <v>0</v>
      </c>
      <c r="DB37" s="327">
        <v>584409</v>
      </c>
      <c r="DC37" s="327">
        <v>651747</v>
      </c>
      <c r="DD37" s="327">
        <v>348209</v>
      </c>
      <c r="DE37" s="327">
        <v>291212</v>
      </c>
      <c r="DF37" s="327">
        <v>294280</v>
      </c>
      <c r="DG37" s="328">
        <v>2169857</v>
      </c>
      <c r="DH37" s="330">
        <v>2473836</v>
      </c>
      <c r="DI37" s="326">
        <v>0</v>
      </c>
      <c r="DJ37" s="327">
        <v>22788</v>
      </c>
      <c r="DK37" s="331">
        <v>22788</v>
      </c>
      <c r="DL37" s="332">
        <v>0</v>
      </c>
      <c r="DM37" s="327">
        <v>171136</v>
      </c>
      <c r="DN37" s="327">
        <v>709904</v>
      </c>
      <c r="DO37" s="327">
        <v>1000663</v>
      </c>
      <c r="DP37" s="327">
        <v>351704</v>
      </c>
      <c r="DQ37" s="327">
        <v>552778</v>
      </c>
      <c r="DR37" s="328">
        <v>2786185</v>
      </c>
      <c r="DS37" s="330">
        <v>2808973</v>
      </c>
      <c r="DT37" s="326">
        <v>0</v>
      </c>
      <c r="DU37" s="327">
        <v>22788</v>
      </c>
      <c r="DV37" s="328">
        <v>22788</v>
      </c>
      <c r="DW37" s="326">
        <v>0</v>
      </c>
      <c r="DX37" s="327">
        <v>171136</v>
      </c>
      <c r="DY37" s="327">
        <v>641672</v>
      </c>
      <c r="DZ37" s="327">
        <v>965146</v>
      </c>
      <c r="EA37" s="327">
        <v>351704</v>
      </c>
      <c r="EB37" s="327">
        <v>420215</v>
      </c>
      <c r="EC37" s="328">
        <v>2549873</v>
      </c>
      <c r="ED37" s="330">
        <v>2572661</v>
      </c>
      <c r="EE37" s="326">
        <v>0</v>
      </c>
      <c r="EF37" s="331">
        <v>0</v>
      </c>
      <c r="EG37" s="328">
        <v>0</v>
      </c>
      <c r="EH37" s="326">
        <v>0</v>
      </c>
      <c r="EI37" s="327">
        <v>0</v>
      </c>
      <c r="EJ37" s="327">
        <v>68232</v>
      </c>
      <c r="EK37" s="327">
        <v>35517</v>
      </c>
      <c r="EL37" s="327">
        <v>0</v>
      </c>
      <c r="EM37" s="327">
        <v>132563</v>
      </c>
      <c r="EN37" s="331">
        <v>236312</v>
      </c>
      <c r="EO37" s="330">
        <v>236312</v>
      </c>
      <c r="EP37" s="326">
        <v>0</v>
      </c>
      <c r="EQ37" s="327">
        <v>0</v>
      </c>
      <c r="ER37" s="331">
        <v>0</v>
      </c>
      <c r="ES37" s="332">
        <v>0</v>
      </c>
      <c r="ET37" s="327">
        <v>0</v>
      </c>
      <c r="EU37" s="327">
        <v>0</v>
      </c>
      <c r="EV37" s="327">
        <v>0</v>
      </c>
      <c r="EW37" s="327">
        <v>0</v>
      </c>
      <c r="EX37" s="327">
        <v>0</v>
      </c>
      <c r="EY37" s="328">
        <v>0</v>
      </c>
      <c r="EZ37" s="330">
        <v>0</v>
      </c>
      <c r="FA37" s="326">
        <v>0</v>
      </c>
      <c r="FB37" s="327">
        <v>0</v>
      </c>
      <c r="FC37" s="331">
        <v>0</v>
      </c>
      <c r="FD37" s="332">
        <v>0</v>
      </c>
      <c r="FE37" s="327">
        <v>0</v>
      </c>
      <c r="FF37" s="327">
        <v>0</v>
      </c>
      <c r="FG37" s="327">
        <v>0</v>
      </c>
      <c r="FH37" s="327">
        <v>0</v>
      </c>
      <c r="FI37" s="327">
        <v>0</v>
      </c>
      <c r="FJ37" s="328">
        <v>0</v>
      </c>
      <c r="FK37" s="330">
        <v>0</v>
      </c>
      <c r="FL37" s="326">
        <v>349950</v>
      </c>
      <c r="FM37" s="327">
        <v>481742</v>
      </c>
      <c r="FN37" s="328">
        <v>831692</v>
      </c>
      <c r="FO37" s="326">
        <v>0</v>
      </c>
      <c r="FP37" s="327">
        <v>765027</v>
      </c>
      <c r="FQ37" s="327">
        <v>1341938</v>
      </c>
      <c r="FR37" s="327">
        <v>654495</v>
      </c>
      <c r="FS37" s="327">
        <v>782770</v>
      </c>
      <c r="FT37" s="327">
        <v>471019</v>
      </c>
      <c r="FU37" s="328">
        <v>4015249</v>
      </c>
      <c r="FV37" s="330">
        <v>4846941</v>
      </c>
      <c r="FW37" s="333">
        <v>169950</v>
      </c>
      <c r="FX37" s="327">
        <v>481742</v>
      </c>
      <c r="FY37" s="331">
        <v>651692</v>
      </c>
      <c r="FZ37" s="332">
        <v>0</v>
      </c>
      <c r="GA37" s="327">
        <v>642335</v>
      </c>
      <c r="GB37" s="327">
        <v>1200872</v>
      </c>
      <c r="GC37" s="327">
        <v>626429</v>
      </c>
      <c r="GD37" s="327">
        <v>782770</v>
      </c>
      <c r="GE37" s="327">
        <v>444919</v>
      </c>
      <c r="GF37" s="328">
        <v>3697325</v>
      </c>
      <c r="GG37" s="334">
        <v>4349017</v>
      </c>
      <c r="GH37" s="333">
        <v>0</v>
      </c>
      <c r="GI37" s="327">
        <v>0</v>
      </c>
      <c r="GJ37" s="331">
        <v>0</v>
      </c>
      <c r="GK37" s="332">
        <v>0</v>
      </c>
      <c r="GL37" s="327">
        <v>78142</v>
      </c>
      <c r="GM37" s="327">
        <v>24066</v>
      </c>
      <c r="GN37" s="327">
        <v>28066</v>
      </c>
      <c r="GO37" s="327">
        <v>0</v>
      </c>
      <c r="GP37" s="327">
        <v>26100</v>
      </c>
      <c r="GQ37" s="328">
        <v>156374</v>
      </c>
      <c r="GR37" s="330">
        <v>156374</v>
      </c>
      <c r="GS37" s="326">
        <v>180000</v>
      </c>
      <c r="GT37" s="327">
        <v>0</v>
      </c>
      <c r="GU37" s="328">
        <v>180000</v>
      </c>
      <c r="GV37" s="326">
        <v>0</v>
      </c>
      <c r="GW37" s="327">
        <v>44550</v>
      </c>
      <c r="GX37" s="327">
        <v>117000</v>
      </c>
      <c r="GY37" s="327">
        <v>0</v>
      </c>
      <c r="GZ37" s="327">
        <v>0</v>
      </c>
      <c r="HA37" s="327">
        <v>0</v>
      </c>
      <c r="HB37" s="331">
        <v>161550</v>
      </c>
      <c r="HC37" s="330">
        <v>341550</v>
      </c>
      <c r="HD37" s="326">
        <v>244135</v>
      </c>
      <c r="HE37" s="327">
        <v>461500</v>
      </c>
      <c r="HF37" s="331">
        <v>705635</v>
      </c>
      <c r="HG37" s="332">
        <v>0</v>
      </c>
      <c r="HH37" s="327">
        <v>883694</v>
      </c>
      <c r="HI37" s="327">
        <v>1387819</v>
      </c>
      <c r="HJ37" s="327">
        <v>1096173</v>
      </c>
      <c r="HK37" s="327">
        <v>2858315</v>
      </c>
      <c r="HL37" s="327">
        <v>1331475</v>
      </c>
      <c r="HM37" s="328">
        <v>7557476</v>
      </c>
      <c r="HN37" s="329">
        <v>8263111</v>
      </c>
      <c r="HO37" s="333">
        <v>156280</v>
      </c>
      <c r="HP37" s="327">
        <v>315680</v>
      </c>
      <c r="HQ37" s="328">
        <v>471960</v>
      </c>
      <c r="HR37" s="326">
        <v>0</v>
      </c>
      <c r="HS37" s="327">
        <v>1957279</v>
      </c>
      <c r="HT37" s="327">
        <v>1573981</v>
      </c>
      <c r="HU37" s="327">
        <v>735655</v>
      </c>
      <c r="HV37" s="327">
        <v>593915</v>
      </c>
      <c r="HW37" s="327">
        <v>351300</v>
      </c>
      <c r="HX37" s="331">
        <v>5212130</v>
      </c>
      <c r="HY37" s="330">
        <v>5684090</v>
      </c>
      <c r="HZ37" s="335">
        <v>0</v>
      </c>
      <c r="IA37" s="336">
        <v>495450</v>
      </c>
      <c r="IB37" s="337">
        <v>495450</v>
      </c>
      <c r="IC37" s="338">
        <v>0</v>
      </c>
      <c r="ID37" s="336">
        <v>5144939</v>
      </c>
      <c r="IE37" s="339">
        <v>4278110</v>
      </c>
      <c r="IF37" s="337">
        <v>7486054</v>
      </c>
      <c r="IG37" s="336">
        <v>5646960</v>
      </c>
      <c r="IH37" s="337">
        <v>2670340</v>
      </c>
      <c r="II37" s="340">
        <v>25226403</v>
      </c>
      <c r="IJ37" s="341">
        <v>25721853</v>
      </c>
      <c r="IK37" s="342">
        <v>0</v>
      </c>
      <c r="IL37" s="343">
        <v>0</v>
      </c>
      <c r="IM37" s="344">
        <v>0</v>
      </c>
      <c r="IN37" s="404">
        <v>0</v>
      </c>
      <c r="IO37" s="345">
        <v>137251</v>
      </c>
      <c r="IP37" s="345">
        <v>362803</v>
      </c>
      <c r="IQ37" s="345">
        <v>194742</v>
      </c>
      <c r="IR37" s="345">
        <v>332344</v>
      </c>
      <c r="IS37" s="345">
        <v>0</v>
      </c>
      <c r="IT37" s="346">
        <v>1027140</v>
      </c>
      <c r="IU37" s="347">
        <v>1027140</v>
      </c>
      <c r="IV37" s="348">
        <v>0</v>
      </c>
      <c r="IW37" s="345">
        <v>0</v>
      </c>
      <c r="IX37" s="349">
        <v>0</v>
      </c>
      <c r="IY37" s="413">
        <v>0</v>
      </c>
      <c r="IZ37" s="345">
        <v>0</v>
      </c>
      <c r="JA37" s="345">
        <v>0</v>
      </c>
      <c r="JB37" s="345">
        <v>0</v>
      </c>
      <c r="JC37" s="345">
        <v>0</v>
      </c>
      <c r="JD37" s="345">
        <v>0</v>
      </c>
      <c r="JE37" s="349">
        <v>0</v>
      </c>
      <c r="JF37" s="350">
        <v>0</v>
      </c>
      <c r="JG37" s="348">
        <v>0</v>
      </c>
      <c r="JH37" s="345">
        <v>0</v>
      </c>
      <c r="JI37" s="346">
        <v>0</v>
      </c>
      <c r="JJ37" s="351">
        <v>0</v>
      </c>
      <c r="JK37" s="345">
        <v>2568433</v>
      </c>
      <c r="JL37" s="345">
        <v>2418327</v>
      </c>
      <c r="JM37" s="345">
        <v>787871</v>
      </c>
      <c r="JN37" s="345">
        <v>432507</v>
      </c>
      <c r="JO37" s="345">
        <v>135316</v>
      </c>
      <c r="JP37" s="349">
        <v>6342454</v>
      </c>
      <c r="JQ37" s="347">
        <v>6342454</v>
      </c>
      <c r="JR37" s="348">
        <v>0</v>
      </c>
      <c r="JS37" s="345">
        <v>0</v>
      </c>
      <c r="JT37" s="346">
        <v>0</v>
      </c>
      <c r="JU37" s="351">
        <v>0</v>
      </c>
      <c r="JV37" s="345">
        <v>490307</v>
      </c>
      <c r="JW37" s="345">
        <v>115021</v>
      </c>
      <c r="JX37" s="345">
        <v>715065</v>
      </c>
      <c r="JY37" s="345">
        <v>0</v>
      </c>
      <c r="JZ37" s="345">
        <v>168013</v>
      </c>
      <c r="KA37" s="349">
        <v>1488406</v>
      </c>
      <c r="KB37" s="347">
        <v>1488406</v>
      </c>
      <c r="KC37" s="352">
        <v>0</v>
      </c>
      <c r="KD37" s="353">
        <v>240327</v>
      </c>
      <c r="KE37" s="349">
        <v>240327</v>
      </c>
      <c r="KF37" s="351">
        <v>0</v>
      </c>
      <c r="KG37" s="345">
        <v>1219620</v>
      </c>
      <c r="KH37" s="345">
        <v>521010</v>
      </c>
      <c r="KI37" s="345">
        <v>787545</v>
      </c>
      <c r="KJ37" s="345">
        <v>1158741</v>
      </c>
      <c r="KK37" s="345">
        <v>0</v>
      </c>
      <c r="KL37" s="349">
        <v>3686916</v>
      </c>
      <c r="KM37" s="354">
        <v>3927243</v>
      </c>
      <c r="KN37" s="342">
        <v>0</v>
      </c>
      <c r="KO37" s="343">
        <v>255123</v>
      </c>
      <c r="KP37" s="344">
        <v>255123</v>
      </c>
      <c r="KQ37" s="413">
        <v>0</v>
      </c>
      <c r="KR37" s="345">
        <v>533461</v>
      </c>
      <c r="KS37" s="345">
        <v>860949</v>
      </c>
      <c r="KT37" s="345">
        <v>1864575</v>
      </c>
      <c r="KU37" s="345">
        <v>2328647</v>
      </c>
      <c r="KV37" s="345">
        <v>1176842</v>
      </c>
      <c r="KW37" s="349">
        <v>6764474</v>
      </c>
      <c r="KX37" s="347">
        <v>7019597</v>
      </c>
      <c r="KY37" s="348">
        <v>0</v>
      </c>
      <c r="KZ37" s="345">
        <v>0</v>
      </c>
      <c r="LA37" s="349">
        <v>0</v>
      </c>
      <c r="LB37" s="413">
        <v>0</v>
      </c>
      <c r="LC37" s="345">
        <v>0</v>
      </c>
      <c r="LD37" s="345">
        <v>0</v>
      </c>
      <c r="LE37" s="345">
        <v>0</v>
      </c>
      <c r="LF37" s="345">
        <v>0</v>
      </c>
      <c r="LG37" s="345">
        <v>0</v>
      </c>
      <c r="LH37" s="349">
        <v>0</v>
      </c>
      <c r="LI37" s="350">
        <v>0</v>
      </c>
      <c r="LJ37" s="348">
        <v>0</v>
      </c>
      <c r="LK37" s="345">
        <v>0</v>
      </c>
      <c r="LL37" s="349">
        <v>0</v>
      </c>
      <c r="LM37" s="413">
        <v>0</v>
      </c>
      <c r="LN37" s="345">
        <v>195867</v>
      </c>
      <c r="LO37" s="345">
        <v>0</v>
      </c>
      <c r="LP37" s="345">
        <v>3136256</v>
      </c>
      <c r="LQ37" s="345">
        <v>1394721</v>
      </c>
      <c r="LR37" s="345">
        <v>1190169</v>
      </c>
      <c r="LS37" s="349">
        <v>5917013</v>
      </c>
      <c r="LT37" s="347">
        <v>5917013</v>
      </c>
      <c r="LU37" s="348">
        <v>0</v>
      </c>
      <c r="LV37" s="345">
        <v>0</v>
      </c>
      <c r="LW37" s="349">
        <v>0</v>
      </c>
      <c r="LX37" s="413">
        <v>0</v>
      </c>
      <c r="LY37" s="345">
        <v>0</v>
      </c>
      <c r="LZ37" s="345">
        <v>0</v>
      </c>
      <c r="MA37" s="345">
        <v>0</v>
      </c>
      <c r="MB37" s="345">
        <v>0</v>
      </c>
      <c r="MC37" s="345">
        <v>0</v>
      </c>
      <c r="MD37" s="349">
        <v>0</v>
      </c>
      <c r="ME37" s="350">
        <v>0</v>
      </c>
      <c r="MF37" s="348">
        <v>0</v>
      </c>
      <c r="MG37" s="345">
        <v>0</v>
      </c>
      <c r="MH37" s="349">
        <v>0</v>
      </c>
      <c r="MI37" s="413">
        <v>0</v>
      </c>
      <c r="MJ37" s="345">
        <v>2710025</v>
      </c>
      <c r="MK37" s="345">
        <v>2888091</v>
      </c>
      <c r="ML37" s="345">
        <v>7182724</v>
      </c>
      <c r="MM37" s="345">
        <v>15339545</v>
      </c>
      <c r="MN37" s="345">
        <v>7329289</v>
      </c>
      <c r="MO37" s="349">
        <v>35449674</v>
      </c>
      <c r="MP37" s="354">
        <v>35449674</v>
      </c>
      <c r="MQ37" s="348">
        <v>0</v>
      </c>
      <c r="MR37" s="345">
        <v>0</v>
      </c>
      <c r="MS37" s="349">
        <v>0</v>
      </c>
      <c r="MT37" s="413">
        <v>0</v>
      </c>
      <c r="MU37" s="345">
        <v>241564</v>
      </c>
      <c r="MV37" s="345">
        <v>0</v>
      </c>
      <c r="MW37" s="345">
        <v>3304292</v>
      </c>
      <c r="MX37" s="345">
        <v>7675823</v>
      </c>
      <c r="MY37" s="345">
        <v>6175881</v>
      </c>
      <c r="MZ37" s="349">
        <v>17397560</v>
      </c>
      <c r="NA37" s="354">
        <v>17397560</v>
      </c>
      <c r="NB37" s="348">
        <v>0</v>
      </c>
      <c r="NC37" s="345">
        <v>0</v>
      </c>
      <c r="ND37" s="349">
        <v>0</v>
      </c>
      <c r="NE37" s="413">
        <v>0</v>
      </c>
      <c r="NF37" s="345">
        <v>1927207</v>
      </c>
      <c r="NG37" s="345">
        <v>2888091</v>
      </c>
      <c r="NH37" s="345">
        <v>3196408</v>
      </c>
      <c r="NI37" s="345">
        <v>7663722</v>
      </c>
      <c r="NJ37" s="345">
        <v>742416</v>
      </c>
      <c r="NK37" s="349">
        <v>16417844</v>
      </c>
      <c r="NL37" s="347">
        <v>16417844</v>
      </c>
      <c r="NM37" s="348">
        <v>0</v>
      </c>
      <c r="NN37" s="345">
        <v>0</v>
      </c>
      <c r="NO37" s="349">
        <v>0</v>
      </c>
      <c r="NP37" s="413">
        <v>0</v>
      </c>
      <c r="NQ37" s="345">
        <v>0</v>
      </c>
      <c r="NR37" s="345">
        <v>0</v>
      </c>
      <c r="NS37" s="345">
        <v>0</v>
      </c>
      <c r="NT37" s="345">
        <v>0</v>
      </c>
      <c r="NU37" s="345">
        <v>0</v>
      </c>
      <c r="NV37" s="349">
        <v>0</v>
      </c>
      <c r="NW37" s="350">
        <v>0</v>
      </c>
      <c r="NX37" s="348">
        <v>0</v>
      </c>
      <c r="NY37" s="345">
        <v>0</v>
      </c>
      <c r="NZ37" s="349">
        <v>0</v>
      </c>
      <c r="OA37" s="413">
        <v>0</v>
      </c>
      <c r="OB37" s="345">
        <v>541254</v>
      </c>
      <c r="OC37" s="345">
        <v>0</v>
      </c>
      <c r="OD37" s="345">
        <v>682024</v>
      </c>
      <c r="OE37" s="345">
        <v>0</v>
      </c>
      <c r="OF37" s="345">
        <v>410992</v>
      </c>
      <c r="OG37" s="349">
        <v>1634270</v>
      </c>
      <c r="OH37" s="350">
        <v>1634270</v>
      </c>
      <c r="OI37" s="348">
        <v>1097532</v>
      </c>
      <c r="OJ37" s="345">
        <v>2403715</v>
      </c>
      <c r="OK37" s="346">
        <v>3501247</v>
      </c>
      <c r="OL37" s="351">
        <v>0</v>
      </c>
      <c r="OM37" s="345">
        <v>17591870</v>
      </c>
      <c r="ON37" s="345">
        <v>19577325</v>
      </c>
      <c r="OO37" s="345">
        <v>22551757</v>
      </c>
      <c r="OP37" s="345">
        <v>30886392</v>
      </c>
      <c r="OQ37" s="345">
        <v>16628126</v>
      </c>
      <c r="OR37" s="349">
        <v>107235470</v>
      </c>
      <c r="OS37" s="354">
        <v>110736717</v>
      </c>
    </row>
    <row r="38" spans="2:409" s="70" customFormat="1" ht="21" customHeight="1" x14ac:dyDescent="0.2">
      <c r="B38" s="410" t="s">
        <v>33</v>
      </c>
      <c r="C38" s="326">
        <v>1049189</v>
      </c>
      <c r="D38" s="327">
        <v>1869288</v>
      </c>
      <c r="E38" s="328">
        <v>2918477</v>
      </c>
      <c r="F38" s="329">
        <v>0</v>
      </c>
      <c r="G38" s="327">
        <v>11573208</v>
      </c>
      <c r="H38" s="327">
        <v>10132221</v>
      </c>
      <c r="I38" s="327">
        <v>8922414</v>
      </c>
      <c r="J38" s="327">
        <v>4019346</v>
      </c>
      <c r="K38" s="327">
        <v>5179117</v>
      </c>
      <c r="L38" s="367">
        <v>39826306</v>
      </c>
      <c r="M38" s="330">
        <v>42744783</v>
      </c>
      <c r="N38" s="326">
        <v>360874</v>
      </c>
      <c r="O38" s="327">
        <v>687873</v>
      </c>
      <c r="P38" s="328">
        <v>1048747</v>
      </c>
      <c r="Q38" s="326">
        <v>0</v>
      </c>
      <c r="R38" s="327">
        <v>3904546</v>
      </c>
      <c r="S38" s="327">
        <v>2908216</v>
      </c>
      <c r="T38" s="327">
        <v>2550412</v>
      </c>
      <c r="U38" s="327">
        <v>668889</v>
      </c>
      <c r="V38" s="327">
        <v>1930726</v>
      </c>
      <c r="W38" s="328">
        <v>11962789</v>
      </c>
      <c r="X38" s="330">
        <v>13011536</v>
      </c>
      <c r="Y38" s="326">
        <v>0</v>
      </c>
      <c r="Z38" s="327">
        <v>0</v>
      </c>
      <c r="AA38" s="328">
        <v>0</v>
      </c>
      <c r="AB38" s="326">
        <v>0</v>
      </c>
      <c r="AC38" s="327">
        <v>968458</v>
      </c>
      <c r="AD38" s="327">
        <v>988811</v>
      </c>
      <c r="AE38" s="327">
        <v>1404869</v>
      </c>
      <c r="AF38" s="327">
        <v>165871</v>
      </c>
      <c r="AG38" s="327">
        <v>1248122</v>
      </c>
      <c r="AH38" s="328">
        <v>4776131</v>
      </c>
      <c r="AI38" s="330">
        <v>4776131</v>
      </c>
      <c r="AJ38" s="326">
        <v>0</v>
      </c>
      <c r="AK38" s="327">
        <v>0</v>
      </c>
      <c r="AL38" s="328">
        <v>0</v>
      </c>
      <c r="AM38" s="326">
        <v>0</v>
      </c>
      <c r="AN38" s="327">
        <v>0</v>
      </c>
      <c r="AO38" s="327">
        <v>64845</v>
      </c>
      <c r="AP38" s="327">
        <v>51876</v>
      </c>
      <c r="AQ38" s="327">
        <v>101812</v>
      </c>
      <c r="AR38" s="327">
        <v>245946</v>
      </c>
      <c r="AS38" s="328">
        <v>464479</v>
      </c>
      <c r="AT38" s="330">
        <v>464479</v>
      </c>
      <c r="AU38" s="326">
        <v>0</v>
      </c>
      <c r="AV38" s="327">
        <v>142852</v>
      </c>
      <c r="AW38" s="328">
        <v>142852</v>
      </c>
      <c r="AX38" s="326">
        <v>0</v>
      </c>
      <c r="AY38" s="327">
        <v>671615</v>
      </c>
      <c r="AZ38" s="327">
        <v>515321</v>
      </c>
      <c r="BA38" s="327">
        <v>149554</v>
      </c>
      <c r="BB38" s="327">
        <v>114160</v>
      </c>
      <c r="BC38" s="327">
        <v>120465</v>
      </c>
      <c r="BD38" s="328">
        <v>1571115</v>
      </c>
      <c r="BE38" s="330">
        <v>1713967</v>
      </c>
      <c r="BF38" s="326">
        <v>240220</v>
      </c>
      <c r="BG38" s="327">
        <v>467455</v>
      </c>
      <c r="BH38" s="331">
        <v>707675</v>
      </c>
      <c r="BI38" s="332">
        <v>0</v>
      </c>
      <c r="BJ38" s="327">
        <v>1701247</v>
      </c>
      <c r="BK38" s="327">
        <v>772732</v>
      </c>
      <c r="BL38" s="327">
        <v>324533</v>
      </c>
      <c r="BM38" s="327">
        <v>123778</v>
      </c>
      <c r="BN38" s="327">
        <v>99481</v>
      </c>
      <c r="BO38" s="328">
        <v>3021771</v>
      </c>
      <c r="BP38" s="330">
        <v>3729446</v>
      </c>
      <c r="BQ38" s="326">
        <v>120654</v>
      </c>
      <c r="BR38" s="327">
        <v>77566</v>
      </c>
      <c r="BS38" s="328">
        <v>198220</v>
      </c>
      <c r="BT38" s="326">
        <v>0</v>
      </c>
      <c r="BU38" s="327">
        <v>563226</v>
      </c>
      <c r="BV38" s="327">
        <v>566507</v>
      </c>
      <c r="BW38" s="327">
        <v>619580</v>
      </c>
      <c r="BX38" s="327">
        <v>163268</v>
      </c>
      <c r="BY38" s="327">
        <v>216712</v>
      </c>
      <c r="BZ38" s="328">
        <v>2129293</v>
      </c>
      <c r="CA38" s="330">
        <v>2327513</v>
      </c>
      <c r="CB38" s="326">
        <v>136702</v>
      </c>
      <c r="CC38" s="327">
        <v>482433</v>
      </c>
      <c r="CD38" s="328">
        <v>619135</v>
      </c>
      <c r="CE38" s="326">
        <v>0</v>
      </c>
      <c r="CF38" s="327">
        <v>2202496</v>
      </c>
      <c r="CG38" s="327">
        <v>1728441</v>
      </c>
      <c r="CH38" s="327">
        <v>747929</v>
      </c>
      <c r="CI38" s="327">
        <v>492458</v>
      </c>
      <c r="CJ38" s="327">
        <v>359750</v>
      </c>
      <c r="CK38" s="328">
        <v>5531074</v>
      </c>
      <c r="CL38" s="330">
        <v>6150209</v>
      </c>
      <c r="CM38" s="326">
        <v>0</v>
      </c>
      <c r="CN38" s="327">
        <v>0</v>
      </c>
      <c r="CO38" s="328">
        <v>0</v>
      </c>
      <c r="CP38" s="332">
        <v>0</v>
      </c>
      <c r="CQ38" s="327">
        <v>512541</v>
      </c>
      <c r="CR38" s="327">
        <v>726127</v>
      </c>
      <c r="CS38" s="327">
        <v>281886</v>
      </c>
      <c r="CT38" s="327">
        <v>189813</v>
      </c>
      <c r="CU38" s="327">
        <v>217953</v>
      </c>
      <c r="CV38" s="328">
        <v>1928320</v>
      </c>
      <c r="CW38" s="330">
        <v>1928320</v>
      </c>
      <c r="CX38" s="326">
        <v>136702</v>
      </c>
      <c r="CY38" s="327">
        <v>482433</v>
      </c>
      <c r="CZ38" s="328">
        <v>619135</v>
      </c>
      <c r="DA38" s="326">
        <v>0</v>
      </c>
      <c r="DB38" s="327">
        <v>1689955</v>
      </c>
      <c r="DC38" s="327">
        <v>1002314</v>
      </c>
      <c r="DD38" s="327">
        <v>466043</v>
      </c>
      <c r="DE38" s="327">
        <v>302645</v>
      </c>
      <c r="DF38" s="327">
        <v>141797</v>
      </c>
      <c r="DG38" s="328">
        <v>3602754</v>
      </c>
      <c r="DH38" s="330">
        <v>4221889</v>
      </c>
      <c r="DI38" s="326">
        <v>0</v>
      </c>
      <c r="DJ38" s="327">
        <v>69901</v>
      </c>
      <c r="DK38" s="331">
        <v>69901</v>
      </c>
      <c r="DL38" s="332">
        <v>0</v>
      </c>
      <c r="DM38" s="327">
        <v>232589</v>
      </c>
      <c r="DN38" s="327">
        <v>757780</v>
      </c>
      <c r="DO38" s="327">
        <v>742728</v>
      </c>
      <c r="DP38" s="327">
        <v>914912</v>
      </c>
      <c r="DQ38" s="327">
        <v>265760</v>
      </c>
      <c r="DR38" s="328">
        <v>2913769</v>
      </c>
      <c r="DS38" s="330">
        <v>2983670</v>
      </c>
      <c r="DT38" s="326">
        <v>0</v>
      </c>
      <c r="DU38" s="327">
        <v>69901</v>
      </c>
      <c r="DV38" s="328">
        <v>69901</v>
      </c>
      <c r="DW38" s="326">
        <v>0</v>
      </c>
      <c r="DX38" s="327">
        <v>81515</v>
      </c>
      <c r="DY38" s="327">
        <v>757780</v>
      </c>
      <c r="DZ38" s="327">
        <v>742728</v>
      </c>
      <c r="EA38" s="327">
        <v>914912</v>
      </c>
      <c r="EB38" s="327">
        <v>265760</v>
      </c>
      <c r="EC38" s="328">
        <v>2762695</v>
      </c>
      <c r="ED38" s="330">
        <v>2832596</v>
      </c>
      <c r="EE38" s="326">
        <v>0</v>
      </c>
      <c r="EF38" s="331">
        <v>0</v>
      </c>
      <c r="EG38" s="328">
        <v>0</v>
      </c>
      <c r="EH38" s="326">
        <v>0</v>
      </c>
      <c r="EI38" s="327">
        <v>89241</v>
      </c>
      <c r="EJ38" s="327">
        <v>0</v>
      </c>
      <c r="EK38" s="327">
        <v>0</v>
      </c>
      <c r="EL38" s="327">
        <v>0</v>
      </c>
      <c r="EM38" s="327">
        <v>0</v>
      </c>
      <c r="EN38" s="331">
        <v>89241</v>
      </c>
      <c r="EO38" s="330">
        <v>89241</v>
      </c>
      <c r="EP38" s="326">
        <v>0</v>
      </c>
      <c r="EQ38" s="327">
        <v>0</v>
      </c>
      <c r="ER38" s="331">
        <v>0</v>
      </c>
      <c r="ES38" s="332">
        <v>0</v>
      </c>
      <c r="ET38" s="327">
        <v>0</v>
      </c>
      <c r="EU38" s="327">
        <v>0</v>
      </c>
      <c r="EV38" s="327">
        <v>0</v>
      </c>
      <c r="EW38" s="327">
        <v>0</v>
      </c>
      <c r="EX38" s="327">
        <v>0</v>
      </c>
      <c r="EY38" s="328">
        <v>0</v>
      </c>
      <c r="EZ38" s="330">
        <v>0</v>
      </c>
      <c r="FA38" s="326">
        <v>0</v>
      </c>
      <c r="FB38" s="327">
        <v>0</v>
      </c>
      <c r="FC38" s="331">
        <v>0</v>
      </c>
      <c r="FD38" s="332">
        <v>0</v>
      </c>
      <c r="FE38" s="327">
        <v>61833</v>
      </c>
      <c r="FF38" s="327">
        <v>0</v>
      </c>
      <c r="FG38" s="327">
        <v>0</v>
      </c>
      <c r="FH38" s="327">
        <v>0</v>
      </c>
      <c r="FI38" s="327">
        <v>0</v>
      </c>
      <c r="FJ38" s="328">
        <v>61833</v>
      </c>
      <c r="FK38" s="330">
        <v>61833</v>
      </c>
      <c r="FL38" s="326">
        <v>295116</v>
      </c>
      <c r="FM38" s="327">
        <v>198447</v>
      </c>
      <c r="FN38" s="328">
        <v>493563</v>
      </c>
      <c r="FO38" s="326">
        <v>0</v>
      </c>
      <c r="FP38" s="327">
        <v>767834</v>
      </c>
      <c r="FQ38" s="327">
        <v>545127</v>
      </c>
      <c r="FR38" s="327">
        <v>341671</v>
      </c>
      <c r="FS38" s="327">
        <v>222496</v>
      </c>
      <c r="FT38" s="327">
        <v>320238</v>
      </c>
      <c r="FU38" s="328">
        <v>2197366</v>
      </c>
      <c r="FV38" s="330">
        <v>2690929</v>
      </c>
      <c r="FW38" s="333">
        <v>121704</v>
      </c>
      <c r="FX38" s="327">
        <v>180231</v>
      </c>
      <c r="FY38" s="331">
        <v>301935</v>
      </c>
      <c r="FZ38" s="332">
        <v>0</v>
      </c>
      <c r="GA38" s="327">
        <v>582578</v>
      </c>
      <c r="GB38" s="327">
        <v>545127</v>
      </c>
      <c r="GC38" s="327">
        <v>341671</v>
      </c>
      <c r="GD38" s="327">
        <v>168046</v>
      </c>
      <c r="GE38" s="327">
        <v>320238</v>
      </c>
      <c r="GF38" s="328">
        <v>1957660</v>
      </c>
      <c r="GG38" s="334">
        <v>2259595</v>
      </c>
      <c r="GH38" s="333">
        <v>28512</v>
      </c>
      <c r="GI38" s="327">
        <v>18216</v>
      </c>
      <c r="GJ38" s="331">
        <v>46728</v>
      </c>
      <c r="GK38" s="332">
        <v>0</v>
      </c>
      <c r="GL38" s="327">
        <v>53856</v>
      </c>
      <c r="GM38" s="327">
        <v>0</v>
      </c>
      <c r="GN38" s="327">
        <v>0</v>
      </c>
      <c r="GO38" s="327">
        <v>54450</v>
      </c>
      <c r="GP38" s="327">
        <v>0</v>
      </c>
      <c r="GQ38" s="328">
        <v>108306</v>
      </c>
      <c r="GR38" s="330">
        <v>155034</v>
      </c>
      <c r="GS38" s="326">
        <v>144900</v>
      </c>
      <c r="GT38" s="327">
        <v>0</v>
      </c>
      <c r="GU38" s="328">
        <v>144900</v>
      </c>
      <c r="GV38" s="326">
        <v>0</v>
      </c>
      <c r="GW38" s="327">
        <v>131400</v>
      </c>
      <c r="GX38" s="327">
        <v>0</v>
      </c>
      <c r="GY38" s="327">
        <v>0</v>
      </c>
      <c r="GZ38" s="327">
        <v>0</v>
      </c>
      <c r="HA38" s="327">
        <v>0</v>
      </c>
      <c r="HB38" s="331">
        <v>131400</v>
      </c>
      <c r="HC38" s="330">
        <v>276300</v>
      </c>
      <c r="HD38" s="326">
        <v>131084</v>
      </c>
      <c r="HE38" s="327">
        <v>189884</v>
      </c>
      <c r="HF38" s="331">
        <v>320968</v>
      </c>
      <c r="HG38" s="332">
        <v>0</v>
      </c>
      <c r="HH38" s="327">
        <v>2720545</v>
      </c>
      <c r="HI38" s="327">
        <v>3308438</v>
      </c>
      <c r="HJ38" s="327">
        <v>4091765</v>
      </c>
      <c r="HK38" s="327">
        <v>1447810</v>
      </c>
      <c r="HL38" s="327">
        <v>2069963</v>
      </c>
      <c r="HM38" s="328">
        <v>13638521</v>
      </c>
      <c r="HN38" s="329">
        <v>13959489</v>
      </c>
      <c r="HO38" s="333">
        <v>125413</v>
      </c>
      <c r="HP38" s="327">
        <v>240750</v>
      </c>
      <c r="HQ38" s="328">
        <v>366163</v>
      </c>
      <c r="HR38" s="326">
        <v>0</v>
      </c>
      <c r="HS38" s="327">
        <v>1745198</v>
      </c>
      <c r="HT38" s="327">
        <v>884219</v>
      </c>
      <c r="HU38" s="327">
        <v>447909</v>
      </c>
      <c r="HV38" s="327">
        <v>272781</v>
      </c>
      <c r="HW38" s="327">
        <v>232680</v>
      </c>
      <c r="HX38" s="331">
        <v>3582787</v>
      </c>
      <c r="HY38" s="330">
        <v>3948950</v>
      </c>
      <c r="HZ38" s="358">
        <v>0</v>
      </c>
      <c r="IA38" s="356">
        <v>250800</v>
      </c>
      <c r="IB38" s="358">
        <v>250800</v>
      </c>
      <c r="IC38" s="338">
        <v>0</v>
      </c>
      <c r="ID38" s="336">
        <v>2227831</v>
      </c>
      <c r="IE38" s="339">
        <v>1628302</v>
      </c>
      <c r="IF38" s="337">
        <v>2724917</v>
      </c>
      <c r="IG38" s="336">
        <v>853206</v>
      </c>
      <c r="IH38" s="337">
        <v>464364</v>
      </c>
      <c r="II38" s="340">
        <v>7898620</v>
      </c>
      <c r="IJ38" s="358">
        <v>8149420</v>
      </c>
      <c r="IK38" s="342">
        <v>0</v>
      </c>
      <c r="IL38" s="343">
        <v>0</v>
      </c>
      <c r="IM38" s="344">
        <v>0</v>
      </c>
      <c r="IN38" s="404">
        <v>0</v>
      </c>
      <c r="IO38" s="345">
        <v>0</v>
      </c>
      <c r="IP38" s="345">
        <v>0</v>
      </c>
      <c r="IQ38" s="345">
        <v>0</v>
      </c>
      <c r="IR38" s="345">
        <v>0</v>
      </c>
      <c r="IS38" s="345">
        <v>0</v>
      </c>
      <c r="IT38" s="346">
        <v>0</v>
      </c>
      <c r="IU38" s="347">
        <v>0</v>
      </c>
      <c r="IV38" s="348">
        <v>0</v>
      </c>
      <c r="IW38" s="345">
        <v>0</v>
      </c>
      <c r="IX38" s="349">
        <v>0</v>
      </c>
      <c r="IY38" s="413">
        <v>0</v>
      </c>
      <c r="IZ38" s="345">
        <v>0</v>
      </c>
      <c r="JA38" s="345">
        <v>0</v>
      </c>
      <c r="JB38" s="345">
        <v>0</v>
      </c>
      <c r="JC38" s="345">
        <v>0</v>
      </c>
      <c r="JD38" s="345">
        <v>0</v>
      </c>
      <c r="JE38" s="349">
        <v>0</v>
      </c>
      <c r="JF38" s="350">
        <v>0</v>
      </c>
      <c r="JG38" s="348">
        <v>0</v>
      </c>
      <c r="JH38" s="345">
        <v>0</v>
      </c>
      <c r="JI38" s="346">
        <v>0</v>
      </c>
      <c r="JJ38" s="351">
        <v>0</v>
      </c>
      <c r="JK38" s="345">
        <v>1433161</v>
      </c>
      <c r="JL38" s="345">
        <v>1075196</v>
      </c>
      <c r="JM38" s="345">
        <v>227218</v>
      </c>
      <c r="JN38" s="345">
        <v>273432</v>
      </c>
      <c r="JO38" s="345">
        <v>168810</v>
      </c>
      <c r="JP38" s="349">
        <v>3177817</v>
      </c>
      <c r="JQ38" s="347">
        <v>3177817</v>
      </c>
      <c r="JR38" s="348">
        <v>0</v>
      </c>
      <c r="JS38" s="345">
        <v>0</v>
      </c>
      <c r="JT38" s="346">
        <v>0</v>
      </c>
      <c r="JU38" s="351">
        <v>0</v>
      </c>
      <c r="JV38" s="345">
        <v>0</v>
      </c>
      <c r="JW38" s="345">
        <v>0</v>
      </c>
      <c r="JX38" s="345">
        <v>0</v>
      </c>
      <c r="JY38" s="345">
        <v>0</v>
      </c>
      <c r="JZ38" s="345">
        <v>0</v>
      </c>
      <c r="KA38" s="349">
        <v>0</v>
      </c>
      <c r="KB38" s="347">
        <v>0</v>
      </c>
      <c r="KC38" s="352">
        <v>0</v>
      </c>
      <c r="KD38" s="353">
        <v>0</v>
      </c>
      <c r="KE38" s="349">
        <v>0</v>
      </c>
      <c r="KF38" s="351">
        <v>0</v>
      </c>
      <c r="KG38" s="345">
        <v>0</v>
      </c>
      <c r="KH38" s="345">
        <v>0</v>
      </c>
      <c r="KI38" s="345">
        <v>0</v>
      </c>
      <c r="KJ38" s="345">
        <v>0</v>
      </c>
      <c r="KK38" s="345">
        <v>0</v>
      </c>
      <c r="KL38" s="349">
        <v>0</v>
      </c>
      <c r="KM38" s="354">
        <v>0</v>
      </c>
      <c r="KN38" s="342">
        <v>0</v>
      </c>
      <c r="KO38" s="343">
        <v>250800</v>
      </c>
      <c r="KP38" s="344">
        <v>250800</v>
      </c>
      <c r="KQ38" s="413">
        <v>0</v>
      </c>
      <c r="KR38" s="345">
        <v>794670</v>
      </c>
      <c r="KS38" s="345">
        <v>553106</v>
      </c>
      <c r="KT38" s="345">
        <v>2497699</v>
      </c>
      <c r="KU38" s="345">
        <v>579774</v>
      </c>
      <c r="KV38" s="345">
        <v>295554</v>
      </c>
      <c r="KW38" s="349">
        <v>4720803</v>
      </c>
      <c r="KX38" s="347">
        <v>4971603</v>
      </c>
      <c r="KY38" s="348">
        <v>0</v>
      </c>
      <c r="KZ38" s="345">
        <v>0</v>
      </c>
      <c r="LA38" s="349">
        <v>0</v>
      </c>
      <c r="LB38" s="413">
        <v>0</v>
      </c>
      <c r="LC38" s="345">
        <v>0</v>
      </c>
      <c r="LD38" s="345">
        <v>0</v>
      </c>
      <c r="LE38" s="345">
        <v>0</v>
      </c>
      <c r="LF38" s="345">
        <v>0</v>
      </c>
      <c r="LG38" s="345">
        <v>0</v>
      </c>
      <c r="LH38" s="349">
        <v>0</v>
      </c>
      <c r="LI38" s="350">
        <v>0</v>
      </c>
      <c r="LJ38" s="348">
        <v>0</v>
      </c>
      <c r="LK38" s="345">
        <v>0</v>
      </c>
      <c r="LL38" s="349">
        <v>0</v>
      </c>
      <c r="LM38" s="413">
        <v>0</v>
      </c>
      <c r="LN38" s="345">
        <v>0</v>
      </c>
      <c r="LO38" s="345">
        <v>0</v>
      </c>
      <c r="LP38" s="345">
        <v>0</v>
      </c>
      <c r="LQ38" s="345">
        <v>0</v>
      </c>
      <c r="LR38" s="345">
        <v>0</v>
      </c>
      <c r="LS38" s="349">
        <v>0</v>
      </c>
      <c r="LT38" s="347">
        <v>0</v>
      </c>
      <c r="LU38" s="348">
        <v>0</v>
      </c>
      <c r="LV38" s="345">
        <v>0</v>
      </c>
      <c r="LW38" s="349">
        <v>0</v>
      </c>
      <c r="LX38" s="413">
        <v>0</v>
      </c>
      <c r="LY38" s="345">
        <v>0</v>
      </c>
      <c r="LZ38" s="345">
        <v>0</v>
      </c>
      <c r="MA38" s="345">
        <v>0</v>
      </c>
      <c r="MB38" s="345">
        <v>0</v>
      </c>
      <c r="MC38" s="345">
        <v>0</v>
      </c>
      <c r="MD38" s="349">
        <v>0</v>
      </c>
      <c r="ME38" s="350">
        <v>0</v>
      </c>
      <c r="MF38" s="348">
        <v>0</v>
      </c>
      <c r="MG38" s="345">
        <v>0</v>
      </c>
      <c r="MH38" s="349">
        <v>0</v>
      </c>
      <c r="MI38" s="413">
        <v>0</v>
      </c>
      <c r="MJ38" s="345">
        <v>3162388</v>
      </c>
      <c r="MK38" s="345">
        <v>6169125</v>
      </c>
      <c r="ML38" s="345">
        <v>14377359</v>
      </c>
      <c r="MM38" s="345">
        <v>15587804</v>
      </c>
      <c r="MN38" s="345">
        <v>11771102</v>
      </c>
      <c r="MO38" s="349">
        <v>51067778</v>
      </c>
      <c r="MP38" s="354">
        <v>51067778</v>
      </c>
      <c r="MQ38" s="348">
        <v>0</v>
      </c>
      <c r="MR38" s="345">
        <v>0</v>
      </c>
      <c r="MS38" s="349">
        <v>0</v>
      </c>
      <c r="MT38" s="413">
        <v>0</v>
      </c>
      <c r="MU38" s="345">
        <v>0</v>
      </c>
      <c r="MV38" s="345">
        <v>1158424</v>
      </c>
      <c r="MW38" s="345">
        <v>7694698</v>
      </c>
      <c r="MX38" s="345">
        <v>8062941</v>
      </c>
      <c r="MY38" s="345">
        <v>5284416</v>
      </c>
      <c r="MZ38" s="349">
        <v>22200479</v>
      </c>
      <c r="NA38" s="354">
        <v>22200479</v>
      </c>
      <c r="NB38" s="348">
        <v>0</v>
      </c>
      <c r="NC38" s="345">
        <v>0</v>
      </c>
      <c r="ND38" s="349">
        <v>0</v>
      </c>
      <c r="NE38" s="413">
        <v>0</v>
      </c>
      <c r="NF38" s="345">
        <v>2237223</v>
      </c>
      <c r="NG38" s="345">
        <v>3372716</v>
      </c>
      <c r="NH38" s="345">
        <v>4068433</v>
      </c>
      <c r="NI38" s="345">
        <v>4595037</v>
      </c>
      <c r="NJ38" s="345">
        <v>2645035</v>
      </c>
      <c r="NK38" s="349">
        <v>16918444</v>
      </c>
      <c r="NL38" s="347">
        <v>16918444</v>
      </c>
      <c r="NM38" s="348">
        <v>0</v>
      </c>
      <c r="NN38" s="345">
        <v>0</v>
      </c>
      <c r="NO38" s="349">
        <v>0</v>
      </c>
      <c r="NP38" s="413">
        <v>0</v>
      </c>
      <c r="NQ38" s="345">
        <v>0</v>
      </c>
      <c r="NR38" s="345">
        <v>0</v>
      </c>
      <c r="NS38" s="345">
        <v>0</v>
      </c>
      <c r="NT38" s="345">
        <v>0</v>
      </c>
      <c r="NU38" s="345">
        <v>0</v>
      </c>
      <c r="NV38" s="349">
        <v>0</v>
      </c>
      <c r="NW38" s="350">
        <v>0</v>
      </c>
      <c r="NX38" s="348">
        <v>0</v>
      </c>
      <c r="NY38" s="345">
        <v>0</v>
      </c>
      <c r="NZ38" s="349">
        <v>0</v>
      </c>
      <c r="OA38" s="413">
        <v>0</v>
      </c>
      <c r="OB38" s="345">
        <v>925165</v>
      </c>
      <c r="OC38" s="345">
        <v>1637985</v>
      </c>
      <c r="OD38" s="345">
        <v>2614228</v>
      </c>
      <c r="OE38" s="345">
        <v>2929826</v>
      </c>
      <c r="OF38" s="345">
        <v>3841651</v>
      </c>
      <c r="OG38" s="349">
        <v>11948855</v>
      </c>
      <c r="OH38" s="350">
        <v>11948855</v>
      </c>
      <c r="OI38" s="348">
        <v>1049189</v>
      </c>
      <c r="OJ38" s="345">
        <v>2120088</v>
      </c>
      <c r="OK38" s="346">
        <v>3169277</v>
      </c>
      <c r="OL38" s="351">
        <v>0</v>
      </c>
      <c r="OM38" s="345">
        <v>16963427</v>
      </c>
      <c r="ON38" s="345">
        <v>17929648</v>
      </c>
      <c r="OO38" s="345">
        <v>26024690</v>
      </c>
      <c r="OP38" s="345">
        <v>20460356</v>
      </c>
      <c r="OQ38" s="345">
        <v>17414583</v>
      </c>
      <c r="OR38" s="349">
        <v>98792704</v>
      </c>
      <c r="OS38" s="354">
        <v>101961981</v>
      </c>
    </row>
    <row r="39" spans="2:409" s="70" customFormat="1" ht="21" customHeight="1" x14ac:dyDescent="0.2">
      <c r="B39" s="410" t="s">
        <v>34</v>
      </c>
      <c r="C39" s="326">
        <v>995134</v>
      </c>
      <c r="D39" s="327">
        <v>996633</v>
      </c>
      <c r="E39" s="368">
        <v>1991767</v>
      </c>
      <c r="F39" s="370">
        <v>0</v>
      </c>
      <c r="G39" s="369">
        <v>8191715</v>
      </c>
      <c r="H39" s="369">
        <v>6508896</v>
      </c>
      <c r="I39" s="369">
        <v>4289177</v>
      </c>
      <c r="J39" s="369">
        <v>6390587</v>
      </c>
      <c r="K39" s="369">
        <v>4613150</v>
      </c>
      <c r="L39" s="370">
        <v>29993525</v>
      </c>
      <c r="M39" s="330">
        <v>31985292</v>
      </c>
      <c r="N39" s="326">
        <v>228915</v>
      </c>
      <c r="O39" s="327">
        <v>275967</v>
      </c>
      <c r="P39" s="328">
        <v>504882</v>
      </c>
      <c r="Q39" s="326">
        <v>0</v>
      </c>
      <c r="R39" s="327">
        <v>1820085</v>
      </c>
      <c r="S39" s="327">
        <v>2355120</v>
      </c>
      <c r="T39" s="327">
        <v>812780</v>
      </c>
      <c r="U39" s="327">
        <v>1600792</v>
      </c>
      <c r="V39" s="327">
        <v>2355899</v>
      </c>
      <c r="W39" s="328">
        <v>8944676</v>
      </c>
      <c r="X39" s="330">
        <v>9449558</v>
      </c>
      <c r="Y39" s="326">
        <v>0</v>
      </c>
      <c r="Z39" s="327">
        <v>0</v>
      </c>
      <c r="AA39" s="328">
        <v>0</v>
      </c>
      <c r="AB39" s="326">
        <v>0</v>
      </c>
      <c r="AC39" s="327">
        <v>561393</v>
      </c>
      <c r="AD39" s="327">
        <v>1236476</v>
      </c>
      <c r="AE39" s="327">
        <v>308710</v>
      </c>
      <c r="AF39" s="327">
        <v>893355</v>
      </c>
      <c r="AG39" s="327">
        <v>1105972</v>
      </c>
      <c r="AH39" s="328">
        <v>4105906</v>
      </c>
      <c r="AI39" s="330">
        <v>4105906</v>
      </c>
      <c r="AJ39" s="326">
        <v>0</v>
      </c>
      <c r="AK39" s="327">
        <v>0</v>
      </c>
      <c r="AL39" s="328">
        <v>0</v>
      </c>
      <c r="AM39" s="326">
        <v>0</v>
      </c>
      <c r="AN39" s="327">
        <v>0</v>
      </c>
      <c r="AO39" s="327">
        <v>63633</v>
      </c>
      <c r="AP39" s="327">
        <v>40887</v>
      </c>
      <c r="AQ39" s="327">
        <v>64845</v>
      </c>
      <c r="AR39" s="327">
        <v>491616</v>
      </c>
      <c r="AS39" s="328">
        <v>660981</v>
      </c>
      <c r="AT39" s="330">
        <v>660981</v>
      </c>
      <c r="AU39" s="326">
        <v>111843</v>
      </c>
      <c r="AV39" s="327">
        <v>212157</v>
      </c>
      <c r="AW39" s="328">
        <v>324000</v>
      </c>
      <c r="AX39" s="326">
        <v>0</v>
      </c>
      <c r="AY39" s="327">
        <v>690715</v>
      </c>
      <c r="AZ39" s="327">
        <v>596456</v>
      </c>
      <c r="BA39" s="327">
        <v>223950</v>
      </c>
      <c r="BB39" s="327">
        <v>360477</v>
      </c>
      <c r="BC39" s="327">
        <v>349662</v>
      </c>
      <c r="BD39" s="328">
        <v>2221260</v>
      </c>
      <c r="BE39" s="330">
        <v>2545260</v>
      </c>
      <c r="BF39" s="326">
        <v>0</v>
      </c>
      <c r="BG39" s="327">
        <v>0</v>
      </c>
      <c r="BH39" s="331">
        <v>0</v>
      </c>
      <c r="BI39" s="332">
        <v>0</v>
      </c>
      <c r="BJ39" s="327">
        <v>185310</v>
      </c>
      <c r="BK39" s="327">
        <v>116544</v>
      </c>
      <c r="BL39" s="327">
        <v>103356</v>
      </c>
      <c r="BM39" s="327">
        <v>56520</v>
      </c>
      <c r="BN39" s="327">
        <v>90432</v>
      </c>
      <c r="BO39" s="328">
        <v>552162</v>
      </c>
      <c r="BP39" s="330">
        <v>552162</v>
      </c>
      <c r="BQ39" s="326">
        <v>117072</v>
      </c>
      <c r="BR39" s="327">
        <v>63810</v>
      </c>
      <c r="BS39" s="328">
        <v>180882</v>
      </c>
      <c r="BT39" s="326">
        <v>0</v>
      </c>
      <c r="BU39" s="327">
        <v>382667</v>
      </c>
      <c r="BV39" s="327">
        <v>342011</v>
      </c>
      <c r="BW39" s="327">
        <v>135877</v>
      </c>
      <c r="BX39" s="327">
        <v>225595</v>
      </c>
      <c r="BY39" s="327">
        <v>318217</v>
      </c>
      <c r="BZ39" s="328">
        <v>1404367</v>
      </c>
      <c r="CA39" s="330">
        <v>1585249</v>
      </c>
      <c r="CB39" s="326">
        <v>0</v>
      </c>
      <c r="CC39" s="327">
        <v>86868</v>
      </c>
      <c r="CD39" s="328">
        <v>86868</v>
      </c>
      <c r="CE39" s="326">
        <v>0</v>
      </c>
      <c r="CF39" s="327">
        <v>2284635</v>
      </c>
      <c r="CG39" s="327">
        <v>1328988</v>
      </c>
      <c r="CH39" s="327">
        <v>1800682</v>
      </c>
      <c r="CI39" s="327">
        <v>1265282</v>
      </c>
      <c r="CJ39" s="327">
        <v>288000</v>
      </c>
      <c r="CK39" s="328">
        <v>6967587</v>
      </c>
      <c r="CL39" s="330">
        <v>7054455</v>
      </c>
      <c r="CM39" s="326">
        <v>0</v>
      </c>
      <c r="CN39" s="327">
        <v>0</v>
      </c>
      <c r="CO39" s="328">
        <v>0</v>
      </c>
      <c r="CP39" s="332">
        <v>0</v>
      </c>
      <c r="CQ39" s="327">
        <v>1841133</v>
      </c>
      <c r="CR39" s="327">
        <v>1135101</v>
      </c>
      <c r="CS39" s="327">
        <v>1656582</v>
      </c>
      <c r="CT39" s="327">
        <v>1186928</v>
      </c>
      <c r="CU39" s="327">
        <v>288000</v>
      </c>
      <c r="CV39" s="328">
        <v>6107744</v>
      </c>
      <c r="CW39" s="330">
        <v>6107744</v>
      </c>
      <c r="CX39" s="326">
        <v>0</v>
      </c>
      <c r="CY39" s="327">
        <v>86868</v>
      </c>
      <c r="CZ39" s="328">
        <v>86868</v>
      </c>
      <c r="DA39" s="326">
        <v>0</v>
      </c>
      <c r="DB39" s="327">
        <v>443502</v>
      </c>
      <c r="DC39" s="327">
        <v>193887</v>
      </c>
      <c r="DD39" s="327">
        <v>144100</v>
      </c>
      <c r="DE39" s="327">
        <v>78354</v>
      </c>
      <c r="DF39" s="327">
        <v>0</v>
      </c>
      <c r="DG39" s="328">
        <v>859843</v>
      </c>
      <c r="DH39" s="330">
        <v>946711</v>
      </c>
      <c r="DI39" s="326">
        <v>0</v>
      </c>
      <c r="DJ39" s="327">
        <v>0</v>
      </c>
      <c r="DK39" s="331">
        <v>0</v>
      </c>
      <c r="DL39" s="332">
        <v>0</v>
      </c>
      <c r="DM39" s="327">
        <v>309006</v>
      </c>
      <c r="DN39" s="327">
        <v>88150</v>
      </c>
      <c r="DO39" s="327">
        <v>328095</v>
      </c>
      <c r="DP39" s="327">
        <v>857277</v>
      </c>
      <c r="DQ39" s="327">
        <v>113742</v>
      </c>
      <c r="DR39" s="328">
        <v>1696270</v>
      </c>
      <c r="DS39" s="330">
        <v>1696270</v>
      </c>
      <c r="DT39" s="326">
        <v>0</v>
      </c>
      <c r="DU39" s="327">
        <v>0</v>
      </c>
      <c r="DV39" s="328">
        <v>0</v>
      </c>
      <c r="DW39" s="326">
        <v>0</v>
      </c>
      <c r="DX39" s="327">
        <v>209511</v>
      </c>
      <c r="DY39" s="327">
        <v>88150</v>
      </c>
      <c r="DZ39" s="327">
        <v>137052</v>
      </c>
      <c r="EA39" s="327">
        <v>857277</v>
      </c>
      <c r="EB39" s="327">
        <v>113742</v>
      </c>
      <c r="EC39" s="328">
        <v>1405732</v>
      </c>
      <c r="ED39" s="330">
        <v>1405732</v>
      </c>
      <c r="EE39" s="326">
        <v>0</v>
      </c>
      <c r="EF39" s="331">
        <v>0</v>
      </c>
      <c r="EG39" s="328">
        <v>0</v>
      </c>
      <c r="EH39" s="326">
        <v>0</v>
      </c>
      <c r="EI39" s="327">
        <v>99495</v>
      </c>
      <c r="EJ39" s="327">
        <v>0</v>
      </c>
      <c r="EK39" s="327">
        <v>191043</v>
      </c>
      <c r="EL39" s="327">
        <v>0</v>
      </c>
      <c r="EM39" s="327">
        <v>0</v>
      </c>
      <c r="EN39" s="331">
        <v>290538</v>
      </c>
      <c r="EO39" s="330">
        <v>290538</v>
      </c>
      <c r="EP39" s="326">
        <v>0</v>
      </c>
      <c r="EQ39" s="327">
        <v>0</v>
      </c>
      <c r="ER39" s="331">
        <v>0</v>
      </c>
      <c r="ES39" s="332">
        <v>0</v>
      </c>
      <c r="ET39" s="327">
        <v>0</v>
      </c>
      <c r="EU39" s="327">
        <v>0</v>
      </c>
      <c r="EV39" s="327">
        <v>0</v>
      </c>
      <c r="EW39" s="327">
        <v>0</v>
      </c>
      <c r="EX39" s="327">
        <v>0</v>
      </c>
      <c r="EY39" s="328">
        <v>0</v>
      </c>
      <c r="EZ39" s="330">
        <v>0</v>
      </c>
      <c r="FA39" s="326">
        <v>0</v>
      </c>
      <c r="FB39" s="327">
        <v>0</v>
      </c>
      <c r="FC39" s="331">
        <v>0</v>
      </c>
      <c r="FD39" s="332">
        <v>0</v>
      </c>
      <c r="FE39" s="327">
        <v>0</v>
      </c>
      <c r="FF39" s="327">
        <v>0</v>
      </c>
      <c r="FG39" s="327">
        <v>0</v>
      </c>
      <c r="FH39" s="327">
        <v>0</v>
      </c>
      <c r="FI39" s="327">
        <v>0</v>
      </c>
      <c r="FJ39" s="328">
        <v>0</v>
      </c>
      <c r="FK39" s="330">
        <v>0</v>
      </c>
      <c r="FL39" s="326">
        <v>329606</v>
      </c>
      <c r="FM39" s="327">
        <v>195739</v>
      </c>
      <c r="FN39" s="328">
        <v>525345</v>
      </c>
      <c r="FO39" s="326">
        <v>0</v>
      </c>
      <c r="FP39" s="327">
        <v>614656</v>
      </c>
      <c r="FQ39" s="327">
        <v>652568</v>
      </c>
      <c r="FR39" s="327">
        <v>399205</v>
      </c>
      <c r="FS39" s="327">
        <v>411702</v>
      </c>
      <c r="FT39" s="327">
        <v>261122</v>
      </c>
      <c r="FU39" s="328">
        <v>2339253</v>
      </c>
      <c r="FV39" s="330">
        <v>2864598</v>
      </c>
      <c r="FW39" s="333">
        <v>84286</v>
      </c>
      <c r="FX39" s="327">
        <v>173880</v>
      </c>
      <c r="FY39" s="331">
        <v>258166</v>
      </c>
      <c r="FZ39" s="332">
        <v>0</v>
      </c>
      <c r="GA39" s="327">
        <v>485956</v>
      </c>
      <c r="GB39" s="327">
        <v>652568</v>
      </c>
      <c r="GC39" s="327">
        <v>399205</v>
      </c>
      <c r="GD39" s="327">
        <v>411702</v>
      </c>
      <c r="GE39" s="327">
        <v>261122</v>
      </c>
      <c r="GF39" s="328">
        <v>2210553</v>
      </c>
      <c r="GG39" s="334">
        <v>2468719</v>
      </c>
      <c r="GH39" s="333">
        <v>65320</v>
      </c>
      <c r="GI39" s="327">
        <v>21859</v>
      </c>
      <c r="GJ39" s="331">
        <v>87179</v>
      </c>
      <c r="GK39" s="332">
        <v>0</v>
      </c>
      <c r="GL39" s="327">
        <v>0</v>
      </c>
      <c r="GM39" s="327">
        <v>0</v>
      </c>
      <c r="GN39" s="327">
        <v>0</v>
      </c>
      <c r="GO39" s="327">
        <v>0</v>
      </c>
      <c r="GP39" s="327">
        <v>0</v>
      </c>
      <c r="GQ39" s="328">
        <v>0</v>
      </c>
      <c r="GR39" s="330">
        <v>87179</v>
      </c>
      <c r="GS39" s="326">
        <v>180000</v>
      </c>
      <c r="GT39" s="327">
        <v>0</v>
      </c>
      <c r="GU39" s="328">
        <v>180000</v>
      </c>
      <c r="GV39" s="326">
        <v>0</v>
      </c>
      <c r="GW39" s="327">
        <v>128700</v>
      </c>
      <c r="GX39" s="327">
        <v>0</v>
      </c>
      <c r="GY39" s="327">
        <v>0</v>
      </c>
      <c r="GZ39" s="327">
        <v>0</v>
      </c>
      <c r="HA39" s="327">
        <v>0</v>
      </c>
      <c r="HB39" s="331">
        <v>128700</v>
      </c>
      <c r="HC39" s="330">
        <v>308700</v>
      </c>
      <c r="HD39" s="326">
        <v>365893</v>
      </c>
      <c r="HE39" s="327">
        <v>309879</v>
      </c>
      <c r="HF39" s="331">
        <v>675772</v>
      </c>
      <c r="HG39" s="332">
        <v>0</v>
      </c>
      <c r="HH39" s="327">
        <v>1913692</v>
      </c>
      <c r="HI39" s="327">
        <v>1464060</v>
      </c>
      <c r="HJ39" s="327">
        <v>590465</v>
      </c>
      <c r="HK39" s="327">
        <v>1852141</v>
      </c>
      <c r="HL39" s="327">
        <v>1359002</v>
      </c>
      <c r="HM39" s="328">
        <v>7179360</v>
      </c>
      <c r="HN39" s="329">
        <v>7855132</v>
      </c>
      <c r="HO39" s="333">
        <v>70720</v>
      </c>
      <c r="HP39" s="327">
        <v>128180</v>
      </c>
      <c r="HQ39" s="328">
        <v>198900</v>
      </c>
      <c r="HR39" s="326">
        <v>0</v>
      </c>
      <c r="HS39" s="327">
        <v>1249641</v>
      </c>
      <c r="HT39" s="327">
        <v>620010</v>
      </c>
      <c r="HU39" s="327">
        <v>357950</v>
      </c>
      <c r="HV39" s="327">
        <v>403393</v>
      </c>
      <c r="HW39" s="327">
        <v>235385</v>
      </c>
      <c r="HX39" s="331">
        <v>2866379</v>
      </c>
      <c r="HY39" s="330">
        <v>3065279</v>
      </c>
      <c r="HZ39" s="335">
        <v>47961</v>
      </c>
      <c r="IA39" s="336">
        <v>168570</v>
      </c>
      <c r="IB39" s="337">
        <v>216531</v>
      </c>
      <c r="IC39" s="338">
        <v>0</v>
      </c>
      <c r="ID39" s="336">
        <v>5185830</v>
      </c>
      <c r="IE39" s="339">
        <v>3524989</v>
      </c>
      <c r="IF39" s="337">
        <v>2424510</v>
      </c>
      <c r="IG39" s="336">
        <v>2297421</v>
      </c>
      <c r="IH39" s="337">
        <v>1290006</v>
      </c>
      <c r="II39" s="340">
        <v>14722756</v>
      </c>
      <c r="IJ39" s="341">
        <v>14939287</v>
      </c>
      <c r="IK39" s="342">
        <v>0</v>
      </c>
      <c r="IL39" s="343">
        <v>0</v>
      </c>
      <c r="IM39" s="344">
        <v>0</v>
      </c>
      <c r="IN39" s="404">
        <v>0</v>
      </c>
      <c r="IO39" s="345">
        <v>0</v>
      </c>
      <c r="IP39" s="345">
        <v>0</v>
      </c>
      <c r="IQ39" s="345">
        <v>0</v>
      </c>
      <c r="IR39" s="345">
        <v>0</v>
      </c>
      <c r="IS39" s="345">
        <v>0</v>
      </c>
      <c r="IT39" s="346">
        <v>0</v>
      </c>
      <c r="IU39" s="347">
        <v>0</v>
      </c>
      <c r="IV39" s="348">
        <v>0</v>
      </c>
      <c r="IW39" s="345">
        <v>0</v>
      </c>
      <c r="IX39" s="349">
        <v>0</v>
      </c>
      <c r="IY39" s="413">
        <v>0</v>
      </c>
      <c r="IZ39" s="345">
        <v>0</v>
      </c>
      <c r="JA39" s="345">
        <v>0</v>
      </c>
      <c r="JB39" s="345">
        <v>0</v>
      </c>
      <c r="JC39" s="345">
        <v>0</v>
      </c>
      <c r="JD39" s="345">
        <v>0</v>
      </c>
      <c r="JE39" s="349">
        <v>0</v>
      </c>
      <c r="JF39" s="350">
        <v>0</v>
      </c>
      <c r="JG39" s="348">
        <v>0</v>
      </c>
      <c r="JH39" s="345">
        <v>0</v>
      </c>
      <c r="JI39" s="346">
        <v>0</v>
      </c>
      <c r="JJ39" s="351">
        <v>0</v>
      </c>
      <c r="JK39" s="345">
        <v>391971</v>
      </c>
      <c r="JL39" s="345">
        <v>-30695</v>
      </c>
      <c r="JM39" s="345">
        <v>240822</v>
      </c>
      <c r="JN39" s="345">
        <v>56502</v>
      </c>
      <c r="JO39" s="345">
        <v>0</v>
      </c>
      <c r="JP39" s="349">
        <v>658600</v>
      </c>
      <c r="JQ39" s="347">
        <v>658600</v>
      </c>
      <c r="JR39" s="348">
        <v>0</v>
      </c>
      <c r="JS39" s="345">
        <v>0</v>
      </c>
      <c r="JT39" s="346">
        <v>0</v>
      </c>
      <c r="JU39" s="351">
        <v>0</v>
      </c>
      <c r="JV39" s="345">
        <v>0</v>
      </c>
      <c r="JW39" s="345">
        <v>0</v>
      </c>
      <c r="JX39" s="345">
        <v>0</v>
      </c>
      <c r="JY39" s="345">
        <v>0</v>
      </c>
      <c r="JZ39" s="345">
        <v>130536</v>
      </c>
      <c r="KA39" s="349">
        <v>130536</v>
      </c>
      <c r="KB39" s="347">
        <v>130536</v>
      </c>
      <c r="KC39" s="352">
        <v>47961</v>
      </c>
      <c r="KD39" s="353">
        <v>168570</v>
      </c>
      <c r="KE39" s="349">
        <v>216531</v>
      </c>
      <c r="KF39" s="351">
        <v>0</v>
      </c>
      <c r="KG39" s="345">
        <v>1052271</v>
      </c>
      <c r="KH39" s="345">
        <v>1114101</v>
      </c>
      <c r="KI39" s="345">
        <v>775593</v>
      </c>
      <c r="KJ39" s="345">
        <v>554418</v>
      </c>
      <c r="KK39" s="345">
        <v>0</v>
      </c>
      <c r="KL39" s="349">
        <v>3496383</v>
      </c>
      <c r="KM39" s="354">
        <v>3712914</v>
      </c>
      <c r="KN39" s="342">
        <v>0</v>
      </c>
      <c r="KO39" s="343">
        <v>0</v>
      </c>
      <c r="KP39" s="344">
        <v>0</v>
      </c>
      <c r="KQ39" s="413">
        <v>0</v>
      </c>
      <c r="KR39" s="345">
        <v>2085624</v>
      </c>
      <c r="KS39" s="345">
        <v>1203588</v>
      </c>
      <c r="KT39" s="345">
        <v>0</v>
      </c>
      <c r="KU39" s="345">
        <v>1049067</v>
      </c>
      <c r="KV39" s="345">
        <v>446706</v>
      </c>
      <c r="KW39" s="349">
        <v>4784985</v>
      </c>
      <c r="KX39" s="347">
        <v>4784985</v>
      </c>
      <c r="KY39" s="348">
        <v>0</v>
      </c>
      <c r="KZ39" s="345">
        <v>0</v>
      </c>
      <c r="LA39" s="349">
        <v>0</v>
      </c>
      <c r="LB39" s="413">
        <v>0</v>
      </c>
      <c r="LC39" s="345">
        <v>0</v>
      </c>
      <c r="LD39" s="345">
        <v>0</v>
      </c>
      <c r="LE39" s="345">
        <v>0</v>
      </c>
      <c r="LF39" s="345">
        <v>0</v>
      </c>
      <c r="LG39" s="345">
        <v>0</v>
      </c>
      <c r="LH39" s="349">
        <v>0</v>
      </c>
      <c r="LI39" s="350">
        <v>0</v>
      </c>
      <c r="LJ39" s="348">
        <v>0</v>
      </c>
      <c r="LK39" s="345">
        <v>0</v>
      </c>
      <c r="LL39" s="349">
        <v>0</v>
      </c>
      <c r="LM39" s="413">
        <v>0</v>
      </c>
      <c r="LN39" s="345">
        <v>0</v>
      </c>
      <c r="LO39" s="345">
        <v>0</v>
      </c>
      <c r="LP39" s="345">
        <v>0</v>
      </c>
      <c r="LQ39" s="345">
        <v>0</v>
      </c>
      <c r="LR39" s="345">
        <v>0</v>
      </c>
      <c r="LS39" s="349">
        <v>0</v>
      </c>
      <c r="LT39" s="347">
        <v>0</v>
      </c>
      <c r="LU39" s="348">
        <v>0</v>
      </c>
      <c r="LV39" s="345">
        <v>0</v>
      </c>
      <c r="LW39" s="349">
        <v>0</v>
      </c>
      <c r="LX39" s="413">
        <v>0</v>
      </c>
      <c r="LY39" s="345">
        <v>1655964</v>
      </c>
      <c r="LZ39" s="345">
        <v>1237995</v>
      </c>
      <c r="MA39" s="345">
        <v>1408095</v>
      </c>
      <c r="MB39" s="345">
        <v>637434</v>
      </c>
      <c r="MC39" s="345">
        <v>712764</v>
      </c>
      <c r="MD39" s="349">
        <v>5652252</v>
      </c>
      <c r="ME39" s="350">
        <v>5652252</v>
      </c>
      <c r="MF39" s="348">
        <v>0</v>
      </c>
      <c r="MG39" s="345">
        <v>0</v>
      </c>
      <c r="MH39" s="349">
        <v>0</v>
      </c>
      <c r="MI39" s="413">
        <v>0</v>
      </c>
      <c r="MJ39" s="345">
        <v>1339341</v>
      </c>
      <c r="MK39" s="345">
        <v>4515489</v>
      </c>
      <c r="ML39" s="345">
        <v>3395388</v>
      </c>
      <c r="MM39" s="345">
        <v>9762007</v>
      </c>
      <c r="MN39" s="345">
        <v>5392605</v>
      </c>
      <c r="MO39" s="349">
        <v>24404830</v>
      </c>
      <c r="MP39" s="354">
        <v>24404830</v>
      </c>
      <c r="MQ39" s="348">
        <v>0</v>
      </c>
      <c r="MR39" s="345">
        <v>0</v>
      </c>
      <c r="MS39" s="349">
        <v>0</v>
      </c>
      <c r="MT39" s="413">
        <v>0</v>
      </c>
      <c r="MU39" s="345">
        <v>0</v>
      </c>
      <c r="MV39" s="345">
        <v>0</v>
      </c>
      <c r="MW39" s="345">
        <v>1890576</v>
      </c>
      <c r="MX39" s="345">
        <v>7156147</v>
      </c>
      <c r="MY39" s="345">
        <v>3214691</v>
      </c>
      <c r="MZ39" s="349">
        <v>12261414</v>
      </c>
      <c r="NA39" s="354">
        <v>12261414</v>
      </c>
      <c r="NB39" s="348">
        <v>0</v>
      </c>
      <c r="NC39" s="345">
        <v>0</v>
      </c>
      <c r="ND39" s="349">
        <v>0</v>
      </c>
      <c r="NE39" s="413">
        <v>0</v>
      </c>
      <c r="NF39" s="345">
        <v>1339341</v>
      </c>
      <c r="NG39" s="345">
        <v>4515489</v>
      </c>
      <c r="NH39" s="345">
        <v>1504812</v>
      </c>
      <c r="NI39" s="345">
        <v>2249388</v>
      </c>
      <c r="NJ39" s="345">
        <v>1418233</v>
      </c>
      <c r="NK39" s="349">
        <v>11027263</v>
      </c>
      <c r="NL39" s="347">
        <v>11027263</v>
      </c>
      <c r="NM39" s="348">
        <v>0</v>
      </c>
      <c r="NN39" s="345">
        <v>0</v>
      </c>
      <c r="NO39" s="349">
        <v>0</v>
      </c>
      <c r="NP39" s="413">
        <v>0</v>
      </c>
      <c r="NQ39" s="345">
        <v>0</v>
      </c>
      <c r="NR39" s="345">
        <v>0</v>
      </c>
      <c r="NS39" s="345">
        <v>0</v>
      </c>
      <c r="NT39" s="345">
        <v>0</v>
      </c>
      <c r="NU39" s="345">
        <v>0</v>
      </c>
      <c r="NV39" s="349">
        <v>0</v>
      </c>
      <c r="NW39" s="350">
        <v>0</v>
      </c>
      <c r="NX39" s="348">
        <v>0</v>
      </c>
      <c r="NY39" s="345">
        <v>0</v>
      </c>
      <c r="NZ39" s="349">
        <v>0</v>
      </c>
      <c r="OA39" s="413">
        <v>0</v>
      </c>
      <c r="OB39" s="345">
        <v>0</v>
      </c>
      <c r="OC39" s="345">
        <v>0</v>
      </c>
      <c r="OD39" s="345">
        <v>0</v>
      </c>
      <c r="OE39" s="345">
        <v>356472</v>
      </c>
      <c r="OF39" s="345">
        <v>759681</v>
      </c>
      <c r="OG39" s="349">
        <v>1116153</v>
      </c>
      <c r="OH39" s="350">
        <v>1116153</v>
      </c>
      <c r="OI39" s="348">
        <v>1043095</v>
      </c>
      <c r="OJ39" s="345">
        <v>1165203</v>
      </c>
      <c r="OK39" s="346">
        <v>2208298</v>
      </c>
      <c r="OL39" s="351">
        <v>0</v>
      </c>
      <c r="OM39" s="345">
        <v>14716886</v>
      </c>
      <c r="ON39" s="345">
        <v>14549374</v>
      </c>
      <c r="OO39" s="345">
        <v>10109075</v>
      </c>
      <c r="OP39" s="345">
        <v>18450015</v>
      </c>
      <c r="OQ39" s="345">
        <v>11295761</v>
      </c>
      <c r="OR39" s="349">
        <v>69121111</v>
      </c>
      <c r="OS39" s="354">
        <v>71329409</v>
      </c>
    </row>
    <row r="40" spans="2:409" s="70" customFormat="1" ht="21" customHeight="1" x14ac:dyDescent="0.2">
      <c r="B40" s="410" t="s">
        <v>35</v>
      </c>
      <c r="C40" s="326">
        <v>2733008</v>
      </c>
      <c r="D40" s="327">
        <v>4703287</v>
      </c>
      <c r="E40" s="328">
        <v>7436295</v>
      </c>
      <c r="F40" s="329">
        <v>0</v>
      </c>
      <c r="G40" s="327">
        <v>31763779</v>
      </c>
      <c r="H40" s="327">
        <v>21599481</v>
      </c>
      <c r="I40" s="327">
        <v>21485468</v>
      </c>
      <c r="J40" s="327">
        <v>23934651</v>
      </c>
      <c r="K40" s="327">
        <v>16502173</v>
      </c>
      <c r="L40" s="367">
        <v>115285552</v>
      </c>
      <c r="M40" s="330">
        <v>122721847</v>
      </c>
      <c r="N40" s="326">
        <v>564510</v>
      </c>
      <c r="O40" s="327">
        <v>1237542</v>
      </c>
      <c r="P40" s="328">
        <v>1802052</v>
      </c>
      <c r="Q40" s="326">
        <v>0</v>
      </c>
      <c r="R40" s="327">
        <v>7084575</v>
      </c>
      <c r="S40" s="327">
        <v>5719163</v>
      </c>
      <c r="T40" s="327">
        <v>6440383</v>
      </c>
      <c r="U40" s="327">
        <v>6721911</v>
      </c>
      <c r="V40" s="327">
        <v>7634751</v>
      </c>
      <c r="W40" s="328">
        <v>33600783</v>
      </c>
      <c r="X40" s="330">
        <v>35402835</v>
      </c>
      <c r="Y40" s="326">
        <v>0</v>
      </c>
      <c r="Z40" s="327">
        <v>0</v>
      </c>
      <c r="AA40" s="328">
        <v>0</v>
      </c>
      <c r="AB40" s="326">
        <v>0</v>
      </c>
      <c r="AC40" s="327">
        <v>2637759</v>
      </c>
      <c r="AD40" s="327">
        <v>2200144</v>
      </c>
      <c r="AE40" s="327">
        <v>3540052</v>
      </c>
      <c r="AF40" s="327">
        <v>3636127</v>
      </c>
      <c r="AG40" s="327">
        <v>4539954</v>
      </c>
      <c r="AH40" s="328">
        <v>16554036</v>
      </c>
      <c r="AI40" s="330">
        <v>16554036</v>
      </c>
      <c r="AJ40" s="326">
        <v>0</v>
      </c>
      <c r="AK40" s="327">
        <v>0</v>
      </c>
      <c r="AL40" s="328">
        <v>0</v>
      </c>
      <c r="AM40" s="326">
        <v>0</v>
      </c>
      <c r="AN40" s="327">
        <v>0</v>
      </c>
      <c r="AO40" s="327">
        <v>103752</v>
      </c>
      <c r="AP40" s="327">
        <v>252274</v>
      </c>
      <c r="AQ40" s="327">
        <v>661419</v>
      </c>
      <c r="AR40" s="327">
        <v>655871</v>
      </c>
      <c r="AS40" s="328">
        <v>1673316</v>
      </c>
      <c r="AT40" s="330">
        <v>1673316</v>
      </c>
      <c r="AU40" s="326">
        <v>124940</v>
      </c>
      <c r="AV40" s="327">
        <v>566622</v>
      </c>
      <c r="AW40" s="328">
        <v>691562</v>
      </c>
      <c r="AX40" s="326">
        <v>0</v>
      </c>
      <c r="AY40" s="327">
        <v>2485311</v>
      </c>
      <c r="AZ40" s="327">
        <v>1755787</v>
      </c>
      <c r="BA40" s="327">
        <v>1342657</v>
      </c>
      <c r="BB40" s="327">
        <v>918456</v>
      </c>
      <c r="BC40" s="327">
        <v>1503279</v>
      </c>
      <c r="BD40" s="328">
        <v>8005490</v>
      </c>
      <c r="BE40" s="330">
        <v>8697052</v>
      </c>
      <c r="BF40" s="326">
        <v>208862</v>
      </c>
      <c r="BG40" s="327">
        <v>484176</v>
      </c>
      <c r="BH40" s="331">
        <v>693038</v>
      </c>
      <c r="BI40" s="332">
        <v>0</v>
      </c>
      <c r="BJ40" s="327">
        <v>622886</v>
      </c>
      <c r="BK40" s="327">
        <v>771768</v>
      </c>
      <c r="BL40" s="327">
        <v>219636</v>
      </c>
      <c r="BM40" s="327">
        <v>395874</v>
      </c>
      <c r="BN40" s="327">
        <v>178816</v>
      </c>
      <c r="BO40" s="328">
        <v>2188980</v>
      </c>
      <c r="BP40" s="330">
        <v>2882018</v>
      </c>
      <c r="BQ40" s="326">
        <v>230708</v>
      </c>
      <c r="BR40" s="327">
        <v>186744</v>
      </c>
      <c r="BS40" s="328">
        <v>417452</v>
      </c>
      <c r="BT40" s="326">
        <v>0</v>
      </c>
      <c r="BU40" s="327">
        <v>1338619</v>
      </c>
      <c r="BV40" s="327">
        <v>887712</v>
      </c>
      <c r="BW40" s="327">
        <v>1085764</v>
      </c>
      <c r="BX40" s="327">
        <v>1110035</v>
      </c>
      <c r="BY40" s="327">
        <v>756831</v>
      </c>
      <c r="BZ40" s="328">
        <v>5178961</v>
      </c>
      <c r="CA40" s="330">
        <v>5596413</v>
      </c>
      <c r="CB40" s="326">
        <v>243512</v>
      </c>
      <c r="CC40" s="327">
        <v>878406</v>
      </c>
      <c r="CD40" s="328">
        <v>1121918</v>
      </c>
      <c r="CE40" s="326">
        <v>0</v>
      </c>
      <c r="CF40" s="327">
        <v>11416697</v>
      </c>
      <c r="CG40" s="327">
        <v>8306221</v>
      </c>
      <c r="CH40" s="327">
        <v>6714109</v>
      </c>
      <c r="CI40" s="327">
        <v>4784918</v>
      </c>
      <c r="CJ40" s="327">
        <v>2879935</v>
      </c>
      <c r="CK40" s="328">
        <v>34101880</v>
      </c>
      <c r="CL40" s="330">
        <v>35223798</v>
      </c>
      <c r="CM40" s="326">
        <v>0</v>
      </c>
      <c r="CN40" s="327">
        <v>0</v>
      </c>
      <c r="CO40" s="328">
        <v>0</v>
      </c>
      <c r="CP40" s="332">
        <v>0</v>
      </c>
      <c r="CQ40" s="327">
        <v>7668635</v>
      </c>
      <c r="CR40" s="327">
        <v>6376854</v>
      </c>
      <c r="CS40" s="327">
        <v>5507263</v>
      </c>
      <c r="CT40" s="327">
        <v>3977940</v>
      </c>
      <c r="CU40" s="327">
        <v>2771053</v>
      </c>
      <c r="CV40" s="328">
        <v>26301745</v>
      </c>
      <c r="CW40" s="330">
        <v>26301745</v>
      </c>
      <c r="CX40" s="326">
        <v>243512</v>
      </c>
      <c r="CY40" s="327">
        <v>878406</v>
      </c>
      <c r="CZ40" s="328">
        <v>1121918</v>
      </c>
      <c r="DA40" s="326">
        <v>0</v>
      </c>
      <c r="DB40" s="327">
        <v>3748062</v>
      </c>
      <c r="DC40" s="327">
        <v>1929367</v>
      </c>
      <c r="DD40" s="327">
        <v>1206846</v>
      </c>
      <c r="DE40" s="327">
        <v>806978</v>
      </c>
      <c r="DF40" s="327">
        <v>108882</v>
      </c>
      <c r="DG40" s="328">
        <v>7800135</v>
      </c>
      <c r="DH40" s="330">
        <v>8922053</v>
      </c>
      <c r="DI40" s="326">
        <v>19664</v>
      </c>
      <c r="DJ40" s="327">
        <v>0</v>
      </c>
      <c r="DK40" s="331">
        <v>19664</v>
      </c>
      <c r="DL40" s="332">
        <v>0</v>
      </c>
      <c r="DM40" s="327">
        <v>694161</v>
      </c>
      <c r="DN40" s="327">
        <v>597124</v>
      </c>
      <c r="DO40" s="327">
        <v>1094028</v>
      </c>
      <c r="DP40" s="327">
        <v>1832625</v>
      </c>
      <c r="DQ40" s="327">
        <v>702217</v>
      </c>
      <c r="DR40" s="328">
        <v>4920155</v>
      </c>
      <c r="DS40" s="330">
        <v>4939819</v>
      </c>
      <c r="DT40" s="326">
        <v>19664</v>
      </c>
      <c r="DU40" s="327">
        <v>0</v>
      </c>
      <c r="DV40" s="328">
        <v>19664</v>
      </c>
      <c r="DW40" s="326">
        <v>0</v>
      </c>
      <c r="DX40" s="327">
        <v>533205</v>
      </c>
      <c r="DY40" s="327">
        <v>257068</v>
      </c>
      <c r="DZ40" s="327">
        <v>863880</v>
      </c>
      <c r="EA40" s="327">
        <v>1466496</v>
      </c>
      <c r="EB40" s="327">
        <v>601741</v>
      </c>
      <c r="EC40" s="328">
        <v>3722390</v>
      </c>
      <c r="ED40" s="330">
        <v>3742054</v>
      </c>
      <c r="EE40" s="326">
        <v>0</v>
      </c>
      <c r="EF40" s="331">
        <v>0</v>
      </c>
      <c r="EG40" s="328">
        <v>0</v>
      </c>
      <c r="EH40" s="326">
        <v>0</v>
      </c>
      <c r="EI40" s="327">
        <v>160956</v>
      </c>
      <c r="EJ40" s="327">
        <v>340056</v>
      </c>
      <c r="EK40" s="327">
        <v>230148</v>
      </c>
      <c r="EL40" s="327">
        <v>366129</v>
      </c>
      <c r="EM40" s="327">
        <v>100476</v>
      </c>
      <c r="EN40" s="331">
        <v>1197765</v>
      </c>
      <c r="EO40" s="330">
        <v>1197765</v>
      </c>
      <c r="EP40" s="326">
        <v>0</v>
      </c>
      <c r="EQ40" s="327">
        <v>0</v>
      </c>
      <c r="ER40" s="331">
        <v>0</v>
      </c>
      <c r="ES40" s="332">
        <v>0</v>
      </c>
      <c r="ET40" s="327">
        <v>0</v>
      </c>
      <c r="EU40" s="327">
        <v>0</v>
      </c>
      <c r="EV40" s="327">
        <v>0</v>
      </c>
      <c r="EW40" s="327">
        <v>0</v>
      </c>
      <c r="EX40" s="327">
        <v>0</v>
      </c>
      <c r="EY40" s="328">
        <v>0</v>
      </c>
      <c r="EZ40" s="330">
        <v>0</v>
      </c>
      <c r="FA40" s="326">
        <v>0</v>
      </c>
      <c r="FB40" s="327">
        <v>0</v>
      </c>
      <c r="FC40" s="331">
        <v>0</v>
      </c>
      <c r="FD40" s="332">
        <v>0</v>
      </c>
      <c r="FE40" s="327">
        <v>0</v>
      </c>
      <c r="FF40" s="327">
        <v>0</v>
      </c>
      <c r="FG40" s="327">
        <v>0</v>
      </c>
      <c r="FH40" s="327">
        <v>0</v>
      </c>
      <c r="FI40" s="327">
        <v>0</v>
      </c>
      <c r="FJ40" s="328">
        <v>0</v>
      </c>
      <c r="FK40" s="330">
        <v>0</v>
      </c>
      <c r="FL40" s="326">
        <v>595735</v>
      </c>
      <c r="FM40" s="327">
        <v>868468</v>
      </c>
      <c r="FN40" s="328">
        <v>1464203</v>
      </c>
      <c r="FO40" s="326">
        <v>0</v>
      </c>
      <c r="FP40" s="327">
        <v>1611491</v>
      </c>
      <c r="FQ40" s="327">
        <v>1919984</v>
      </c>
      <c r="FR40" s="327">
        <v>1495200</v>
      </c>
      <c r="FS40" s="327">
        <v>1323887</v>
      </c>
      <c r="FT40" s="327">
        <v>1049926</v>
      </c>
      <c r="FU40" s="328">
        <v>7400488</v>
      </c>
      <c r="FV40" s="330">
        <v>8864691</v>
      </c>
      <c r="FW40" s="333">
        <v>302974</v>
      </c>
      <c r="FX40" s="327">
        <v>741418</v>
      </c>
      <c r="FY40" s="331">
        <v>1044392</v>
      </c>
      <c r="FZ40" s="332">
        <v>0</v>
      </c>
      <c r="GA40" s="327">
        <v>1328825</v>
      </c>
      <c r="GB40" s="327">
        <v>1830389</v>
      </c>
      <c r="GC40" s="327">
        <v>1495200</v>
      </c>
      <c r="GD40" s="327">
        <v>1323887</v>
      </c>
      <c r="GE40" s="327">
        <v>1049926</v>
      </c>
      <c r="GF40" s="328">
        <v>7028227</v>
      </c>
      <c r="GG40" s="334">
        <v>8072619</v>
      </c>
      <c r="GH40" s="333">
        <v>0</v>
      </c>
      <c r="GI40" s="327">
        <v>23100</v>
      </c>
      <c r="GJ40" s="331">
        <v>23100</v>
      </c>
      <c r="GK40" s="332">
        <v>0</v>
      </c>
      <c r="GL40" s="327">
        <v>62568</v>
      </c>
      <c r="GM40" s="327">
        <v>89595</v>
      </c>
      <c r="GN40" s="327">
        <v>0</v>
      </c>
      <c r="GO40" s="327">
        <v>0</v>
      </c>
      <c r="GP40" s="327">
        <v>0</v>
      </c>
      <c r="GQ40" s="328">
        <v>152163</v>
      </c>
      <c r="GR40" s="330">
        <v>175263</v>
      </c>
      <c r="GS40" s="326">
        <v>292761</v>
      </c>
      <c r="GT40" s="327">
        <v>103950</v>
      </c>
      <c r="GU40" s="328">
        <v>396711</v>
      </c>
      <c r="GV40" s="326">
        <v>0</v>
      </c>
      <c r="GW40" s="327">
        <v>220098</v>
      </c>
      <c r="GX40" s="327">
        <v>0</v>
      </c>
      <c r="GY40" s="327">
        <v>0</v>
      </c>
      <c r="GZ40" s="327">
        <v>0</v>
      </c>
      <c r="HA40" s="327">
        <v>0</v>
      </c>
      <c r="HB40" s="331">
        <v>220098</v>
      </c>
      <c r="HC40" s="330">
        <v>616809</v>
      </c>
      <c r="HD40" s="326">
        <v>973172</v>
      </c>
      <c r="HE40" s="327">
        <v>1116011</v>
      </c>
      <c r="HF40" s="331">
        <v>2089183</v>
      </c>
      <c r="HG40" s="332">
        <v>0</v>
      </c>
      <c r="HH40" s="327">
        <v>6497989</v>
      </c>
      <c r="HI40" s="327">
        <v>2630999</v>
      </c>
      <c r="HJ40" s="327">
        <v>4029477</v>
      </c>
      <c r="HK40" s="327">
        <v>8016932</v>
      </c>
      <c r="HL40" s="327">
        <v>3472698</v>
      </c>
      <c r="HM40" s="328">
        <v>24648095</v>
      </c>
      <c r="HN40" s="329">
        <v>26737278</v>
      </c>
      <c r="HO40" s="333">
        <v>336415</v>
      </c>
      <c r="HP40" s="327">
        <v>602860</v>
      </c>
      <c r="HQ40" s="328">
        <v>939275</v>
      </c>
      <c r="HR40" s="326">
        <v>0</v>
      </c>
      <c r="HS40" s="327">
        <v>4458866</v>
      </c>
      <c r="HT40" s="327">
        <v>2425990</v>
      </c>
      <c r="HU40" s="327">
        <v>1712271</v>
      </c>
      <c r="HV40" s="327">
        <v>1254378</v>
      </c>
      <c r="HW40" s="327">
        <v>762646</v>
      </c>
      <c r="HX40" s="331">
        <v>10614151</v>
      </c>
      <c r="HY40" s="330">
        <v>11553426</v>
      </c>
      <c r="HZ40" s="358">
        <v>119354</v>
      </c>
      <c r="IA40" s="356">
        <v>228933</v>
      </c>
      <c r="IB40" s="358">
        <v>348287</v>
      </c>
      <c r="IC40" s="338">
        <v>0</v>
      </c>
      <c r="ID40" s="336">
        <v>6594823</v>
      </c>
      <c r="IE40" s="339">
        <v>5132275</v>
      </c>
      <c r="IF40" s="337">
        <v>7463669</v>
      </c>
      <c r="IG40" s="336">
        <v>5005148</v>
      </c>
      <c r="IH40" s="337">
        <v>3065868</v>
      </c>
      <c r="II40" s="340">
        <v>27261783</v>
      </c>
      <c r="IJ40" s="358">
        <v>27610070</v>
      </c>
      <c r="IK40" s="342">
        <v>0</v>
      </c>
      <c r="IL40" s="343">
        <v>0</v>
      </c>
      <c r="IM40" s="344">
        <v>0</v>
      </c>
      <c r="IN40" s="404">
        <v>0</v>
      </c>
      <c r="IO40" s="345">
        <v>81700</v>
      </c>
      <c r="IP40" s="345">
        <v>134887</v>
      </c>
      <c r="IQ40" s="345">
        <v>331228</v>
      </c>
      <c r="IR40" s="345">
        <v>0</v>
      </c>
      <c r="IS40" s="345">
        <v>271998</v>
      </c>
      <c r="IT40" s="346">
        <v>819813</v>
      </c>
      <c r="IU40" s="347">
        <v>819813</v>
      </c>
      <c r="IV40" s="348">
        <v>0</v>
      </c>
      <c r="IW40" s="345">
        <v>0</v>
      </c>
      <c r="IX40" s="349">
        <v>0</v>
      </c>
      <c r="IY40" s="413">
        <v>0</v>
      </c>
      <c r="IZ40" s="345">
        <v>0</v>
      </c>
      <c r="JA40" s="345">
        <v>0</v>
      </c>
      <c r="JB40" s="345">
        <v>0</v>
      </c>
      <c r="JC40" s="345">
        <v>0</v>
      </c>
      <c r="JD40" s="345">
        <v>0</v>
      </c>
      <c r="JE40" s="349">
        <v>0</v>
      </c>
      <c r="JF40" s="350">
        <v>0</v>
      </c>
      <c r="JG40" s="348">
        <v>0</v>
      </c>
      <c r="JH40" s="345">
        <v>0</v>
      </c>
      <c r="JI40" s="346">
        <v>0</v>
      </c>
      <c r="JJ40" s="351">
        <v>0</v>
      </c>
      <c r="JK40" s="345">
        <v>1415636</v>
      </c>
      <c r="JL40" s="345">
        <v>1008450</v>
      </c>
      <c r="JM40" s="345">
        <v>1141825</v>
      </c>
      <c r="JN40" s="345">
        <v>1387832</v>
      </c>
      <c r="JO40" s="345">
        <v>360846</v>
      </c>
      <c r="JP40" s="349">
        <v>5314589</v>
      </c>
      <c r="JQ40" s="347">
        <v>5314589</v>
      </c>
      <c r="JR40" s="348">
        <v>0</v>
      </c>
      <c r="JS40" s="345">
        <v>0</v>
      </c>
      <c r="JT40" s="346">
        <v>0</v>
      </c>
      <c r="JU40" s="351">
        <v>0</v>
      </c>
      <c r="JV40" s="345">
        <v>0</v>
      </c>
      <c r="JW40" s="345">
        <v>0</v>
      </c>
      <c r="JX40" s="345">
        <v>0</v>
      </c>
      <c r="JY40" s="345">
        <v>0</v>
      </c>
      <c r="JZ40" s="345">
        <v>0</v>
      </c>
      <c r="KA40" s="349">
        <v>0</v>
      </c>
      <c r="KB40" s="347">
        <v>0</v>
      </c>
      <c r="KC40" s="352">
        <v>119354</v>
      </c>
      <c r="KD40" s="353">
        <v>228933</v>
      </c>
      <c r="KE40" s="349">
        <v>348287</v>
      </c>
      <c r="KF40" s="351">
        <v>0</v>
      </c>
      <c r="KG40" s="345">
        <v>837819</v>
      </c>
      <c r="KH40" s="345">
        <v>637839</v>
      </c>
      <c r="KI40" s="345">
        <v>2305782</v>
      </c>
      <c r="KJ40" s="345">
        <v>828540</v>
      </c>
      <c r="KK40" s="345">
        <v>645651</v>
      </c>
      <c r="KL40" s="349">
        <v>5255631</v>
      </c>
      <c r="KM40" s="354">
        <v>5603918</v>
      </c>
      <c r="KN40" s="342">
        <v>0</v>
      </c>
      <c r="KO40" s="343">
        <v>0</v>
      </c>
      <c r="KP40" s="344">
        <v>0</v>
      </c>
      <c r="KQ40" s="413">
        <v>0</v>
      </c>
      <c r="KR40" s="345">
        <v>4259668</v>
      </c>
      <c r="KS40" s="345">
        <v>3351099</v>
      </c>
      <c r="KT40" s="345">
        <v>3684834</v>
      </c>
      <c r="KU40" s="345">
        <v>2788776</v>
      </c>
      <c r="KV40" s="345">
        <v>1787373</v>
      </c>
      <c r="KW40" s="349">
        <v>15871750</v>
      </c>
      <c r="KX40" s="347">
        <v>15871750</v>
      </c>
      <c r="KY40" s="348">
        <v>0</v>
      </c>
      <c r="KZ40" s="345">
        <v>0</v>
      </c>
      <c r="LA40" s="349">
        <v>0</v>
      </c>
      <c r="LB40" s="413">
        <v>0</v>
      </c>
      <c r="LC40" s="345">
        <v>0</v>
      </c>
      <c r="LD40" s="345">
        <v>0</v>
      </c>
      <c r="LE40" s="345">
        <v>0</v>
      </c>
      <c r="LF40" s="345">
        <v>0</v>
      </c>
      <c r="LG40" s="345">
        <v>0</v>
      </c>
      <c r="LH40" s="349">
        <v>0</v>
      </c>
      <c r="LI40" s="350">
        <v>0</v>
      </c>
      <c r="LJ40" s="348">
        <v>0</v>
      </c>
      <c r="LK40" s="345">
        <v>0</v>
      </c>
      <c r="LL40" s="349">
        <v>0</v>
      </c>
      <c r="LM40" s="413">
        <v>0</v>
      </c>
      <c r="LN40" s="345">
        <v>0</v>
      </c>
      <c r="LO40" s="345">
        <v>0</v>
      </c>
      <c r="LP40" s="345">
        <v>0</v>
      </c>
      <c r="LQ40" s="345">
        <v>0</v>
      </c>
      <c r="LR40" s="345">
        <v>0</v>
      </c>
      <c r="LS40" s="349">
        <v>0</v>
      </c>
      <c r="LT40" s="347">
        <v>0</v>
      </c>
      <c r="LU40" s="348">
        <v>0</v>
      </c>
      <c r="LV40" s="345">
        <v>0</v>
      </c>
      <c r="LW40" s="349">
        <v>0</v>
      </c>
      <c r="LX40" s="413">
        <v>0</v>
      </c>
      <c r="LY40" s="345">
        <v>0</v>
      </c>
      <c r="LZ40" s="345">
        <v>0</v>
      </c>
      <c r="MA40" s="345">
        <v>0</v>
      </c>
      <c r="MB40" s="345">
        <v>0</v>
      </c>
      <c r="MC40" s="345">
        <v>0</v>
      </c>
      <c r="MD40" s="349">
        <v>0</v>
      </c>
      <c r="ME40" s="350">
        <v>0</v>
      </c>
      <c r="MF40" s="348">
        <v>0</v>
      </c>
      <c r="MG40" s="345">
        <v>0</v>
      </c>
      <c r="MH40" s="349">
        <v>0</v>
      </c>
      <c r="MI40" s="413">
        <v>0</v>
      </c>
      <c r="MJ40" s="345">
        <v>4456985</v>
      </c>
      <c r="MK40" s="345">
        <v>10717992</v>
      </c>
      <c r="ML40" s="345">
        <v>15626941</v>
      </c>
      <c r="MM40" s="345">
        <v>20136300</v>
      </c>
      <c r="MN40" s="345">
        <v>13152624</v>
      </c>
      <c r="MO40" s="349">
        <v>64090842</v>
      </c>
      <c r="MP40" s="354">
        <v>64090842</v>
      </c>
      <c r="MQ40" s="348">
        <v>0</v>
      </c>
      <c r="MR40" s="345">
        <v>0</v>
      </c>
      <c r="MS40" s="349">
        <v>0</v>
      </c>
      <c r="MT40" s="413">
        <v>0</v>
      </c>
      <c r="MU40" s="345">
        <v>210015</v>
      </c>
      <c r="MV40" s="345">
        <v>554558</v>
      </c>
      <c r="MW40" s="345">
        <v>6674558</v>
      </c>
      <c r="MX40" s="345">
        <v>14338586</v>
      </c>
      <c r="MY40" s="345">
        <v>8090825</v>
      </c>
      <c r="MZ40" s="349">
        <v>29868542</v>
      </c>
      <c r="NA40" s="354">
        <v>29868542</v>
      </c>
      <c r="NB40" s="348">
        <v>0</v>
      </c>
      <c r="NC40" s="345">
        <v>0</v>
      </c>
      <c r="ND40" s="349">
        <v>0</v>
      </c>
      <c r="NE40" s="413">
        <v>0</v>
      </c>
      <c r="NF40" s="345">
        <v>3759233</v>
      </c>
      <c r="NG40" s="345">
        <v>9367222</v>
      </c>
      <c r="NH40" s="345">
        <v>7275845</v>
      </c>
      <c r="NI40" s="345">
        <v>4676139</v>
      </c>
      <c r="NJ40" s="345">
        <v>2766563</v>
      </c>
      <c r="NK40" s="349">
        <v>27845002</v>
      </c>
      <c r="NL40" s="347">
        <v>27845002</v>
      </c>
      <c r="NM40" s="348">
        <v>0</v>
      </c>
      <c r="NN40" s="345">
        <v>0</v>
      </c>
      <c r="NO40" s="349">
        <v>0</v>
      </c>
      <c r="NP40" s="413">
        <v>0</v>
      </c>
      <c r="NQ40" s="345">
        <v>0</v>
      </c>
      <c r="NR40" s="345">
        <v>0</v>
      </c>
      <c r="NS40" s="345">
        <v>0</v>
      </c>
      <c r="NT40" s="345">
        <v>0</v>
      </c>
      <c r="NU40" s="345">
        <v>0</v>
      </c>
      <c r="NV40" s="349">
        <v>0</v>
      </c>
      <c r="NW40" s="350">
        <v>0</v>
      </c>
      <c r="NX40" s="348">
        <v>0</v>
      </c>
      <c r="NY40" s="345">
        <v>0</v>
      </c>
      <c r="NZ40" s="349">
        <v>0</v>
      </c>
      <c r="OA40" s="413">
        <v>0</v>
      </c>
      <c r="OB40" s="345">
        <v>487737</v>
      </c>
      <c r="OC40" s="345">
        <v>796212</v>
      </c>
      <c r="OD40" s="345">
        <v>1676538</v>
      </c>
      <c r="OE40" s="345">
        <v>1121575</v>
      </c>
      <c r="OF40" s="345">
        <v>2295236</v>
      </c>
      <c r="OG40" s="349">
        <v>6377298</v>
      </c>
      <c r="OH40" s="350">
        <v>6377298</v>
      </c>
      <c r="OI40" s="348">
        <v>2852362</v>
      </c>
      <c r="OJ40" s="345">
        <v>4932220</v>
      </c>
      <c r="OK40" s="346">
        <v>7784582</v>
      </c>
      <c r="OL40" s="351">
        <v>0</v>
      </c>
      <c r="OM40" s="345">
        <v>42815587</v>
      </c>
      <c r="ON40" s="345">
        <v>37449748</v>
      </c>
      <c r="OO40" s="345">
        <v>44576078</v>
      </c>
      <c r="OP40" s="345">
        <v>49076099</v>
      </c>
      <c r="OQ40" s="345">
        <v>32720665</v>
      </c>
      <c r="OR40" s="349">
        <v>206638177</v>
      </c>
      <c r="OS40" s="354">
        <v>214422759</v>
      </c>
    </row>
    <row r="41" spans="2:409" s="70" customFormat="1" ht="21" customHeight="1" x14ac:dyDescent="0.2">
      <c r="B41" s="410" t="s">
        <v>36</v>
      </c>
      <c r="C41" s="326">
        <v>1385131</v>
      </c>
      <c r="D41" s="327">
        <v>4070678</v>
      </c>
      <c r="E41" s="328">
        <v>5455809</v>
      </c>
      <c r="F41" s="329">
        <v>0</v>
      </c>
      <c r="G41" s="327">
        <v>22284359</v>
      </c>
      <c r="H41" s="327">
        <v>29194703</v>
      </c>
      <c r="I41" s="327">
        <v>25216671</v>
      </c>
      <c r="J41" s="327">
        <v>19022659</v>
      </c>
      <c r="K41" s="327">
        <v>19455830</v>
      </c>
      <c r="L41" s="367">
        <v>115174222</v>
      </c>
      <c r="M41" s="330">
        <v>120630031</v>
      </c>
      <c r="N41" s="326">
        <v>216324</v>
      </c>
      <c r="O41" s="327">
        <v>1338828</v>
      </c>
      <c r="P41" s="328">
        <v>1555152</v>
      </c>
      <c r="Q41" s="326">
        <v>0</v>
      </c>
      <c r="R41" s="327">
        <v>5505341</v>
      </c>
      <c r="S41" s="327">
        <v>10285456</v>
      </c>
      <c r="T41" s="327">
        <v>8215279</v>
      </c>
      <c r="U41" s="327">
        <v>7461430</v>
      </c>
      <c r="V41" s="327">
        <v>10754713</v>
      </c>
      <c r="W41" s="328">
        <v>42222219</v>
      </c>
      <c r="X41" s="330">
        <v>43777371</v>
      </c>
      <c r="Y41" s="326">
        <v>0</v>
      </c>
      <c r="Z41" s="327">
        <v>0</v>
      </c>
      <c r="AA41" s="328">
        <v>0</v>
      </c>
      <c r="AB41" s="326">
        <v>0</v>
      </c>
      <c r="AC41" s="327">
        <v>1942253</v>
      </c>
      <c r="AD41" s="327">
        <v>5384929</v>
      </c>
      <c r="AE41" s="327">
        <v>4105392</v>
      </c>
      <c r="AF41" s="327">
        <v>3912850</v>
      </c>
      <c r="AG41" s="327">
        <v>6715718</v>
      </c>
      <c r="AH41" s="328">
        <v>22061142</v>
      </c>
      <c r="AI41" s="330">
        <v>22061142</v>
      </c>
      <c r="AJ41" s="326">
        <v>0</v>
      </c>
      <c r="AK41" s="327">
        <v>45925</v>
      </c>
      <c r="AL41" s="328">
        <v>45925</v>
      </c>
      <c r="AM41" s="326">
        <v>0</v>
      </c>
      <c r="AN41" s="327">
        <v>97241</v>
      </c>
      <c r="AO41" s="327">
        <v>194660</v>
      </c>
      <c r="AP41" s="327">
        <v>597674</v>
      </c>
      <c r="AQ41" s="327">
        <v>670290</v>
      </c>
      <c r="AR41" s="327">
        <v>593790</v>
      </c>
      <c r="AS41" s="328">
        <v>2153655</v>
      </c>
      <c r="AT41" s="330">
        <v>2199580</v>
      </c>
      <c r="AU41" s="326">
        <v>129707</v>
      </c>
      <c r="AV41" s="327">
        <v>792723</v>
      </c>
      <c r="AW41" s="328">
        <v>922430</v>
      </c>
      <c r="AX41" s="326">
        <v>0</v>
      </c>
      <c r="AY41" s="327">
        <v>2050033</v>
      </c>
      <c r="AZ41" s="327">
        <v>2929314</v>
      </c>
      <c r="BA41" s="327">
        <v>2083550</v>
      </c>
      <c r="BB41" s="327">
        <v>1875448</v>
      </c>
      <c r="BC41" s="327">
        <v>2459044</v>
      </c>
      <c r="BD41" s="328">
        <v>11397389</v>
      </c>
      <c r="BE41" s="330">
        <v>12319819</v>
      </c>
      <c r="BF41" s="326">
        <v>10405</v>
      </c>
      <c r="BG41" s="327">
        <v>436280</v>
      </c>
      <c r="BH41" s="331">
        <v>446685</v>
      </c>
      <c r="BI41" s="332">
        <v>0</v>
      </c>
      <c r="BJ41" s="327">
        <v>587113</v>
      </c>
      <c r="BK41" s="327">
        <v>615740</v>
      </c>
      <c r="BL41" s="327">
        <v>263705</v>
      </c>
      <c r="BM41" s="327">
        <v>142426</v>
      </c>
      <c r="BN41" s="327">
        <v>167905</v>
      </c>
      <c r="BO41" s="328">
        <v>1776889</v>
      </c>
      <c r="BP41" s="330">
        <v>2223574</v>
      </c>
      <c r="BQ41" s="326">
        <v>76212</v>
      </c>
      <c r="BR41" s="327">
        <v>63900</v>
      </c>
      <c r="BS41" s="328">
        <v>140112</v>
      </c>
      <c r="BT41" s="326">
        <v>0</v>
      </c>
      <c r="BU41" s="327">
        <v>828701</v>
      </c>
      <c r="BV41" s="327">
        <v>1160813</v>
      </c>
      <c r="BW41" s="327">
        <v>1164958</v>
      </c>
      <c r="BX41" s="327">
        <v>860416</v>
      </c>
      <c r="BY41" s="327">
        <v>818256</v>
      </c>
      <c r="BZ41" s="328">
        <v>4833144</v>
      </c>
      <c r="CA41" s="330">
        <v>4973256</v>
      </c>
      <c r="CB41" s="326">
        <v>167659</v>
      </c>
      <c r="CC41" s="327">
        <v>315846</v>
      </c>
      <c r="CD41" s="328">
        <v>483505</v>
      </c>
      <c r="CE41" s="326">
        <v>0</v>
      </c>
      <c r="CF41" s="327">
        <v>6569068</v>
      </c>
      <c r="CG41" s="327">
        <v>11163334</v>
      </c>
      <c r="CH41" s="327">
        <v>6250947</v>
      </c>
      <c r="CI41" s="327">
        <v>4779168</v>
      </c>
      <c r="CJ41" s="327">
        <v>3670713</v>
      </c>
      <c r="CK41" s="328">
        <v>32433230</v>
      </c>
      <c r="CL41" s="330">
        <v>32916735</v>
      </c>
      <c r="CM41" s="326">
        <v>0</v>
      </c>
      <c r="CN41" s="327">
        <v>0</v>
      </c>
      <c r="CO41" s="328">
        <v>0</v>
      </c>
      <c r="CP41" s="332">
        <v>0</v>
      </c>
      <c r="CQ41" s="327">
        <v>4801726</v>
      </c>
      <c r="CR41" s="327">
        <v>8089135</v>
      </c>
      <c r="CS41" s="327">
        <v>4660318</v>
      </c>
      <c r="CT41" s="327">
        <v>4014956</v>
      </c>
      <c r="CU41" s="327">
        <v>3445932</v>
      </c>
      <c r="CV41" s="328">
        <v>25012067</v>
      </c>
      <c r="CW41" s="330">
        <v>25012067</v>
      </c>
      <c r="CX41" s="326">
        <v>167659</v>
      </c>
      <c r="CY41" s="327">
        <v>315846</v>
      </c>
      <c r="CZ41" s="328">
        <v>483505</v>
      </c>
      <c r="DA41" s="326">
        <v>0</v>
      </c>
      <c r="DB41" s="327">
        <v>1767342</v>
      </c>
      <c r="DC41" s="327">
        <v>3074199</v>
      </c>
      <c r="DD41" s="327">
        <v>1590629</v>
      </c>
      <c r="DE41" s="327">
        <v>764212</v>
      </c>
      <c r="DF41" s="327">
        <v>224781</v>
      </c>
      <c r="DG41" s="328">
        <v>7421163</v>
      </c>
      <c r="DH41" s="330">
        <v>7904668</v>
      </c>
      <c r="DI41" s="326">
        <v>0</v>
      </c>
      <c r="DJ41" s="327">
        <v>0</v>
      </c>
      <c r="DK41" s="331">
        <v>0</v>
      </c>
      <c r="DL41" s="332">
        <v>0</v>
      </c>
      <c r="DM41" s="327">
        <v>676325</v>
      </c>
      <c r="DN41" s="327">
        <v>1459923</v>
      </c>
      <c r="DO41" s="327">
        <v>1626043</v>
      </c>
      <c r="DP41" s="327">
        <v>2207600</v>
      </c>
      <c r="DQ41" s="327">
        <v>1594968</v>
      </c>
      <c r="DR41" s="328">
        <v>7564859</v>
      </c>
      <c r="DS41" s="330">
        <v>7564859</v>
      </c>
      <c r="DT41" s="326">
        <v>0</v>
      </c>
      <c r="DU41" s="327">
        <v>0</v>
      </c>
      <c r="DV41" s="328">
        <v>0</v>
      </c>
      <c r="DW41" s="326">
        <v>0</v>
      </c>
      <c r="DX41" s="327">
        <v>626969</v>
      </c>
      <c r="DY41" s="327">
        <v>1306670</v>
      </c>
      <c r="DZ41" s="327">
        <v>1626043</v>
      </c>
      <c r="EA41" s="327">
        <v>2067967</v>
      </c>
      <c r="EB41" s="327">
        <v>1594968</v>
      </c>
      <c r="EC41" s="328">
        <v>7222617</v>
      </c>
      <c r="ED41" s="330">
        <v>7222617</v>
      </c>
      <c r="EE41" s="326">
        <v>0</v>
      </c>
      <c r="EF41" s="331">
        <v>0</v>
      </c>
      <c r="EG41" s="328">
        <v>0</v>
      </c>
      <c r="EH41" s="326">
        <v>0</v>
      </c>
      <c r="EI41" s="327">
        <v>49356</v>
      </c>
      <c r="EJ41" s="327">
        <v>153253</v>
      </c>
      <c r="EK41" s="327">
        <v>0</v>
      </c>
      <c r="EL41" s="327">
        <v>139633</v>
      </c>
      <c r="EM41" s="327">
        <v>0</v>
      </c>
      <c r="EN41" s="331">
        <v>342242</v>
      </c>
      <c r="EO41" s="330">
        <v>342242</v>
      </c>
      <c r="EP41" s="326">
        <v>0</v>
      </c>
      <c r="EQ41" s="327">
        <v>0</v>
      </c>
      <c r="ER41" s="331">
        <v>0</v>
      </c>
      <c r="ES41" s="332">
        <v>0</v>
      </c>
      <c r="ET41" s="327">
        <v>0</v>
      </c>
      <c r="EU41" s="327">
        <v>0</v>
      </c>
      <c r="EV41" s="327">
        <v>0</v>
      </c>
      <c r="EW41" s="327">
        <v>0</v>
      </c>
      <c r="EX41" s="327">
        <v>0</v>
      </c>
      <c r="EY41" s="328">
        <v>0</v>
      </c>
      <c r="EZ41" s="330">
        <v>0</v>
      </c>
      <c r="FA41" s="326">
        <v>0</v>
      </c>
      <c r="FB41" s="327">
        <v>0</v>
      </c>
      <c r="FC41" s="331">
        <v>0</v>
      </c>
      <c r="FD41" s="332">
        <v>0</v>
      </c>
      <c r="FE41" s="327">
        <v>0</v>
      </c>
      <c r="FF41" s="327">
        <v>0</v>
      </c>
      <c r="FG41" s="327">
        <v>0</v>
      </c>
      <c r="FH41" s="327">
        <v>0</v>
      </c>
      <c r="FI41" s="327">
        <v>0</v>
      </c>
      <c r="FJ41" s="328">
        <v>0</v>
      </c>
      <c r="FK41" s="330">
        <v>0</v>
      </c>
      <c r="FL41" s="326">
        <v>583483</v>
      </c>
      <c r="FM41" s="327">
        <v>1588446</v>
      </c>
      <c r="FN41" s="328">
        <v>2171929</v>
      </c>
      <c r="FO41" s="326">
        <v>0</v>
      </c>
      <c r="FP41" s="327">
        <v>1935781</v>
      </c>
      <c r="FQ41" s="327">
        <v>3305396</v>
      </c>
      <c r="FR41" s="327">
        <v>2343213</v>
      </c>
      <c r="FS41" s="327">
        <v>1703663</v>
      </c>
      <c r="FT41" s="327">
        <v>1320001</v>
      </c>
      <c r="FU41" s="328">
        <v>10608054</v>
      </c>
      <c r="FV41" s="330">
        <v>12779983</v>
      </c>
      <c r="FW41" s="333">
        <v>274486</v>
      </c>
      <c r="FX41" s="327">
        <v>984456</v>
      </c>
      <c r="FY41" s="331">
        <v>1258942</v>
      </c>
      <c r="FZ41" s="332">
        <v>0</v>
      </c>
      <c r="GA41" s="327">
        <v>1535921</v>
      </c>
      <c r="GB41" s="327">
        <v>3127741</v>
      </c>
      <c r="GC41" s="327">
        <v>2095853</v>
      </c>
      <c r="GD41" s="327">
        <v>1662038</v>
      </c>
      <c r="GE41" s="327">
        <v>1289401</v>
      </c>
      <c r="GF41" s="328">
        <v>9710954</v>
      </c>
      <c r="GG41" s="334">
        <v>10969896</v>
      </c>
      <c r="GH41" s="333">
        <v>0</v>
      </c>
      <c r="GI41" s="327">
        <v>67590</v>
      </c>
      <c r="GJ41" s="331">
        <v>67590</v>
      </c>
      <c r="GK41" s="332">
        <v>0</v>
      </c>
      <c r="GL41" s="327">
        <v>75045</v>
      </c>
      <c r="GM41" s="327">
        <v>35640</v>
      </c>
      <c r="GN41" s="327">
        <v>23760</v>
      </c>
      <c r="GO41" s="327">
        <v>26235</v>
      </c>
      <c r="GP41" s="327">
        <v>30600</v>
      </c>
      <c r="GQ41" s="328">
        <v>191280</v>
      </c>
      <c r="GR41" s="330">
        <v>258870</v>
      </c>
      <c r="GS41" s="326">
        <v>308997</v>
      </c>
      <c r="GT41" s="327">
        <v>536400</v>
      </c>
      <c r="GU41" s="328">
        <v>845397</v>
      </c>
      <c r="GV41" s="326">
        <v>0</v>
      </c>
      <c r="GW41" s="327">
        <v>324815</v>
      </c>
      <c r="GX41" s="327">
        <v>142015</v>
      </c>
      <c r="GY41" s="327">
        <v>223600</v>
      </c>
      <c r="GZ41" s="327">
        <v>15390</v>
      </c>
      <c r="HA41" s="327">
        <v>0</v>
      </c>
      <c r="HB41" s="331">
        <v>705820</v>
      </c>
      <c r="HC41" s="330">
        <v>1551217</v>
      </c>
      <c r="HD41" s="326">
        <v>201588</v>
      </c>
      <c r="HE41" s="327">
        <v>106887</v>
      </c>
      <c r="HF41" s="331">
        <v>308475</v>
      </c>
      <c r="HG41" s="332">
        <v>0</v>
      </c>
      <c r="HH41" s="327">
        <v>4000955</v>
      </c>
      <c r="HI41" s="327">
        <v>-744065</v>
      </c>
      <c r="HJ41" s="327">
        <v>4167702</v>
      </c>
      <c r="HK41" s="327">
        <v>1127813</v>
      </c>
      <c r="HL41" s="327">
        <v>816499</v>
      </c>
      <c r="HM41" s="328">
        <v>9368904</v>
      </c>
      <c r="HN41" s="329">
        <v>9677379</v>
      </c>
      <c r="HO41" s="333">
        <v>216077</v>
      </c>
      <c r="HP41" s="327">
        <v>720671</v>
      </c>
      <c r="HQ41" s="328">
        <v>936748</v>
      </c>
      <c r="HR41" s="326">
        <v>0</v>
      </c>
      <c r="HS41" s="327">
        <v>3596889</v>
      </c>
      <c r="HT41" s="327">
        <v>3724659</v>
      </c>
      <c r="HU41" s="327">
        <v>2613487</v>
      </c>
      <c r="HV41" s="327">
        <v>1742985</v>
      </c>
      <c r="HW41" s="327">
        <v>1298936</v>
      </c>
      <c r="HX41" s="331">
        <v>12976956</v>
      </c>
      <c r="HY41" s="330">
        <v>13913704</v>
      </c>
      <c r="HZ41" s="335">
        <v>0</v>
      </c>
      <c r="IA41" s="336">
        <v>0</v>
      </c>
      <c r="IB41" s="337">
        <v>0</v>
      </c>
      <c r="IC41" s="338">
        <v>0</v>
      </c>
      <c r="ID41" s="336">
        <v>6800012</v>
      </c>
      <c r="IE41" s="339">
        <v>11187005</v>
      </c>
      <c r="IF41" s="337">
        <v>10092581</v>
      </c>
      <c r="IG41" s="336">
        <v>6167040</v>
      </c>
      <c r="IH41" s="337">
        <v>5387260</v>
      </c>
      <c r="II41" s="340">
        <v>39633898</v>
      </c>
      <c r="IJ41" s="341">
        <v>39633898</v>
      </c>
      <c r="IK41" s="342">
        <v>0</v>
      </c>
      <c r="IL41" s="343">
        <v>0</v>
      </c>
      <c r="IM41" s="344">
        <v>0</v>
      </c>
      <c r="IN41" s="404">
        <v>0</v>
      </c>
      <c r="IO41" s="345">
        <v>0</v>
      </c>
      <c r="IP41" s="345">
        <v>130398</v>
      </c>
      <c r="IQ41" s="345">
        <v>175063</v>
      </c>
      <c r="IR41" s="345">
        <v>0</v>
      </c>
      <c r="IS41" s="345">
        <v>0</v>
      </c>
      <c r="IT41" s="346">
        <v>305461</v>
      </c>
      <c r="IU41" s="347">
        <v>305461</v>
      </c>
      <c r="IV41" s="348">
        <v>0</v>
      </c>
      <c r="IW41" s="345">
        <v>0</v>
      </c>
      <c r="IX41" s="349">
        <v>0</v>
      </c>
      <c r="IY41" s="413">
        <v>0</v>
      </c>
      <c r="IZ41" s="345">
        <v>0</v>
      </c>
      <c r="JA41" s="345">
        <v>0</v>
      </c>
      <c r="JB41" s="345">
        <v>0</v>
      </c>
      <c r="JC41" s="345">
        <v>0</v>
      </c>
      <c r="JD41" s="345">
        <v>0</v>
      </c>
      <c r="JE41" s="349">
        <v>0</v>
      </c>
      <c r="JF41" s="350">
        <v>0</v>
      </c>
      <c r="JG41" s="348">
        <v>0</v>
      </c>
      <c r="JH41" s="345">
        <v>0</v>
      </c>
      <c r="JI41" s="346">
        <v>0</v>
      </c>
      <c r="JJ41" s="351">
        <v>0</v>
      </c>
      <c r="JK41" s="345">
        <v>3082048</v>
      </c>
      <c r="JL41" s="345">
        <v>2418331</v>
      </c>
      <c r="JM41" s="345">
        <v>4627461</v>
      </c>
      <c r="JN41" s="345">
        <v>2313883</v>
      </c>
      <c r="JO41" s="345">
        <v>3244526</v>
      </c>
      <c r="JP41" s="349">
        <v>15686249</v>
      </c>
      <c r="JQ41" s="347">
        <v>15686249</v>
      </c>
      <c r="JR41" s="348">
        <v>0</v>
      </c>
      <c r="JS41" s="345">
        <v>0</v>
      </c>
      <c r="JT41" s="346">
        <v>0</v>
      </c>
      <c r="JU41" s="351">
        <v>0</v>
      </c>
      <c r="JV41" s="345">
        <v>0</v>
      </c>
      <c r="JW41" s="345">
        <v>0</v>
      </c>
      <c r="JX41" s="345">
        <v>0</v>
      </c>
      <c r="JY41" s="345">
        <v>0</v>
      </c>
      <c r="JZ41" s="345">
        <v>0</v>
      </c>
      <c r="KA41" s="349">
        <v>0</v>
      </c>
      <c r="KB41" s="347">
        <v>0</v>
      </c>
      <c r="KC41" s="352">
        <v>0</v>
      </c>
      <c r="KD41" s="353">
        <v>0</v>
      </c>
      <c r="KE41" s="349">
        <v>0</v>
      </c>
      <c r="KF41" s="351">
        <v>0</v>
      </c>
      <c r="KG41" s="345">
        <v>2351892</v>
      </c>
      <c r="KH41" s="345">
        <v>2796726</v>
      </c>
      <c r="KI41" s="345">
        <v>2029305</v>
      </c>
      <c r="KJ41" s="345">
        <v>580827</v>
      </c>
      <c r="KK41" s="345">
        <v>622889</v>
      </c>
      <c r="KL41" s="349">
        <v>8381639</v>
      </c>
      <c r="KM41" s="354">
        <v>8381639</v>
      </c>
      <c r="KN41" s="342">
        <v>0</v>
      </c>
      <c r="KO41" s="343">
        <v>0</v>
      </c>
      <c r="KP41" s="344">
        <v>0</v>
      </c>
      <c r="KQ41" s="413">
        <v>0</v>
      </c>
      <c r="KR41" s="345">
        <v>1366072</v>
      </c>
      <c r="KS41" s="345">
        <v>5841550</v>
      </c>
      <c r="KT41" s="345">
        <v>3260752</v>
      </c>
      <c r="KU41" s="345">
        <v>3272330</v>
      </c>
      <c r="KV41" s="345">
        <v>1519845</v>
      </c>
      <c r="KW41" s="349">
        <v>15260549</v>
      </c>
      <c r="KX41" s="347">
        <v>15260549</v>
      </c>
      <c r="KY41" s="348">
        <v>0</v>
      </c>
      <c r="KZ41" s="345">
        <v>0</v>
      </c>
      <c r="LA41" s="349">
        <v>0</v>
      </c>
      <c r="LB41" s="413">
        <v>0</v>
      </c>
      <c r="LC41" s="345">
        <v>0</v>
      </c>
      <c r="LD41" s="345">
        <v>0</v>
      </c>
      <c r="LE41" s="345">
        <v>0</v>
      </c>
      <c r="LF41" s="345">
        <v>0</v>
      </c>
      <c r="LG41" s="345">
        <v>0</v>
      </c>
      <c r="LH41" s="349">
        <v>0</v>
      </c>
      <c r="LI41" s="350">
        <v>0</v>
      </c>
      <c r="LJ41" s="348">
        <v>0</v>
      </c>
      <c r="LK41" s="345">
        <v>0</v>
      </c>
      <c r="LL41" s="349">
        <v>0</v>
      </c>
      <c r="LM41" s="413">
        <v>0</v>
      </c>
      <c r="LN41" s="345">
        <v>0</v>
      </c>
      <c r="LO41" s="345">
        <v>0</v>
      </c>
      <c r="LP41" s="345">
        <v>0</v>
      </c>
      <c r="LQ41" s="345">
        <v>0</v>
      </c>
      <c r="LR41" s="345">
        <v>0</v>
      </c>
      <c r="LS41" s="349">
        <v>0</v>
      </c>
      <c r="LT41" s="347">
        <v>0</v>
      </c>
      <c r="LU41" s="348">
        <v>0</v>
      </c>
      <c r="LV41" s="345">
        <v>0</v>
      </c>
      <c r="LW41" s="349">
        <v>0</v>
      </c>
      <c r="LX41" s="413">
        <v>0</v>
      </c>
      <c r="LY41" s="345">
        <v>0</v>
      </c>
      <c r="LZ41" s="345">
        <v>0</v>
      </c>
      <c r="MA41" s="345">
        <v>0</v>
      </c>
      <c r="MB41" s="345">
        <v>0</v>
      </c>
      <c r="MC41" s="345">
        <v>0</v>
      </c>
      <c r="MD41" s="349">
        <v>0</v>
      </c>
      <c r="ME41" s="350">
        <v>0</v>
      </c>
      <c r="MF41" s="348">
        <v>0</v>
      </c>
      <c r="MG41" s="345">
        <v>0</v>
      </c>
      <c r="MH41" s="349">
        <v>0</v>
      </c>
      <c r="MI41" s="413">
        <v>0</v>
      </c>
      <c r="MJ41" s="345">
        <v>2940861</v>
      </c>
      <c r="MK41" s="345">
        <v>5774991</v>
      </c>
      <c r="ML41" s="345">
        <v>28265110</v>
      </c>
      <c r="MM41" s="345">
        <v>41054473</v>
      </c>
      <c r="MN41" s="345">
        <v>26386614</v>
      </c>
      <c r="MO41" s="349">
        <v>104422049</v>
      </c>
      <c r="MP41" s="354">
        <v>104422049</v>
      </c>
      <c r="MQ41" s="348">
        <v>0</v>
      </c>
      <c r="MR41" s="345">
        <v>0</v>
      </c>
      <c r="MS41" s="349">
        <v>0</v>
      </c>
      <c r="MT41" s="413">
        <v>0</v>
      </c>
      <c r="MU41" s="345">
        <v>0</v>
      </c>
      <c r="MV41" s="345">
        <v>1206014</v>
      </c>
      <c r="MW41" s="345">
        <v>17518869</v>
      </c>
      <c r="MX41" s="345">
        <v>23079608</v>
      </c>
      <c r="MY41" s="345">
        <v>18741276</v>
      </c>
      <c r="MZ41" s="349">
        <v>60545767</v>
      </c>
      <c r="NA41" s="354">
        <v>60545767</v>
      </c>
      <c r="NB41" s="348">
        <v>0</v>
      </c>
      <c r="NC41" s="345">
        <v>0</v>
      </c>
      <c r="ND41" s="349">
        <v>0</v>
      </c>
      <c r="NE41" s="413">
        <v>0</v>
      </c>
      <c r="NF41" s="345">
        <v>2940861</v>
      </c>
      <c r="NG41" s="345">
        <v>4568977</v>
      </c>
      <c r="NH41" s="345">
        <v>10746241</v>
      </c>
      <c r="NI41" s="345">
        <v>15603523</v>
      </c>
      <c r="NJ41" s="345">
        <v>5550337</v>
      </c>
      <c r="NK41" s="349">
        <v>39409939</v>
      </c>
      <c r="NL41" s="347">
        <v>39409939</v>
      </c>
      <c r="NM41" s="348">
        <v>0</v>
      </c>
      <c r="NN41" s="345">
        <v>0</v>
      </c>
      <c r="NO41" s="349">
        <v>0</v>
      </c>
      <c r="NP41" s="413">
        <v>0</v>
      </c>
      <c r="NQ41" s="345">
        <v>0</v>
      </c>
      <c r="NR41" s="345">
        <v>0</v>
      </c>
      <c r="NS41" s="345">
        <v>0</v>
      </c>
      <c r="NT41" s="345">
        <v>0</v>
      </c>
      <c r="NU41" s="345">
        <v>0</v>
      </c>
      <c r="NV41" s="349">
        <v>0</v>
      </c>
      <c r="NW41" s="350">
        <v>0</v>
      </c>
      <c r="NX41" s="348">
        <v>0</v>
      </c>
      <c r="NY41" s="345">
        <v>0</v>
      </c>
      <c r="NZ41" s="349">
        <v>0</v>
      </c>
      <c r="OA41" s="413">
        <v>0</v>
      </c>
      <c r="OB41" s="345">
        <v>0</v>
      </c>
      <c r="OC41" s="345">
        <v>0</v>
      </c>
      <c r="OD41" s="345">
        <v>0</v>
      </c>
      <c r="OE41" s="345">
        <v>2371342</v>
      </c>
      <c r="OF41" s="345">
        <v>2095001</v>
      </c>
      <c r="OG41" s="349">
        <v>4466343</v>
      </c>
      <c r="OH41" s="350">
        <v>4466343</v>
      </c>
      <c r="OI41" s="348">
        <v>1385131</v>
      </c>
      <c r="OJ41" s="345">
        <v>4070678</v>
      </c>
      <c r="OK41" s="346">
        <v>5455809</v>
      </c>
      <c r="OL41" s="351">
        <v>0</v>
      </c>
      <c r="OM41" s="345">
        <v>32025232</v>
      </c>
      <c r="ON41" s="345">
        <v>46156699</v>
      </c>
      <c r="OO41" s="345">
        <v>63574362</v>
      </c>
      <c r="OP41" s="345">
        <v>66244172</v>
      </c>
      <c r="OQ41" s="345">
        <v>51229704</v>
      </c>
      <c r="OR41" s="349">
        <v>259230169</v>
      </c>
      <c r="OS41" s="354">
        <v>264685978</v>
      </c>
    </row>
    <row r="42" spans="2:409" s="70" customFormat="1" ht="21" customHeight="1" thickBot="1" x14ac:dyDescent="0.25">
      <c r="B42" s="411" t="s">
        <v>37</v>
      </c>
      <c r="C42" s="371">
        <v>172643</v>
      </c>
      <c r="D42" s="372">
        <v>108107</v>
      </c>
      <c r="E42" s="373">
        <v>280750</v>
      </c>
      <c r="F42" s="374">
        <v>0</v>
      </c>
      <c r="G42" s="372">
        <v>1718775</v>
      </c>
      <c r="H42" s="372">
        <v>2530147</v>
      </c>
      <c r="I42" s="372">
        <v>2576822</v>
      </c>
      <c r="J42" s="372">
        <v>984978</v>
      </c>
      <c r="K42" s="372">
        <v>1006439</v>
      </c>
      <c r="L42" s="374">
        <v>8817161</v>
      </c>
      <c r="M42" s="375">
        <v>9097911</v>
      </c>
      <c r="N42" s="371">
        <v>36630</v>
      </c>
      <c r="O42" s="372">
        <v>17371</v>
      </c>
      <c r="P42" s="373">
        <v>54001</v>
      </c>
      <c r="Q42" s="371">
        <v>0</v>
      </c>
      <c r="R42" s="372">
        <v>431589</v>
      </c>
      <c r="S42" s="372">
        <v>529431</v>
      </c>
      <c r="T42" s="372">
        <v>741929</v>
      </c>
      <c r="U42" s="372">
        <v>342399</v>
      </c>
      <c r="V42" s="372">
        <v>600751</v>
      </c>
      <c r="W42" s="373">
        <v>2646099</v>
      </c>
      <c r="X42" s="375">
        <v>2700100</v>
      </c>
      <c r="Y42" s="371">
        <v>0</v>
      </c>
      <c r="Z42" s="372">
        <v>0</v>
      </c>
      <c r="AA42" s="373">
        <v>0</v>
      </c>
      <c r="AB42" s="371">
        <v>0</v>
      </c>
      <c r="AC42" s="372">
        <v>124966</v>
      </c>
      <c r="AD42" s="372">
        <v>206051</v>
      </c>
      <c r="AE42" s="372">
        <v>454423</v>
      </c>
      <c r="AF42" s="372">
        <v>3865</v>
      </c>
      <c r="AG42" s="372">
        <v>295339</v>
      </c>
      <c r="AH42" s="373">
        <v>1084644</v>
      </c>
      <c r="AI42" s="375">
        <v>1084644</v>
      </c>
      <c r="AJ42" s="371">
        <v>0</v>
      </c>
      <c r="AK42" s="372">
        <v>0</v>
      </c>
      <c r="AL42" s="373">
        <v>0</v>
      </c>
      <c r="AM42" s="371">
        <v>0</v>
      </c>
      <c r="AN42" s="372">
        <v>0</v>
      </c>
      <c r="AO42" s="372">
        <v>0</v>
      </c>
      <c r="AP42" s="372">
        <v>0</v>
      </c>
      <c r="AQ42" s="372">
        <v>0</v>
      </c>
      <c r="AR42" s="372">
        <v>0</v>
      </c>
      <c r="AS42" s="373">
        <v>0</v>
      </c>
      <c r="AT42" s="375">
        <v>0</v>
      </c>
      <c r="AU42" s="371">
        <v>26820</v>
      </c>
      <c r="AV42" s="372">
        <v>17371</v>
      </c>
      <c r="AW42" s="373">
        <v>44191</v>
      </c>
      <c r="AX42" s="371">
        <v>0</v>
      </c>
      <c r="AY42" s="372">
        <v>167986</v>
      </c>
      <c r="AZ42" s="372">
        <v>282731</v>
      </c>
      <c r="BA42" s="372">
        <v>173962</v>
      </c>
      <c r="BB42" s="372">
        <v>140830</v>
      </c>
      <c r="BC42" s="372">
        <v>190620</v>
      </c>
      <c r="BD42" s="373">
        <v>956129</v>
      </c>
      <c r="BE42" s="375">
        <v>1000320</v>
      </c>
      <c r="BF42" s="371">
        <v>0</v>
      </c>
      <c r="BG42" s="372">
        <v>0</v>
      </c>
      <c r="BH42" s="376">
        <v>0</v>
      </c>
      <c r="BI42" s="377">
        <v>0</v>
      </c>
      <c r="BJ42" s="372">
        <v>20935</v>
      </c>
      <c r="BK42" s="372">
        <v>30605</v>
      </c>
      <c r="BL42" s="372">
        <v>0</v>
      </c>
      <c r="BM42" s="372">
        <v>36199</v>
      </c>
      <c r="BN42" s="372">
        <v>14649</v>
      </c>
      <c r="BO42" s="373">
        <v>102388</v>
      </c>
      <c r="BP42" s="375">
        <v>102388</v>
      </c>
      <c r="BQ42" s="371">
        <v>9810</v>
      </c>
      <c r="BR42" s="372">
        <v>0</v>
      </c>
      <c r="BS42" s="373">
        <v>9810</v>
      </c>
      <c r="BT42" s="371">
        <v>0</v>
      </c>
      <c r="BU42" s="372">
        <v>117702</v>
      </c>
      <c r="BV42" s="372">
        <v>10044</v>
      </c>
      <c r="BW42" s="372">
        <v>113544</v>
      </c>
      <c r="BX42" s="372">
        <v>161505</v>
      </c>
      <c r="BY42" s="372">
        <v>100143</v>
      </c>
      <c r="BZ42" s="373">
        <v>502938</v>
      </c>
      <c r="CA42" s="375">
        <v>512748</v>
      </c>
      <c r="CB42" s="371">
        <v>24620</v>
      </c>
      <c r="CC42" s="372">
        <v>47038</v>
      </c>
      <c r="CD42" s="373">
        <v>71658</v>
      </c>
      <c r="CE42" s="371">
        <v>0</v>
      </c>
      <c r="CF42" s="372">
        <v>682336</v>
      </c>
      <c r="CG42" s="372">
        <v>834907</v>
      </c>
      <c r="CH42" s="372">
        <v>895954</v>
      </c>
      <c r="CI42" s="372">
        <v>271934</v>
      </c>
      <c r="CJ42" s="372">
        <v>111482</v>
      </c>
      <c r="CK42" s="373">
        <v>2796613</v>
      </c>
      <c r="CL42" s="375">
        <v>2868271</v>
      </c>
      <c r="CM42" s="371">
        <v>0</v>
      </c>
      <c r="CN42" s="372">
        <v>0</v>
      </c>
      <c r="CO42" s="373">
        <v>0</v>
      </c>
      <c r="CP42" s="377">
        <v>0</v>
      </c>
      <c r="CQ42" s="372">
        <v>316348</v>
      </c>
      <c r="CR42" s="372">
        <v>323881</v>
      </c>
      <c r="CS42" s="372">
        <v>760794</v>
      </c>
      <c r="CT42" s="372">
        <v>79901</v>
      </c>
      <c r="CU42" s="372">
        <v>43244</v>
      </c>
      <c r="CV42" s="373">
        <v>1524168</v>
      </c>
      <c r="CW42" s="375">
        <v>1524168</v>
      </c>
      <c r="CX42" s="371">
        <v>24620</v>
      </c>
      <c r="CY42" s="372">
        <v>47038</v>
      </c>
      <c r="CZ42" s="373">
        <v>71658</v>
      </c>
      <c r="DA42" s="371">
        <v>0</v>
      </c>
      <c r="DB42" s="372">
        <v>365988</v>
      </c>
      <c r="DC42" s="372">
        <v>511026</v>
      </c>
      <c r="DD42" s="372">
        <v>135160</v>
      </c>
      <c r="DE42" s="372">
        <v>192033</v>
      </c>
      <c r="DF42" s="372">
        <v>68238</v>
      </c>
      <c r="DG42" s="373">
        <v>1272445</v>
      </c>
      <c r="DH42" s="375">
        <v>1344103</v>
      </c>
      <c r="DI42" s="371">
        <v>0</v>
      </c>
      <c r="DJ42" s="372">
        <v>0</v>
      </c>
      <c r="DK42" s="376">
        <v>0</v>
      </c>
      <c r="DL42" s="377">
        <v>0</v>
      </c>
      <c r="DM42" s="372">
        <v>74583</v>
      </c>
      <c r="DN42" s="372">
        <v>147225</v>
      </c>
      <c r="DO42" s="372">
        <v>300937</v>
      </c>
      <c r="DP42" s="372">
        <v>81115</v>
      </c>
      <c r="DQ42" s="372">
        <v>123981</v>
      </c>
      <c r="DR42" s="373">
        <v>727841</v>
      </c>
      <c r="DS42" s="375">
        <v>727841</v>
      </c>
      <c r="DT42" s="371">
        <v>0</v>
      </c>
      <c r="DU42" s="372">
        <v>0</v>
      </c>
      <c r="DV42" s="373">
        <v>0</v>
      </c>
      <c r="DW42" s="371">
        <v>0</v>
      </c>
      <c r="DX42" s="372">
        <v>74583</v>
      </c>
      <c r="DY42" s="372">
        <v>147225</v>
      </c>
      <c r="DZ42" s="372">
        <v>300937</v>
      </c>
      <c r="EA42" s="372">
        <v>41687</v>
      </c>
      <c r="EB42" s="372">
        <v>0</v>
      </c>
      <c r="EC42" s="373">
        <v>564432</v>
      </c>
      <c r="ED42" s="375">
        <v>564432</v>
      </c>
      <c r="EE42" s="371">
        <v>0</v>
      </c>
      <c r="EF42" s="376">
        <v>0</v>
      </c>
      <c r="EG42" s="373">
        <v>0</v>
      </c>
      <c r="EH42" s="371">
        <v>0</v>
      </c>
      <c r="EI42" s="372">
        <v>0</v>
      </c>
      <c r="EJ42" s="372">
        <v>0</v>
      </c>
      <c r="EK42" s="372">
        <v>0</v>
      </c>
      <c r="EL42" s="372">
        <v>39428</v>
      </c>
      <c r="EM42" s="372">
        <v>123981</v>
      </c>
      <c r="EN42" s="376">
        <v>163409</v>
      </c>
      <c r="EO42" s="375">
        <v>163409</v>
      </c>
      <c r="EP42" s="371">
        <v>0</v>
      </c>
      <c r="EQ42" s="372">
        <v>0</v>
      </c>
      <c r="ER42" s="376">
        <v>0</v>
      </c>
      <c r="ES42" s="377">
        <v>0</v>
      </c>
      <c r="ET42" s="372">
        <v>0</v>
      </c>
      <c r="EU42" s="372">
        <v>0</v>
      </c>
      <c r="EV42" s="372">
        <v>0</v>
      </c>
      <c r="EW42" s="372">
        <v>0</v>
      </c>
      <c r="EX42" s="372">
        <v>0</v>
      </c>
      <c r="EY42" s="373">
        <v>0</v>
      </c>
      <c r="EZ42" s="375">
        <v>0</v>
      </c>
      <c r="FA42" s="371">
        <v>0</v>
      </c>
      <c r="FB42" s="372">
        <v>0</v>
      </c>
      <c r="FC42" s="376">
        <v>0</v>
      </c>
      <c r="FD42" s="377">
        <v>0</v>
      </c>
      <c r="FE42" s="372">
        <v>0</v>
      </c>
      <c r="FF42" s="372">
        <v>0</v>
      </c>
      <c r="FG42" s="372">
        <v>0</v>
      </c>
      <c r="FH42" s="372">
        <v>0</v>
      </c>
      <c r="FI42" s="372">
        <v>0</v>
      </c>
      <c r="FJ42" s="373">
        <v>0</v>
      </c>
      <c r="FK42" s="375">
        <v>0</v>
      </c>
      <c r="FL42" s="371">
        <v>61200</v>
      </c>
      <c r="FM42" s="372">
        <v>17757</v>
      </c>
      <c r="FN42" s="373">
        <v>78957</v>
      </c>
      <c r="FO42" s="371">
        <v>0</v>
      </c>
      <c r="FP42" s="372">
        <v>156315</v>
      </c>
      <c r="FQ42" s="372">
        <v>551019</v>
      </c>
      <c r="FR42" s="372">
        <v>266850</v>
      </c>
      <c r="FS42" s="372">
        <v>148806</v>
      </c>
      <c r="FT42" s="372">
        <v>97010</v>
      </c>
      <c r="FU42" s="373">
        <v>1220000</v>
      </c>
      <c r="FV42" s="375">
        <v>1298957</v>
      </c>
      <c r="FW42" s="378">
        <v>61200</v>
      </c>
      <c r="FX42" s="372">
        <v>17757</v>
      </c>
      <c r="FY42" s="376">
        <v>78957</v>
      </c>
      <c r="FZ42" s="377">
        <v>0</v>
      </c>
      <c r="GA42" s="372">
        <v>156315</v>
      </c>
      <c r="GB42" s="372">
        <v>368051</v>
      </c>
      <c r="GC42" s="372">
        <v>266850</v>
      </c>
      <c r="GD42" s="372">
        <v>148806</v>
      </c>
      <c r="GE42" s="372">
        <v>97010</v>
      </c>
      <c r="GF42" s="373">
        <v>1037032</v>
      </c>
      <c r="GG42" s="379">
        <v>1115989</v>
      </c>
      <c r="GH42" s="378">
        <v>0</v>
      </c>
      <c r="GI42" s="372">
        <v>0</v>
      </c>
      <c r="GJ42" s="376">
        <v>0</v>
      </c>
      <c r="GK42" s="377">
        <v>0</v>
      </c>
      <c r="GL42" s="372">
        <v>0</v>
      </c>
      <c r="GM42" s="372">
        <v>2968</v>
      </c>
      <c r="GN42" s="372">
        <v>0</v>
      </c>
      <c r="GO42" s="372">
        <v>0</v>
      </c>
      <c r="GP42" s="372">
        <v>0</v>
      </c>
      <c r="GQ42" s="373">
        <v>2968</v>
      </c>
      <c r="GR42" s="375">
        <v>2968</v>
      </c>
      <c r="GS42" s="371">
        <v>0</v>
      </c>
      <c r="GT42" s="372">
        <v>0</v>
      </c>
      <c r="GU42" s="373">
        <v>0</v>
      </c>
      <c r="GV42" s="371">
        <v>0</v>
      </c>
      <c r="GW42" s="372">
        <v>0</v>
      </c>
      <c r="GX42" s="372">
        <v>180000</v>
      </c>
      <c r="GY42" s="372">
        <v>0</v>
      </c>
      <c r="GZ42" s="372">
        <v>0</v>
      </c>
      <c r="HA42" s="372">
        <v>0</v>
      </c>
      <c r="HB42" s="376">
        <v>180000</v>
      </c>
      <c r="HC42" s="375">
        <v>180000</v>
      </c>
      <c r="HD42" s="371">
        <v>0</v>
      </c>
      <c r="HE42" s="372">
        <v>0</v>
      </c>
      <c r="HF42" s="376">
        <v>0</v>
      </c>
      <c r="HG42" s="377">
        <v>0</v>
      </c>
      <c r="HH42" s="372">
        <v>0</v>
      </c>
      <c r="HI42" s="372">
        <v>0</v>
      </c>
      <c r="HJ42" s="372">
        <v>0</v>
      </c>
      <c r="HK42" s="372">
        <v>0</v>
      </c>
      <c r="HL42" s="372">
        <v>0</v>
      </c>
      <c r="HM42" s="373">
        <v>0</v>
      </c>
      <c r="HN42" s="374">
        <v>0</v>
      </c>
      <c r="HO42" s="378">
        <v>50193</v>
      </c>
      <c r="HP42" s="372">
        <v>25941</v>
      </c>
      <c r="HQ42" s="373">
        <v>76134</v>
      </c>
      <c r="HR42" s="371">
        <v>0</v>
      </c>
      <c r="HS42" s="372">
        <v>373952</v>
      </c>
      <c r="HT42" s="372">
        <v>467565</v>
      </c>
      <c r="HU42" s="372">
        <v>371152</v>
      </c>
      <c r="HV42" s="372">
        <v>140724</v>
      </c>
      <c r="HW42" s="372">
        <v>73215</v>
      </c>
      <c r="HX42" s="376">
        <v>1426608</v>
      </c>
      <c r="HY42" s="375">
        <v>1502742</v>
      </c>
      <c r="HZ42" s="380">
        <v>0</v>
      </c>
      <c r="IA42" s="381">
        <v>0</v>
      </c>
      <c r="IB42" s="382">
        <v>0</v>
      </c>
      <c r="IC42" s="383">
        <v>0</v>
      </c>
      <c r="ID42" s="384">
        <v>1703039</v>
      </c>
      <c r="IE42" s="385">
        <v>677588</v>
      </c>
      <c r="IF42" s="386">
        <v>1387062</v>
      </c>
      <c r="IG42" s="384">
        <v>2149634</v>
      </c>
      <c r="IH42" s="386">
        <v>664128</v>
      </c>
      <c r="II42" s="387">
        <v>6581451</v>
      </c>
      <c r="IJ42" s="388">
        <v>6581451</v>
      </c>
      <c r="IK42" s="389">
        <v>0</v>
      </c>
      <c r="IL42" s="390">
        <v>0</v>
      </c>
      <c r="IM42" s="391">
        <v>0</v>
      </c>
      <c r="IN42" s="405">
        <v>0</v>
      </c>
      <c r="IO42" s="392">
        <v>0</v>
      </c>
      <c r="IP42" s="392">
        <v>0</v>
      </c>
      <c r="IQ42" s="392">
        <v>0</v>
      </c>
      <c r="IR42" s="392">
        <v>215942</v>
      </c>
      <c r="IS42" s="392">
        <v>0</v>
      </c>
      <c r="IT42" s="393">
        <v>215942</v>
      </c>
      <c r="IU42" s="394">
        <v>215942</v>
      </c>
      <c r="IV42" s="395">
        <v>0</v>
      </c>
      <c r="IW42" s="392">
        <v>0</v>
      </c>
      <c r="IX42" s="396">
        <v>0</v>
      </c>
      <c r="IY42" s="414">
        <v>0</v>
      </c>
      <c r="IZ42" s="392">
        <v>0</v>
      </c>
      <c r="JA42" s="392">
        <v>0</v>
      </c>
      <c r="JB42" s="392">
        <v>0</v>
      </c>
      <c r="JC42" s="392">
        <v>0</v>
      </c>
      <c r="JD42" s="392">
        <v>0</v>
      </c>
      <c r="JE42" s="396">
        <v>0</v>
      </c>
      <c r="JF42" s="397">
        <v>0</v>
      </c>
      <c r="JG42" s="395">
        <v>0</v>
      </c>
      <c r="JH42" s="392">
        <v>0</v>
      </c>
      <c r="JI42" s="393">
        <v>0</v>
      </c>
      <c r="JJ42" s="398">
        <v>0</v>
      </c>
      <c r="JK42" s="392">
        <v>859128</v>
      </c>
      <c r="JL42" s="392">
        <v>677588</v>
      </c>
      <c r="JM42" s="392">
        <v>808194</v>
      </c>
      <c r="JN42" s="392">
        <v>164700</v>
      </c>
      <c r="JO42" s="392">
        <v>62982</v>
      </c>
      <c r="JP42" s="396">
        <v>2572592</v>
      </c>
      <c r="JQ42" s="394">
        <v>2572592</v>
      </c>
      <c r="JR42" s="395">
        <v>0</v>
      </c>
      <c r="JS42" s="392">
        <v>0</v>
      </c>
      <c r="JT42" s="393">
        <v>0</v>
      </c>
      <c r="JU42" s="398">
        <v>0</v>
      </c>
      <c r="JV42" s="392">
        <v>38414</v>
      </c>
      <c r="JW42" s="392">
        <v>0</v>
      </c>
      <c r="JX42" s="392">
        <v>0</v>
      </c>
      <c r="JY42" s="392">
        <v>0</v>
      </c>
      <c r="JZ42" s="392">
        <v>0</v>
      </c>
      <c r="KA42" s="396">
        <v>38414</v>
      </c>
      <c r="KB42" s="394">
        <v>38414</v>
      </c>
      <c r="KC42" s="399">
        <v>0</v>
      </c>
      <c r="KD42" s="400">
        <v>0</v>
      </c>
      <c r="KE42" s="396">
        <v>0</v>
      </c>
      <c r="KF42" s="398">
        <v>0</v>
      </c>
      <c r="KG42" s="392">
        <v>0</v>
      </c>
      <c r="KH42" s="392">
        <v>0</v>
      </c>
      <c r="KI42" s="392">
        <v>0</v>
      </c>
      <c r="KJ42" s="392">
        <v>0</v>
      </c>
      <c r="KK42" s="392">
        <v>0</v>
      </c>
      <c r="KL42" s="396">
        <v>0</v>
      </c>
      <c r="KM42" s="401">
        <v>0</v>
      </c>
      <c r="KN42" s="389">
        <v>0</v>
      </c>
      <c r="KO42" s="390">
        <v>0</v>
      </c>
      <c r="KP42" s="391">
        <v>0</v>
      </c>
      <c r="KQ42" s="414">
        <v>0</v>
      </c>
      <c r="KR42" s="392">
        <v>805497</v>
      </c>
      <c r="KS42" s="392">
        <v>0</v>
      </c>
      <c r="KT42" s="392">
        <v>578868</v>
      </c>
      <c r="KU42" s="392">
        <v>1768992</v>
      </c>
      <c r="KV42" s="392">
        <v>601146</v>
      </c>
      <c r="KW42" s="396">
        <v>3754503</v>
      </c>
      <c r="KX42" s="394">
        <v>3754503</v>
      </c>
      <c r="KY42" s="395">
        <v>0</v>
      </c>
      <c r="KZ42" s="392">
        <v>0</v>
      </c>
      <c r="LA42" s="396">
        <v>0</v>
      </c>
      <c r="LB42" s="414">
        <v>0</v>
      </c>
      <c r="LC42" s="392">
        <v>0</v>
      </c>
      <c r="LD42" s="392">
        <v>0</v>
      </c>
      <c r="LE42" s="392">
        <v>0</v>
      </c>
      <c r="LF42" s="392">
        <v>0</v>
      </c>
      <c r="LG42" s="392">
        <v>0</v>
      </c>
      <c r="LH42" s="396">
        <v>0</v>
      </c>
      <c r="LI42" s="397">
        <v>0</v>
      </c>
      <c r="LJ42" s="395">
        <v>0</v>
      </c>
      <c r="LK42" s="392">
        <v>0</v>
      </c>
      <c r="LL42" s="396">
        <v>0</v>
      </c>
      <c r="LM42" s="414">
        <v>0</v>
      </c>
      <c r="LN42" s="392">
        <v>0</v>
      </c>
      <c r="LO42" s="392">
        <v>0</v>
      </c>
      <c r="LP42" s="392">
        <v>0</v>
      </c>
      <c r="LQ42" s="392">
        <v>0</v>
      </c>
      <c r="LR42" s="392">
        <v>0</v>
      </c>
      <c r="LS42" s="396">
        <v>0</v>
      </c>
      <c r="LT42" s="394">
        <v>0</v>
      </c>
      <c r="LU42" s="395">
        <v>0</v>
      </c>
      <c r="LV42" s="392">
        <v>0</v>
      </c>
      <c r="LW42" s="396">
        <v>0</v>
      </c>
      <c r="LX42" s="414">
        <v>0</v>
      </c>
      <c r="LY42" s="392">
        <v>0</v>
      </c>
      <c r="LZ42" s="392">
        <v>0</v>
      </c>
      <c r="MA42" s="392">
        <v>0</v>
      </c>
      <c r="MB42" s="392">
        <v>0</v>
      </c>
      <c r="MC42" s="392">
        <v>0</v>
      </c>
      <c r="MD42" s="396">
        <v>0</v>
      </c>
      <c r="ME42" s="397">
        <v>0</v>
      </c>
      <c r="MF42" s="395">
        <v>0</v>
      </c>
      <c r="MG42" s="392">
        <v>0</v>
      </c>
      <c r="MH42" s="396">
        <v>0</v>
      </c>
      <c r="MI42" s="414">
        <v>0</v>
      </c>
      <c r="MJ42" s="392">
        <v>258177</v>
      </c>
      <c r="MK42" s="392">
        <v>553202</v>
      </c>
      <c r="ML42" s="392">
        <v>3661837</v>
      </c>
      <c r="MM42" s="392">
        <v>3432111</v>
      </c>
      <c r="MN42" s="392">
        <v>4261544</v>
      </c>
      <c r="MO42" s="396">
        <v>12166871</v>
      </c>
      <c r="MP42" s="401">
        <v>12166871</v>
      </c>
      <c r="MQ42" s="395">
        <v>0</v>
      </c>
      <c r="MR42" s="392">
        <v>0</v>
      </c>
      <c r="MS42" s="396">
        <v>0</v>
      </c>
      <c r="MT42" s="414">
        <v>0</v>
      </c>
      <c r="MU42" s="392">
        <v>0</v>
      </c>
      <c r="MV42" s="392">
        <v>0</v>
      </c>
      <c r="MW42" s="392">
        <v>1693754</v>
      </c>
      <c r="MX42" s="392">
        <v>2848203</v>
      </c>
      <c r="MY42" s="392">
        <v>2179482</v>
      </c>
      <c r="MZ42" s="396">
        <v>6721439</v>
      </c>
      <c r="NA42" s="401">
        <v>6721439</v>
      </c>
      <c r="NB42" s="395">
        <v>0</v>
      </c>
      <c r="NC42" s="392">
        <v>0</v>
      </c>
      <c r="ND42" s="396">
        <v>0</v>
      </c>
      <c r="NE42" s="414">
        <v>0</v>
      </c>
      <c r="NF42" s="392">
        <v>258177</v>
      </c>
      <c r="NG42" s="392">
        <v>553202</v>
      </c>
      <c r="NH42" s="392">
        <v>1968083</v>
      </c>
      <c r="NI42" s="392">
        <v>583908</v>
      </c>
      <c r="NJ42" s="392">
        <v>1657116</v>
      </c>
      <c r="NK42" s="396">
        <v>5020486</v>
      </c>
      <c r="NL42" s="394">
        <v>5020486</v>
      </c>
      <c r="NM42" s="395">
        <v>0</v>
      </c>
      <c r="NN42" s="392">
        <v>0</v>
      </c>
      <c r="NO42" s="396">
        <v>0</v>
      </c>
      <c r="NP42" s="414">
        <v>0</v>
      </c>
      <c r="NQ42" s="392">
        <v>0</v>
      </c>
      <c r="NR42" s="392">
        <v>0</v>
      </c>
      <c r="NS42" s="392">
        <v>0</v>
      </c>
      <c r="NT42" s="392">
        <v>0</v>
      </c>
      <c r="NU42" s="392">
        <v>0</v>
      </c>
      <c r="NV42" s="396">
        <v>0</v>
      </c>
      <c r="NW42" s="397">
        <v>0</v>
      </c>
      <c r="NX42" s="395">
        <v>0</v>
      </c>
      <c r="NY42" s="392">
        <v>0</v>
      </c>
      <c r="NZ42" s="396">
        <v>0</v>
      </c>
      <c r="OA42" s="414">
        <v>0</v>
      </c>
      <c r="OB42" s="392">
        <v>0</v>
      </c>
      <c r="OC42" s="392">
        <v>0</v>
      </c>
      <c r="OD42" s="392">
        <v>0</v>
      </c>
      <c r="OE42" s="392">
        <v>0</v>
      </c>
      <c r="OF42" s="392">
        <v>424946</v>
      </c>
      <c r="OG42" s="396">
        <v>424946</v>
      </c>
      <c r="OH42" s="397">
        <v>424946</v>
      </c>
      <c r="OI42" s="395">
        <v>172643</v>
      </c>
      <c r="OJ42" s="392">
        <v>108107</v>
      </c>
      <c r="OK42" s="393">
        <v>280750</v>
      </c>
      <c r="OL42" s="398">
        <v>0</v>
      </c>
      <c r="OM42" s="392">
        <v>3679991</v>
      </c>
      <c r="ON42" s="392">
        <v>3760937</v>
      </c>
      <c r="OO42" s="392">
        <v>7625721</v>
      </c>
      <c r="OP42" s="392">
        <v>6566723</v>
      </c>
      <c r="OQ42" s="392">
        <v>5932111</v>
      </c>
      <c r="OR42" s="396">
        <v>27565483</v>
      </c>
      <c r="OS42" s="401">
        <v>27846233</v>
      </c>
    </row>
    <row r="43" spans="2:409" x14ac:dyDescent="0.2">
      <c r="B43" s="71" t="s">
        <v>84</v>
      </c>
    </row>
  </sheetData>
  <mergeCells count="159">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DT7:DV7"/>
    <mergeCell ref="DW7:EC7"/>
    <mergeCell ref="ED7:ED8"/>
    <mergeCell ref="DL7:DR7"/>
    <mergeCell ref="CM7:CO7"/>
    <mergeCell ref="CP7:CV7"/>
    <mergeCell ref="CW7:CW8"/>
    <mergeCell ref="CX7:CZ7"/>
    <mergeCell ref="DA7:DG7"/>
    <mergeCell ref="DH7:DH8"/>
    <mergeCell ref="DI7:DK7"/>
    <mergeCell ref="CL7:CL8"/>
    <mergeCell ref="BI7:BO7"/>
    <mergeCell ref="BP7:BP8"/>
    <mergeCell ref="BQ7:BS7"/>
    <mergeCell ref="BT7:BZ7"/>
    <mergeCell ref="BF7:BH7"/>
    <mergeCell ref="CA7:CA8"/>
    <mergeCell ref="CB7:CD7"/>
    <mergeCell ref="CE7:CK7"/>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LI7:LI8"/>
    <mergeCell ref="LJ7:LL7"/>
    <mergeCell ref="KC7:KE7"/>
    <mergeCell ref="KF7:KL7"/>
    <mergeCell ref="KM7:KM8"/>
    <mergeCell ref="KN7:KP7"/>
    <mergeCell ref="KQ7:KW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I2" sqref="I2"/>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21875" style="71" customWidth="1"/>
    <col min="7" max="8" width="10" style="71" customWidth="1"/>
    <col min="9" max="9" width="9.88671875" style="71" customWidth="1"/>
    <col min="10" max="10" width="9.77734375" style="71" customWidth="1"/>
    <col min="11" max="11" width="9.88671875" style="71" customWidth="1"/>
    <col min="12" max="12" width="10.88671875" style="71" customWidth="1"/>
    <col min="13" max="13" width="11.109375" style="71" customWidth="1"/>
    <col min="14" max="16" width="8.21875" style="71" customWidth="1"/>
    <col min="17" max="17" width="7.21875" style="71" customWidth="1"/>
    <col min="18" max="18" width="10" style="71" customWidth="1"/>
    <col min="19" max="19" width="10.109375" style="71" customWidth="1"/>
    <col min="20" max="20" width="9.109375" style="71" customWidth="1"/>
    <col min="21" max="21" width="9.77734375" style="71" customWidth="1"/>
    <col min="22" max="22" width="10.33203125" style="71" customWidth="1"/>
    <col min="23" max="23" width="10.44140625" style="71" customWidth="1"/>
    <col min="24" max="24" width="11" style="71" customWidth="1"/>
    <col min="25" max="27" width="8.21875" style="71" customWidth="1"/>
    <col min="28" max="28" width="7" style="71" customWidth="1"/>
    <col min="29" max="33" width="8.21875" style="71" customWidth="1"/>
    <col min="34" max="34" width="10.6640625" style="71" customWidth="1"/>
    <col min="35" max="35" width="10" style="71" customWidth="1"/>
    <col min="36" max="38" width="8.21875" style="71" customWidth="1"/>
    <col min="39" max="39" width="7" style="71" customWidth="1"/>
    <col min="40" max="49" width="8.21875" style="71" customWidth="1"/>
    <col min="50" max="50" width="7.21875" style="71" customWidth="1"/>
    <col min="51" max="55" width="8.21875" style="71" customWidth="1"/>
    <col min="56" max="57" width="9.33203125" style="71" customWidth="1"/>
    <col min="58" max="60" width="8.21875" style="71" customWidth="1"/>
    <col min="61" max="61" width="6.88671875" style="71" customWidth="1"/>
    <col min="62" max="71" width="8.21875" style="71" customWidth="1"/>
    <col min="72" max="72" width="7.21875" style="71" customWidth="1"/>
    <col min="73" max="79" width="8.21875" style="71" customWidth="1"/>
    <col min="80" max="82" width="8.21875" style="247" customWidth="1"/>
    <col min="83" max="83" width="7.6640625" style="247" customWidth="1"/>
    <col min="84" max="84" width="9.88671875" style="247" customWidth="1"/>
    <col min="85" max="85" width="10" style="247" customWidth="1"/>
    <col min="86" max="86" width="9.77734375" style="247" customWidth="1"/>
    <col min="87" max="87" width="9.21875" style="247" customWidth="1"/>
    <col min="88" max="88" width="8.77734375" style="247" customWidth="1"/>
    <col min="89" max="89" width="9.88671875" style="247" customWidth="1"/>
    <col min="90" max="90" width="9.77734375" style="247" customWidth="1"/>
    <col min="91" max="93" width="8.21875" style="71" customWidth="1"/>
    <col min="94" max="94" width="7.33203125" style="71" customWidth="1"/>
    <col min="95" max="95" width="9.88671875" style="71" bestFit="1" customWidth="1"/>
    <col min="96" max="96" width="10" style="71" customWidth="1"/>
    <col min="97" max="97" width="9.6640625" style="71" customWidth="1"/>
    <col min="98" max="99" width="8.21875" style="71" customWidth="1"/>
    <col min="100" max="101" width="9.88671875" style="71" customWidth="1"/>
    <col min="102" max="104" width="8.21875" style="71" customWidth="1"/>
    <col min="105" max="105" width="7.44140625" style="71" customWidth="1"/>
    <col min="106" max="110" width="8.21875" style="71" customWidth="1"/>
    <col min="111" max="111" width="10" style="71" customWidth="1"/>
    <col min="112" max="112" width="9.88671875" style="71" customWidth="1"/>
    <col min="113" max="115" width="8.21875" style="247" customWidth="1"/>
    <col min="116" max="116" width="7.21875" style="247" customWidth="1"/>
    <col min="117" max="121" width="8.21875" style="247" customWidth="1"/>
    <col min="122" max="122" width="10.109375" style="247" customWidth="1"/>
    <col min="123" max="123" width="9.77734375" style="247" customWidth="1"/>
    <col min="124" max="126" width="8.21875" style="71" customWidth="1"/>
    <col min="127" max="127" width="7.33203125" style="71" customWidth="1"/>
    <col min="128" max="132" width="8.21875" style="71" customWidth="1"/>
    <col min="133" max="133" width="10.33203125" style="71" customWidth="1"/>
    <col min="134" max="134" width="10.109375" style="71" customWidth="1"/>
    <col min="135" max="137" width="8.21875" style="71" customWidth="1"/>
    <col min="138" max="138" width="7.109375" style="71" customWidth="1"/>
    <col min="139" max="148" width="8.21875" style="71" customWidth="1"/>
    <col min="149" max="149" width="7.21875" style="71" customWidth="1"/>
    <col min="150" max="159" width="8.21875" style="71" customWidth="1"/>
    <col min="160" max="160" width="7.21875" style="71" customWidth="1"/>
    <col min="161" max="167" width="8.21875" style="71" customWidth="1"/>
    <col min="168" max="170" width="8.21875" style="247" customWidth="1"/>
    <col min="171" max="171" width="6.6640625" style="247" customWidth="1"/>
    <col min="172" max="176" width="8.21875" style="247" customWidth="1"/>
    <col min="177" max="177" width="10.109375" style="247" customWidth="1"/>
    <col min="178" max="178" width="9.88671875" style="247" customWidth="1"/>
    <col min="179" max="181" width="8.21875" style="71" customWidth="1"/>
    <col min="182" max="182" width="7.33203125" style="71" customWidth="1"/>
    <col min="183" max="187" width="8.21875" style="71" customWidth="1"/>
    <col min="188" max="188" width="10" style="71" customWidth="1"/>
    <col min="189" max="189" width="10.6640625" style="71" customWidth="1"/>
    <col min="190" max="192" width="8.21875" style="71" customWidth="1"/>
    <col min="193" max="193" width="7.21875" style="71" customWidth="1"/>
    <col min="194" max="203" width="8.21875" style="71" customWidth="1"/>
    <col min="204" max="204" width="7.109375" style="71" customWidth="1"/>
    <col min="205" max="214" width="8.21875" style="71" customWidth="1"/>
    <col min="215" max="215" width="7.109375" style="71" customWidth="1"/>
    <col min="216" max="220" width="8.21875" style="71" customWidth="1"/>
    <col min="221" max="222" width="9.77734375" style="71" customWidth="1"/>
    <col min="223" max="225" width="8.21875" style="71" customWidth="1"/>
    <col min="226" max="226" width="7.21875" style="71" customWidth="1"/>
    <col min="227" max="231" width="8.2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1:409" ht="24" customHeight="1" x14ac:dyDescent="0.2">
      <c r="B1" s="10" t="s">
        <v>133</v>
      </c>
      <c r="E1" s="63">
        <f>第１表!F2</f>
        <v>6</v>
      </c>
      <c r="F1" s="418">
        <f>第１表!G2</f>
        <v>10</v>
      </c>
      <c r="G1" s="573">
        <f>IF(F1&lt;3,F1-2+12,F1-2)</f>
        <v>8</v>
      </c>
      <c r="H1" s="573"/>
      <c r="IB1" s="42"/>
      <c r="IC1" s="22"/>
      <c r="ID1" s="548"/>
      <c r="IE1" s="548"/>
    </row>
    <row r="2" spans="1:409" ht="24" customHeight="1" x14ac:dyDescent="0.2">
      <c r="B2" s="10" t="s">
        <v>144</v>
      </c>
      <c r="E2" s="19"/>
      <c r="F2" s="20"/>
      <c r="G2" s="248"/>
      <c r="H2" s="248"/>
      <c r="IB2" s="21"/>
      <c r="IC2" s="22"/>
      <c r="ID2" s="248"/>
      <c r="IE2" s="248"/>
    </row>
    <row r="3" spans="1:409" ht="24" customHeight="1" thickBot="1" x14ac:dyDescent="0.25">
      <c r="B3" s="10" t="s">
        <v>134</v>
      </c>
    </row>
    <row r="4" spans="1:409" ht="21" customHeight="1" thickBot="1" x14ac:dyDescent="0.25">
      <c r="B4" s="555" t="s">
        <v>42</v>
      </c>
      <c r="C4" s="558" t="s">
        <v>63</v>
      </c>
      <c r="D4" s="558"/>
      <c r="E4" s="558"/>
      <c r="F4" s="558"/>
      <c r="G4" s="558"/>
      <c r="H4" s="558"/>
      <c r="I4" s="558"/>
      <c r="J4" s="558"/>
      <c r="K4" s="558"/>
      <c r="L4" s="558"/>
      <c r="M4" s="558"/>
      <c r="N4" s="521"/>
      <c r="O4" s="521"/>
      <c r="P4" s="521"/>
      <c r="Q4" s="521"/>
      <c r="R4" s="521"/>
      <c r="S4" s="521"/>
      <c r="T4" s="521"/>
      <c r="U4" s="521"/>
      <c r="V4" s="521"/>
      <c r="W4" s="521"/>
      <c r="X4" s="521"/>
      <c r="Y4" s="521"/>
      <c r="Z4" s="521"/>
      <c r="AA4" s="521"/>
      <c r="AB4" s="521"/>
      <c r="AC4" s="521"/>
      <c r="AD4" s="521"/>
      <c r="AE4" s="521"/>
      <c r="AF4" s="521"/>
      <c r="AG4" s="521"/>
      <c r="AH4" s="521"/>
      <c r="AI4" s="521"/>
      <c r="AJ4" s="521"/>
      <c r="AK4" s="521"/>
      <c r="AL4" s="521"/>
      <c r="AM4" s="521"/>
      <c r="AN4" s="521"/>
      <c r="AO4" s="521"/>
      <c r="AP4" s="521"/>
      <c r="AQ4" s="521"/>
      <c r="AR4" s="521"/>
      <c r="AS4" s="521"/>
      <c r="AT4" s="521"/>
      <c r="AU4" s="521"/>
      <c r="AV4" s="521"/>
      <c r="AW4" s="521"/>
      <c r="AX4" s="521"/>
      <c r="AY4" s="521"/>
      <c r="AZ4" s="521"/>
      <c r="BA4" s="521"/>
      <c r="BB4" s="521"/>
      <c r="BC4" s="521"/>
      <c r="BD4" s="521"/>
      <c r="BE4" s="521"/>
      <c r="BF4" s="521"/>
      <c r="BG4" s="521"/>
      <c r="BH4" s="521"/>
      <c r="BI4" s="521"/>
      <c r="BJ4" s="521"/>
      <c r="BK4" s="521"/>
      <c r="BL4" s="521"/>
      <c r="BM4" s="521"/>
      <c r="BN4" s="521"/>
      <c r="BO4" s="521"/>
      <c r="BP4" s="521"/>
      <c r="BQ4" s="521"/>
      <c r="BR4" s="521"/>
      <c r="BS4" s="521"/>
      <c r="BT4" s="521"/>
      <c r="BU4" s="521"/>
      <c r="BV4" s="521"/>
      <c r="BW4" s="521"/>
      <c r="BX4" s="521"/>
      <c r="BY4" s="521"/>
      <c r="BZ4" s="521"/>
      <c r="CA4" s="521"/>
      <c r="CB4" s="521"/>
      <c r="CC4" s="521"/>
      <c r="CD4" s="521"/>
      <c r="CE4" s="521"/>
      <c r="CF4" s="521"/>
      <c r="CG4" s="521"/>
      <c r="CH4" s="521"/>
      <c r="CI4" s="521"/>
      <c r="CJ4" s="521"/>
      <c r="CK4" s="521"/>
      <c r="CL4" s="521"/>
      <c r="CM4" s="521"/>
      <c r="CN4" s="521"/>
      <c r="CO4" s="521"/>
      <c r="CP4" s="521"/>
      <c r="CQ4" s="521"/>
      <c r="CR4" s="521"/>
      <c r="CS4" s="521"/>
      <c r="CT4" s="521"/>
      <c r="CU4" s="521"/>
      <c r="CV4" s="521"/>
      <c r="CW4" s="521"/>
      <c r="CX4" s="521"/>
      <c r="CY4" s="521"/>
      <c r="CZ4" s="521"/>
      <c r="DA4" s="521"/>
      <c r="DB4" s="521"/>
      <c r="DC4" s="521"/>
      <c r="DD4" s="521"/>
      <c r="DE4" s="521"/>
      <c r="DF4" s="521"/>
      <c r="DG4" s="521"/>
      <c r="DH4" s="521"/>
      <c r="DI4" s="521"/>
      <c r="DJ4" s="521"/>
      <c r="DK4" s="521"/>
      <c r="DL4" s="521"/>
      <c r="DM4" s="521"/>
      <c r="DN4" s="521"/>
      <c r="DO4" s="521"/>
      <c r="DP4" s="521"/>
      <c r="DQ4" s="521"/>
      <c r="DR4" s="521"/>
      <c r="DS4" s="521"/>
      <c r="DT4" s="521"/>
      <c r="DU4" s="521"/>
      <c r="DV4" s="521"/>
      <c r="DW4" s="521"/>
      <c r="DX4" s="521"/>
      <c r="DY4" s="521"/>
      <c r="DZ4" s="521"/>
      <c r="EA4" s="521"/>
      <c r="EB4" s="521"/>
      <c r="EC4" s="521"/>
      <c r="ED4" s="521"/>
      <c r="EE4" s="521"/>
      <c r="EF4" s="521"/>
      <c r="EG4" s="521"/>
      <c r="EH4" s="521"/>
      <c r="EI4" s="521"/>
      <c r="EJ4" s="521"/>
      <c r="EK4" s="521"/>
      <c r="EL4" s="521"/>
      <c r="EM4" s="521"/>
      <c r="EN4" s="521"/>
      <c r="EO4" s="521"/>
      <c r="EP4" s="521"/>
      <c r="EQ4" s="521"/>
      <c r="ER4" s="521"/>
      <c r="ES4" s="521"/>
      <c r="ET4" s="521"/>
      <c r="EU4" s="521"/>
      <c r="EV4" s="521"/>
      <c r="EW4" s="521"/>
      <c r="EX4" s="521"/>
      <c r="EY4" s="521"/>
      <c r="EZ4" s="521"/>
      <c r="FA4" s="521"/>
      <c r="FB4" s="521"/>
      <c r="FC4" s="521"/>
      <c r="FD4" s="521"/>
      <c r="FE4" s="521"/>
      <c r="FF4" s="521"/>
      <c r="FG4" s="521"/>
      <c r="FH4" s="521"/>
      <c r="FI4" s="521"/>
      <c r="FJ4" s="521"/>
      <c r="FK4" s="521"/>
      <c r="FL4" s="521"/>
      <c r="FM4" s="521"/>
      <c r="FN4" s="521"/>
      <c r="FO4" s="521"/>
      <c r="FP4" s="521"/>
      <c r="FQ4" s="521"/>
      <c r="FR4" s="521"/>
      <c r="FS4" s="521"/>
      <c r="FT4" s="521"/>
      <c r="FU4" s="521"/>
      <c r="FV4" s="521"/>
      <c r="FW4" s="521"/>
      <c r="FX4" s="521"/>
      <c r="FY4" s="521"/>
      <c r="FZ4" s="521"/>
      <c r="GA4" s="521"/>
      <c r="GB4" s="521"/>
      <c r="GC4" s="521"/>
      <c r="GD4" s="521"/>
      <c r="GE4" s="521"/>
      <c r="GF4" s="521"/>
      <c r="GG4" s="521"/>
      <c r="GH4" s="521"/>
      <c r="GI4" s="521"/>
      <c r="GJ4" s="521"/>
      <c r="GK4" s="521"/>
      <c r="GL4" s="521"/>
      <c r="GM4" s="521"/>
      <c r="GN4" s="521"/>
      <c r="GO4" s="521"/>
      <c r="GP4" s="521"/>
      <c r="GQ4" s="521"/>
      <c r="GR4" s="521"/>
      <c r="GS4" s="521"/>
      <c r="GT4" s="521"/>
      <c r="GU4" s="521"/>
      <c r="GV4" s="521"/>
      <c r="GW4" s="521"/>
      <c r="GX4" s="521"/>
      <c r="GY4" s="521"/>
      <c r="GZ4" s="521"/>
      <c r="HA4" s="521"/>
      <c r="HB4" s="521"/>
      <c r="HC4" s="521"/>
      <c r="HD4" s="521"/>
      <c r="HE4" s="521"/>
      <c r="HF4" s="521"/>
      <c r="HG4" s="521"/>
      <c r="HH4" s="521"/>
      <c r="HI4" s="521"/>
      <c r="HJ4" s="521"/>
      <c r="HK4" s="521"/>
      <c r="HL4" s="521"/>
      <c r="HM4" s="521"/>
      <c r="HN4" s="521"/>
      <c r="HO4" s="521"/>
      <c r="HP4" s="521"/>
      <c r="HQ4" s="521"/>
      <c r="HR4" s="521"/>
      <c r="HS4" s="521"/>
      <c r="HT4" s="521"/>
      <c r="HU4" s="521"/>
      <c r="HV4" s="521"/>
      <c r="HW4" s="521"/>
      <c r="HX4" s="521"/>
      <c r="HY4" s="522"/>
      <c r="HZ4" s="425" t="s">
        <v>85</v>
      </c>
      <c r="IA4" s="426"/>
      <c r="IB4" s="426"/>
      <c r="IC4" s="426"/>
      <c r="ID4" s="426"/>
      <c r="IE4" s="426"/>
      <c r="IF4" s="426"/>
      <c r="IG4" s="426"/>
      <c r="IH4" s="426"/>
      <c r="II4" s="426"/>
      <c r="IJ4" s="426"/>
      <c r="IK4" s="426"/>
      <c r="IL4" s="426"/>
      <c r="IM4" s="426"/>
      <c r="IN4" s="426"/>
      <c r="IO4" s="426"/>
      <c r="IP4" s="426"/>
      <c r="IQ4" s="426"/>
      <c r="IR4" s="426"/>
      <c r="IS4" s="426"/>
      <c r="IT4" s="426"/>
      <c r="IU4" s="426"/>
      <c r="IV4" s="426"/>
      <c r="IW4" s="426"/>
      <c r="IX4" s="426"/>
      <c r="IY4" s="426"/>
      <c r="IZ4" s="426"/>
      <c r="JA4" s="426"/>
      <c r="JB4" s="426"/>
      <c r="JC4" s="426"/>
      <c r="JD4" s="426"/>
      <c r="JE4" s="426"/>
      <c r="JF4" s="426"/>
      <c r="JG4" s="426"/>
      <c r="JH4" s="426"/>
      <c r="JI4" s="426"/>
      <c r="JJ4" s="426"/>
      <c r="JK4" s="426"/>
      <c r="JL4" s="426"/>
      <c r="JM4" s="426"/>
      <c r="JN4" s="426"/>
      <c r="JO4" s="426"/>
      <c r="JP4" s="426"/>
      <c r="JQ4" s="426"/>
      <c r="JR4" s="426"/>
      <c r="JS4" s="426"/>
      <c r="JT4" s="426"/>
      <c r="JU4" s="426"/>
      <c r="JV4" s="426"/>
      <c r="JW4" s="426"/>
      <c r="JX4" s="426"/>
      <c r="JY4" s="426"/>
      <c r="JZ4" s="426"/>
      <c r="KA4" s="426"/>
      <c r="KB4" s="426"/>
      <c r="KC4" s="426"/>
      <c r="KD4" s="426"/>
      <c r="KE4" s="426"/>
      <c r="KF4" s="426"/>
      <c r="KG4" s="426"/>
      <c r="KH4" s="426"/>
      <c r="KI4" s="426"/>
      <c r="KJ4" s="426"/>
      <c r="KK4" s="426"/>
      <c r="KL4" s="426"/>
      <c r="KM4" s="426"/>
      <c r="KN4" s="426"/>
      <c r="KO4" s="426"/>
      <c r="KP4" s="426"/>
      <c r="KQ4" s="426"/>
      <c r="KR4" s="426"/>
      <c r="KS4" s="426"/>
      <c r="KT4" s="426"/>
      <c r="KU4" s="426"/>
      <c r="KV4" s="426"/>
      <c r="KW4" s="426"/>
      <c r="KX4" s="426"/>
      <c r="KY4" s="426"/>
      <c r="KZ4" s="426"/>
      <c r="LA4" s="426"/>
      <c r="LB4" s="426"/>
      <c r="LC4" s="426"/>
      <c r="LD4" s="426"/>
      <c r="LE4" s="426"/>
      <c r="LF4" s="426"/>
      <c r="LG4" s="426"/>
      <c r="LH4" s="426"/>
      <c r="LI4" s="426"/>
      <c r="LJ4" s="426"/>
      <c r="LK4" s="426"/>
      <c r="LL4" s="426"/>
      <c r="LM4" s="426"/>
      <c r="LN4" s="426"/>
      <c r="LO4" s="426"/>
      <c r="LP4" s="426"/>
      <c r="LQ4" s="426"/>
      <c r="LR4" s="426"/>
      <c r="LS4" s="426"/>
      <c r="LT4" s="426"/>
      <c r="LU4" s="426"/>
      <c r="LV4" s="426"/>
      <c r="LW4" s="426"/>
      <c r="LX4" s="426"/>
      <c r="LY4" s="426"/>
      <c r="LZ4" s="426"/>
      <c r="MA4" s="426"/>
      <c r="MB4" s="426"/>
      <c r="MC4" s="426"/>
      <c r="MD4" s="426"/>
      <c r="ME4" s="427"/>
      <c r="MF4" s="425" t="s">
        <v>86</v>
      </c>
      <c r="MG4" s="426"/>
      <c r="MH4" s="426"/>
      <c r="MI4" s="426"/>
      <c r="MJ4" s="426"/>
      <c r="MK4" s="426"/>
      <c r="ML4" s="426"/>
      <c r="MM4" s="426"/>
      <c r="MN4" s="426"/>
      <c r="MO4" s="426"/>
      <c r="MP4" s="426"/>
      <c r="MQ4" s="426"/>
      <c r="MR4" s="426"/>
      <c r="MS4" s="426"/>
      <c r="MT4" s="426"/>
      <c r="MU4" s="426"/>
      <c r="MV4" s="426"/>
      <c r="MW4" s="426"/>
      <c r="MX4" s="426"/>
      <c r="MY4" s="426"/>
      <c r="MZ4" s="426"/>
      <c r="NA4" s="426"/>
      <c r="NB4" s="426"/>
      <c r="NC4" s="426"/>
      <c r="ND4" s="426"/>
      <c r="NE4" s="426"/>
      <c r="NF4" s="426"/>
      <c r="NG4" s="426"/>
      <c r="NH4" s="426"/>
      <c r="NI4" s="426"/>
      <c r="NJ4" s="426"/>
      <c r="NK4" s="426"/>
      <c r="NL4" s="426"/>
      <c r="NM4" s="426"/>
      <c r="NN4" s="426"/>
      <c r="NO4" s="426"/>
      <c r="NP4" s="426"/>
      <c r="NQ4" s="426"/>
      <c r="NR4" s="426"/>
      <c r="NS4" s="426"/>
      <c r="NT4" s="426"/>
      <c r="NU4" s="426"/>
      <c r="NV4" s="426"/>
      <c r="NW4" s="426"/>
      <c r="NX4" s="426"/>
      <c r="NY4" s="426"/>
      <c r="NZ4" s="426"/>
      <c r="OA4" s="426"/>
      <c r="OB4" s="426"/>
      <c r="OC4" s="426"/>
      <c r="OD4" s="426"/>
      <c r="OE4" s="426"/>
      <c r="OF4" s="426"/>
      <c r="OG4" s="426"/>
      <c r="OH4" s="427"/>
      <c r="OI4" s="428" t="s">
        <v>60</v>
      </c>
      <c r="OJ4" s="429"/>
      <c r="OK4" s="429"/>
      <c r="OL4" s="429"/>
      <c r="OM4" s="429"/>
      <c r="ON4" s="429"/>
      <c r="OO4" s="429"/>
      <c r="OP4" s="429"/>
      <c r="OQ4" s="429"/>
      <c r="OR4" s="429"/>
      <c r="OS4" s="430"/>
    </row>
    <row r="5" spans="1:409" ht="21" customHeight="1" thickBot="1" x14ac:dyDescent="0.25">
      <c r="B5" s="556"/>
      <c r="C5" s="559"/>
      <c r="D5" s="559"/>
      <c r="E5" s="559"/>
      <c r="F5" s="559"/>
      <c r="G5" s="559"/>
      <c r="H5" s="559"/>
      <c r="I5" s="559"/>
      <c r="J5" s="559"/>
      <c r="K5" s="559"/>
      <c r="L5" s="559"/>
      <c r="M5" s="559"/>
      <c r="N5" s="561" t="s">
        <v>64</v>
      </c>
      <c r="O5" s="562"/>
      <c r="P5" s="562"/>
      <c r="Q5" s="562"/>
      <c r="R5" s="562"/>
      <c r="S5" s="562"/>
      <c r="T5" s="562"/>
      <c r="U5" s="562"/>
      <c r="V5" s="562"/>
      <c r="W5" s="562"/>
      <c r="X5" s="562"/>
      <c r="Y5" s="562"/>
      <c r="Z5" s="562"/>
      <c r="AA5" s="562"/>
      <c r="AB5" s="562"/>
      <c r="AC5" s="562"/>
      <c r="AD5" s="562"/>
      <c r="AE5" s="562"/>
      <c r="AF5" s="562"/>
      <c r="AG5" s="562"/>
      <c r="AH5" s="562"/>
      <c r="AI5" s="562"/>
      <c r="AJ5" s="562"/>
      <c r="AK5" s="562"/>
      <c r="AL5" s="562"/>
      <c r="AM5" s="562"/>
      <c r="AN5" s="562"/>
      <c r="AO5" s="562"/>
      <c r="AP5" s="562"/>
      <c r="AQ5" s="562"/>
      <c r="AR5" s="562"/>
      <c r="AS5" s="562"/>
      <c r="AT5" s="562"/>
      <c r="AU5" s="562"/>
      <c r="AV5" s="562"/>
      <c r="AW5" s="562"/>
      <c r="AX5" s="562"/>
      <c r="AY5" s="562"/>
      <c r="AZ5" s="562"/>
      <c r="BA5" s="562"/>
      <c r="BB5" s="562"/>
      <c r="BC5" s="562"/>
      <c r="BD5" s="562"/>
      <c r="BE5" s="562"/>
      <c r="BF5" s="562"/>
      <c r="BG5" s="562"/>
      <c r="BH5" s="562"/>
      <c r="BI5" s="562"/>
      <c r="BJ5" s="562"/>
      <c r="BK5" s="562"/>
      <c r="BL5" s="562"/>
      <c r="BM5" s="562"/>
      <c r="BN5" s="562"/>
      <c r="BO5" s="562"/>
      <c r="BP5" s="562"/>
      <c r="BQ5" s="562"/>
      <c r="BR5" s="562"/>
      <c r="BS5" s="562"/>
      <c r="BT5" s="562"/>
      <c r="BU5" s="562"/>
      <c r="BV5" s="562"/>
      <c r="BW5" s="562"/>
      <c r="BX5" s="562"/>
      <c r="BY5" s="562"/>
      <c r="BZ5" s="562"/>
      <c r="CA5" s="563"/>
      <c r="CB5" s="561" t="s">
        <v>65</v>
      </c>
      <c r="CC5" s="562"/>
      <c r="CD5" s="562"/>
      <c r="CE5" s="562"/>
      <c r="CF5" s="562"/>
      <c r="CG5" s="562"/>
      <c r="CH5" s="562"/>
      <c r="CI5" s="562"/>
      <c r="CJ5" s="562"/>
      <c r="CK5" s="562"/>
      <c r="CL5" s="562"/>
      <c r="CM5" s="562"/>
      <c r="CN5" s="562"/>
      <c r="CO5" s="562"/>
      <c r="CP5" s="562"/>
      <c r="CQ5" s="562"/>
      <c r="CR5" s="562"/>
      <c r="CS5" s="562"/>
      <c r="CT5" s="562"/>
      <c r="CU5" s="562"/>
      <c r="CV5" s="562"/>
      <c r="CW5" s="562"/>
      <c r="CX5" s="562"/>
      <c r="CY5" s="562"/>
      <c r="CZ5" s="562"/>
      <c r="DA5" s="562"/>
      <c r="DB5" s="562"/>
      <c r="DC5" s="562"/>
      <c r="DD5" s="562"/>
      <c r="DE5" s="562"/>
      <c r="DF5" s="562"/>
      <c r="DG5" s="562"/>
      <c r="DH5" s="563"/>
      <c r="DI5" s="425" t="s">
        <v>66</v>
      </c>
      <c r="DJ5" s="426"/>
      <c r="DK5" s="426"/>
      <c r="DL5" s="426"/>
      <c r="DM5" s="426"/>
      <c r="DN5" s="426"/>
      <c r="DO5" s="426"/>
      <c r="DP5" s="426"/>
      <c r="DQ5" s="426"/>
      <c r="DR5" s="426"/>
      <c r="DS5" s="426"/>
      <c r="DT5" s="426"/>
      <c r="DU5" s="426"/>
      <c r="DV5" s="426"/>
      <c r="DW5" s="426"/>
      <c r="DX5" s="426"/>
      <c r="DY5" s="426"/>
      <c r="DZ5" s="426"/>
      <c r="EA5" s="426"/>
      <c r="EB5" s="426"/>
      <c r="EC5" s="426"/>
      <c r="ED5" s="426"/>
      <c r="EE5" s="426"/>
      <c r="EF5" s="426"/>
      <c r="EG5" s="426"/>
      <c r="EH5" s="426"/>
      <c r="EI5" s="426"/>
      <c r="EJ5" s="426"/>
      <c r="EK5" s="426"/>
      <c r="EL5" s="426"/>
      <c r="EM5" s="426"/>
      <c r="EN5" s="426"/>
      <c r="EO5" s="426"/>
      <c r="EP5" s="426"/>
      <c r="EQ5" s="426"/>
      <c r="ER5" s="426"/>
      <c r="ES5" s="426"/>
      <c r="ET5" s="426"/>
      <c r="EU5" s="426"/>
      <c r="EV5" s="426"/>
      <c r="EW5" s="426"/>
      <c r="EX5" s="426"/>
      <c r="EY5" s="426"/>
      <c r="EZ5" s="426"/>
      <c r="FA5" s="426"/>
      <c r="FB5" s="426"/>
      <c r="FC5" s="426"/>
      <c r="FD5" s="426"/>
      <c r="FE5" s="426"/>
      <c r="FF5" s="426"/>
      <c r="FG5" s="426"/>
      <c r="FH5" s="426"/>
      <c r="FI5" s="426"/>
      <c r="FJ5" s="426"/>
      <c r="FK5" s="427"/>
      <c r="FL5" s="561" t="s">
        <v>67</v>
      </c>
      <c r="FM5" s="562"/>
      <c r="FN5" s="562"/>
      <c r="FO5" s="562"/>
      <c r="FP5" s="562"/>
      <c r="FQ5" s="562"/>
      <c r="FR5" s="562"/>
      <c r="FS5" s="562"/>
      <c r="FT5" s="562"/>
      <c r="FU5" s="562"/>
      <c r="FV5" s="562"/>
      <c r="FW5" s="562"/>
      <c r="FX5" s="562"/>
      <c r="FY5" s="562"/>
      <c r="FZ5" s="562"/>
      <c r="GA5" s="562"/>
      <c r="GB5" s="562"/>
      <c r="GC5" s="562"/>
      <c r="GD5" s="562"/>
      <c r="GE5" s="562"/>
      <c r="GF5" s="562"/>
      <c r="GG5" s="562"/>
      <c r="GH5" s="562"/>
      <c r="GI5" s="562"/>
      <c r="GJ5" s="562"/>
      <c r="GK5" s="562"/>
      <c r="GL5" s="562"/>
      <c r="GM5" s="562"/>
      <c r="GN5" s="562"/>
      <c r="GO5" s="562"/>
      <c r="GP5" s="562"/>
      <c r="GQ5" s="562"/>
      <c r="GR5" s="562"/>
      <c r="GS5" s="562"/>
      <c r="GT5" s="562"/>
      <c r="GU5" s="562"/>
      <c r="GV5" s="562"/>
      <c r="GW5" s="562"/>
      <c r="GX5" s="562"/>
      <c r="GY5" s="562"/>
      <c r="GZ5" s="562"/>
      <c r="HA5" s="562"/>
      <c r="HB5" s="562"/>
      <c r="HC5" s="563"/>
      <c r="HD5" s="564" t="s">
        <v>68</v>
      </c>
      <c r="HE5" s="565"/>
      <c r="HF5" s="565"/>
      <c r="HG5" s="565"/>
      <c r="HH5" s="565"/>
      <c r="HI5" s="565"/>
      <c r="HJ5" s="565"/>
      <c r="HK5" s="565"/>
      <c r="HL5" s="565"/>
      <c r="HM5" s="565"/>
      <c r="HN5" s="566"/>
      <c r="HO5" s="564" t="s">
        <v>69</v>
      </c>
      <c r="HP5" s="565"/>
      <c r="HQ5" s="565"/>
      <c r="HR5" s="565"/>
      <c r="HS5" s="565"/>
      <c r="HT5" s="565"/>
      <c r="HU5" s="565"/>
      <c r="HV5" s="565"/>
      <c r="HW5" s="565"/>
      <c r="HX5" s="565"/>
      <c r="HY5" s="566"/>
      <c r="HZ5" s="539"/>
      <c r="IA5" s="540"/>
      <c r="IB5" s="540"/>
      <c r="IC5" s="540"/>
      <c r="ID5" s="540"/>
      <c r="IE5" s="540"/>
      <c r="IF5" s="540"/>
      <c r="IG5" s="540"/>
      <c r="IH5" s="540"/>
      <c r="II5" s="540"/>
      <c r="IJ5" s="541"/>
      <c r="IK5" s="428" t="s">
        <v>94</v>
      </c>
      <c r="IL5" s="429"/>
      <c r="IM5" s="429"/>
      <c r="IN5" s="429"/>
      <c r="IO5" s="429"/>
      <c r="IP5" s="429"/>
      <c r="IQ5" s="429"/>
      <c r="IR5" s="429"/>
      <c r="IS5" s="429"/>
      <c r="IT5" s="429"/>
      <c r="IU5" s="430"/>
      <c r="IV5" s="428" t="s">
        <v>88</v>
      </c>
      <c r="IW5" s="429"/>
      <c r="IX5" s="429"/>
      <c r="IY5" s="429"/>
      <c r="IZ5" s="429"/>
      <c r="JA5" s="429"/>
      <c r="JB5" s="429"/>
      <c r="JC5" s="429"/>
      <c r="JD5" s="429"/>
      <c r="JE5" s="429"/>
      <c r="JF5" s="430"/>
      <c r="JG5" s="428" t="s">
        <v>141</v>
      </c>
      <c r="JH5" s="429"/>
      <c r="JI5" s="429"/>
      <c r="JJ5" s="429"/>
      <c r="JK5" s="429"/>
      <c r="JL5" s="429"/>
      <c r="JM5" s="429"/>
      <c r="JN5" s="429"/>
      <c r="JO5" s="429"/>
      <c r="JP5" s="429"/>
      <c r="JQ5" s="430"/>
      <c r="JR5" s="428" t="s">
        <v>90</v>
      </c>
      <c r="JS5" s="429"/>
      <c r="JT5" s="429"/>
      <c r="JU5" s="429"/>
      <c r="JV5" s="429"/>
      <c r="JW5" s="429"/>
      <c r="JX5" s="429"/>
      <c r="JY5" s="429"/>
      <c r="JZ5" s="429"/>
      <c r="KA5" s="429"/>
      <c r="KB5" s="430"/>
      <c r="KC5" s="428" t="s">
        <v>89</v>
      </c>
      <c r="KD5" s="429"/>
      <c r="KE5" s="429"/>
      <c r="KF5" s="429"/>
      <c r="KG5" s="429"/>
      <c r="KH5" s="429"/>
      <c r="KI5" s="429"/>
      <c r="KJ5" s="429"/>
      <c r="KK5" s="429"/>
      <c r="KL5" s="429"/>
      <c r="KM5" s="430"/>
      <c r="KN5" s="428" t="s">
        <v>91</v>
      </c>
      <c r="KO5" s="429"/>
      <c r="KP5" s="429"/>
      <c r="KQ5" s="429"/>
      <c r="KR5" s="429"/>
      <c r="KS5" s="429"/>
      <c r="KT5" s="429"/>
      <c r="KU5" s="429"/>
      <c r="KV5" s="429"/>
      <c r="KW5" s="429"/>
      <c r="KX5" s="430"/>
      <c r="KY5" s="428" t="s">
        <v>92</v>
      </c>
      <c r="KZ5" s="429"/>
      <c r="LA5" s="429"/>
      <c r="LB5" s="429"/>
      <c r="LC5" s="429"/>
      <c r="LD5" s="429"/>
      <c r="LE5" s="429"/>
      <c r="LF5" s="429"/>
      <c r="LG5" s="429"/>
      <c r="LH5" s="429"/>
      <c r="LI5" s="430"/>
      <c r="LJ5" s="545" t="s">
        <v>93</v>
      </c>
      <c r="LK5" s="546"/>
      <c r="LL5" s="546"/>
      <c r="LM5" s="546"/>
      <c r="LN5" s="546"/>
      <c r="LO5" s="546"/>
      <c r="LP5" s="546"/>
      <c r="LQ5" s="546"/>
      <c r="LR5" s="546"/>
      <c r="LS5" s="546"/>
      <c r="LT5" s="547"/>
      <c r="LU5" s="545" t="s">
        <v>142</v>
      </c>
      <c r="LV5" s="546"/>
      <c r="LW5" s="546"/>
      <c r="LX5" s="546"/>
      <c r="LY5" s="546"/>
      <c r="LZ5" s="546"/>
      <c r="MA5" s="546"/>
      <c r="MB5" s="546"/>
      <c r="MC5" s="546"/>
      <c r="MD5" s="546"/>
      <c r="ME5" s="547"/>
      <c r="MF5" s="539"/>
      <c r="MG5" s="540"/>
      <c r="MH5" s="540"/>
      <c r="MI5" s="540"/>
      <c r="MJ5" s="540"/>
      <c r="MK5" s="540"/>
      <c r="ML5" s="540"/>
      <c r="MM5" s="540"/>
      <c r="MN5" s="540"/>
      <c r="MO5" s="540"/>
      <c r="MP5" s="541"/>
      <c r="MQ5" s="428" t="s">
        <v>57</v>
      </c>
      <c r="MR5" s="429"/>
      <c r="MS5" s="429"/>
      <c r="MT5" s="429"/>
      <c r="MU5" s="429"/>
      <c r="MV5" s="429"/>
      <c r="MW5" s="429"/>
      <c r="MX5" s="429"/>
      <c r="MY5" s="429"/>
      <c r="MZ5" s="429"/>
      <c r="NA5" s="430"/>
      <c r="NB5" s="428" t="s">
        <v>58</v>
      </c>
      <c r="NC5" s="429"/>
      <c r="ND5" s="429"/>
      <c r="NE5" s="429"/>
      <c r="NF5" s="429"/>
      <c r="NG5" s="429"/>
      <c r="NH5" s="429"/>
      <c r="NI5" s="429"/>
      <c r="NJ5" s="429"/>
      <c r="NK5" s="429"/>
      <c r="NL5" s="430"/>
      <c r="NM5" s="428" t="s">
        <v>59</v>
      </c>
      <c r="NN5" s="429"/>
      <c r="NO5" s="429"/>
      <c r="NP5" s="429"/>
      <c r="NQ5" s="429"/>
      <c r="NR5" s="429"/>
      <c r="NS5" s="429"/>
      <c r="NT5" s="429"/>
      <c r="NU5" s="429"/>
      <c r="NV5" s="429"/>
      <c r="NW5" s="430"/>
      <c r="NX5" s="428" t="s">
        <v>148</v>
      </c>
      <c r="NY5" s="429"/>
      <c r="NZ5" s="429"/>
      <c r="OA5" s="429"/>
      <c r="OB5" s="429"/>
      <c r="OC5" s="429"/>
      <c r="OD5" s="429"/>
      <c r="OE5" s="429"/>
      <c r="OF5" s="429"/>
      <c r="OG5" s="429"/>
      <c r="OH5" s="430"/>
      <c r="OI5" s="440"/>
      <c r="OJ5" s="537"/>
      <c r="OK5" s="537"/>
      <c r="OL5" s="537"/>
      <c r="OM5" s="537"/>
      <c r="ON5" s="537"/>
      <c r="OO5" s="537"/>
      <c r="OP5" s="537"/>
      <c r="OQ5" s="537"/>
      <c r="OR5" s="537"/>
      <c r="OS5" s="538"/>
    </row>
    <row r="6" spans="1:409" ht="21" customHeight="1" thickBot="1" x14ac:dyDescent="0.25">
      <c r="B6" s="556"/>
      <c r="C6" s="560"/>
      <c r="D6" s="560"/>
      <c r="E6" s="560"/>
      <c r="F6" s="560"/>
      <c r="G6" s="560"/>
      <c r="H6" s="560"/>
      <c r="I6" s="560"/>
      <c r="J6" s="560"/>
      <c r="K6" s="560"/>
      <c r="L6" s="560"/>
      <c r="M6" s="560"/>
      <c r="N6" s="434"/>
      <c r="O6" s="435"/>
      <c r="P6" s="435"/>
      <c r="Q6" s="435"/>
      <c r="R6" s="435"/>
      <c r="S6" s="435"/>
      <c r="T6" s="435"/>
      <c r="U6" s="435"/>
      <c r="V6" s="435"/>
      <c r="W6" s="435"/>
      <c r="X6" s="436"/>
      <c r="Y6" s="437" t="s">
        <v>70</v>
      </c>
      <c r="Z6" s="438"/>
      <c r="AA6" s="438"/>
      <c r="AB6" s="438"/>
      <c r="AC6" s="438"/>
      <c r="AD6" s="438"/>
      <c r="AE6" s="438"/>
      <c r="AF6" s="438"/>
      <c r="AG6" s="438"/>
      <c r="AH6" s="438"/>
      <c r="AI6" s="439"/>
      <c r="AJ6" s="574" t="s">
        <v>71</v>
      </c>
      <c r="AK6" s="575"/>
      <c r="AL6" s="575"/>
      <c r="AM6" s="575"/>
      <c r="AN6" s="575"/>
      <c r="AO6" s="575"/>
      <c r="AP6" s="575"/>
      <c r="AQ6" s="575"/>
      <c r="AR6" s="575"/>
      <c r="AS6" s="575"/>
      <c r="AT6" s="576"/>
      <c r="AU6" s="574" t="s">
        <v>72</v>
      </c>
      <c r="AV6" s="575"/>
      <c r="AW6" s="575"/>
      <c r="AX6" s="575"/>
      <c r="AY6" s="575"/>
      <c r="AZ6" s="575"/>
      <c r="BA6" s="575"/>
      <c r="BB6" s="575"/>
      <c r="BC6" s="575"/>
      <c r="BD6" s="575"/>
      <c r="BE6" s="576"/>
      <c r="BF6" s="574" t="s">
        <v>73</v>
      </c>
      <c r="BG6" s="575"/>
      <c r="BH6" s="575"/>
      <c r="BI6" s="575"/>
      <c r="BJ6" s="575"/>
      <c r="BK6" s="575"/>
      <c r="BL6" s="575"/>
      <c r="BM6" s="575"/>
      <c r="BN6" s="575"/>
      <c r="BO6" s="575"/>
      <c r="BP6" s="576"/>
      <c r="BQ6" s="574" t="s">
        <v>74</v>
      </c>
      <c r="BR6" s="575"/>
      <c r="BS6" s="575"/>
      <c r="BT6" s="575"/>
      <c r="BU6" s="575"/>
      <c r="BV6" s="575"/>
      <c r="BW6" s="575"/>
      <c r="BX6" s="575"/>
      <c r="BY6" s="575"/>
      <c r="BZ6" s="575"/>
      <c r="CA6" s="576"/>
      <c r="CB6" s="542"/>
      <c r="CC6" s="543"/>
      <c r="CD6" s="543"/>
      <c r="CE6" s="543"/>
      <c r="CF6" s="543"/>
      <c r="CG6" s="543"/>
      <c r="CH6" s="543"/>
      <c r="CI6" s="543"/>
      <c r="CJ6" s="543"/>
      <c r="CK6" s="543"/>
      <c r="CL6" s="544"/>
      <c r="CM6" s="574" t="s">
        <v>75</v>
      </c>
      <c r="CN6" s="575"/>
      <c r="CO6" s="575"/>
      <c r="CP6" s="575"/>
      <c r="CQ6" s="575"/>
      <c r="CR6" s="575"/>
      <c r="CS6" s="575"/>
      <c r="CT6" s="575"/>
      <c r="CU6" s="575"/>
      <c r="CV6" s="575"/>
      <c r="CW6" s="576"/>
      <c r="CX6" s="574" t="s">
        <v>76</v>
      </c>
      <c r="CY6" s="575"/>
      <c r="CZ6" s="575"/>
      <c r="DA6" s="575"/>
      <c r="DB6" s="575"/>
      <c r="DC6" s="575"/>
      <c r="DD6" s="575"/>
      <c r="DE6" s="575"/>
      <c r="DF6" s="575"/>
      <c r="DG6" s="575"/>
      <c r="DH6" s="576"/>
      <c r="DI6" s="542"/>
      <c r="DJ6" s="543"/>
      <c r="DK6" s="543"/>
      <c r="DL6" s="543"/>
      <c r="DM6" s="543"/>
      <c r="DN6" s="543"/>
      <c r="DO6" s="543"/>
      <c r="DP6" s="543"/>
      <c r="DQ6" s="543"/>
      <c r="DR6" s="543"/>
      <c r="DS6" s="543"/>
      <c r="DT6" s="574" t="s">
        <v>77</v>
      </c>
      <c r="DU6" s="575"/>
      <c r="DV6" s="575"/>
      <c r="DW6" s="575"/>
      <c r="DX6" s="575"/>
      <c r="DY6" s="575"/>
      <c r="DZ6" s="575"/>
      <c r="EA6" s="575"/>
      <c r="EB6" s="575"/>
      <c r="EC6" s="575"/>
      <c r="ED6" s="576"/>
      <c r="EE6" s="574" t="s">
        <v>78</v>
      </c>
      <c r="EF6" s="575"/>
      <c r="EG6" s="575"/>
      <c r="EH6" s="575"/>
      <c r="EI6" s="575"/>
      <c r="EJ6" s="575"/>
      <c r="EK6" s="575"/>
      <c r="EL6" s="575"/>
      <c r="EM6" s="575"/>
      <c r="EN6" s="575"/>
      <c r="EO6" s="576"/>
      <c r="EP6" s="574" t="s">
        <v>79</v>
      </c>
      <c r="EQ6" s="575"/>
      <c r="ER6" s="575"/>
      <c r="ES6" s="575"/>
      <c r="ET6" s="575"/>
      <c r="EU6" s="575"/>
      <c r="EV6" s="575"/>
      <c r="EW6" s="575"/>
      <c r="EX6" s="575"/>
      <c r="EY6" s="575"/>
      <c r="EZ6" s="576"/>
      <c r="FA6" s="574" t="s">
        <v>149</v>
      </c>
      <c r="FB6" s="575"/>
      <c r="FC6" s="575"/>
      <c r="FD6" s="575"/>
      <c r="FE6" s="575"/>
      <c r="FF6" s="575"/>
      <c r="FG6" s="575"/>
      <c r="FH6" s="575"/>
      <c r="FI6" s="575"/>
      <c r="FJ6" s="575"/>
      <c r="FK6" s="576"/>
      <c r="FL6" s="542"/>
      <c r="FM6" s="543"/>
      <c r="FN6" s="543"/>
      <c r="FO6" s="543"/>
      <c r="FP6" s="543"/>
      <c r="FQ6" s="543"/>
      <c r="FR6" s="543"/>
      <c r="FS6" s="543"/>
      <c r="FT6" s="543"/>
      <c r="FU6" s="543"/>
      <c r="FV6" s="543"/>
      <c r="FW6" s="574" t="s">
        <v>80</v>
      </c>
      <c r="FX6" s="575"/>
      <c r="FY6" s="575"/>
      <c r="FZ6" s="575"/>
      <c r="GA6" s="575"/>
      <c r="GB6" s="575"/>
      <c r="GC6" s="575"/>
      <c r="GD6" s="575"/>
      <c r="GE6" s="575"/>
      <c r="GF6" s="575"/>
      <c r="GG6" s="576"/>
      <c r="GH6" s="437" t="s">
        <v>81</v>
      </c>
      <c r="GI6" s="438"/>
      <c r="GJ6" s="438"/>
      <c r="GK6" s="438"/>
      <c r="GL6" s="438"/>
      <c r="GM6" s="438"/>
      <c r="GN6" s="438"/>
      <c r="GO6" s="438"/>
      <c r="GP6" s="438"/>
      <c r="GQ6" s="438"/>
      <c r="GR6" s="439"/>
      <c r="GS6" s="437" t="s">
        <v>82</v>
      </c>
      <c r="GT6" s="438"/>
      <c r="GU6" s="438"/>
      <c r="GV6" s="438"/>
      <c r="GW6" s="438"/>
      <c r="GX6" s="438"/>
      <c r="GY6" s="438"/>
      <c r="GZ6" s="438"/>
      <c r="HA6" s="438"/>
      <c r="HB6" s="438"/>
      <c r="HC6" s="439"/>
      <c r="HD6" s="567"/>
      <c r="HE6" s="568"/>
      <c r="HF6" s="568"/>
      <c r="HG6" s="568"/>
      <c r="HH6" s="568"/>
      <c r="HI6" s="568"/>
      <c r="HJ6" s="568"/>
      <c r="HK6" s="568"/>
      <c r="HL6" s="568"/>
      <c r="HM6" s="568"/>
      <c r="HN6" s="569"/>
      <c r="HO6" s="567"/>
      <c r="HP6" s="568"/>
      <c r="HQ6" s="568"/>
      <c r="HR6" s="568"/>
      <c r="HS6" s="568"/>
      <c r="HT6" s="568"/>
      <c r="HU6" s="568"/>
      <c r="HV6" s="568"/>
      <c r="HW6" s="568"/>
      <c r="HX6" s="568"/>
      <c r="HY6" s="569"/>
      <c r="HZ6" s="542"/>
      <c r="IA6" s="543"/>
      <c r="IB6" s="543"/>
      <c r="IC6" s="543"/>
      <c r="ID6" s="543"/>
      <c r="IE6" s="543"/>
      <c r="IF6" s="543"/>
      <c r="IG6" s="543"/>
      <c r="IH6" s="543"/>
      <c r="II6" s="543"/>
      <c r="IJ6" s="544"/>
      <c r="IK6" s="434"/>
      <c r="IL6" s="435"/>
      <c r="IM6" s="435"/>
      <c r="IN6" s="435"/>
      <c r="IO6" s="435"/>
      <c r="IP6" s="435"/>
      <c r="IQ6" s="435"/>
      <c r="IR6" s="435"/>
      <c r="IS6" s="435"/>
      <c r="IT6" s="435"/>
      <c r="IU6" s="436"/>
      <c r="IV6" s="434"/>
      <c r="IW6" s="435"/>
      <c r="IX6" s="435"/>
      <c r="IY6" s="435"/>
      <c r="IZ6" s="435"/>
      <c r="JA6" s="435"/>
      <c r="JB6" s="435"/>
      <c r="JC6" s="435"/>
      <c r="JD6" s="435"/>
      <c r="JE6" s="435"/>
      <c r="JF6" s="436"/>
      <c r="JG6" s="434"/>
      <c r="JH6" s="435"/>
      <c r="JI6" s="435"/>
      <c r="JJ6" s="435"/>
      <c r="JK6" s="435"/>
      <c r="JL6" s="435"/>
      <c r="JM6" s="435"/>
      <c r="JN6" s="435"/>
      <c r="JO6" s="435"/>
      <c r="JP6" s="435"/>
      <c r="JQ6" s="436"/>
      <c r="JR6" s="434"/>
      <c r="JS6" s="435"/>
      <c r="JT6" s="435"/>
      <c r="JU6" s="435"/>
      <c r="JV6" s="435"/>
      <c r="JW6" s="435"/>
      <c r="JX6" s="435"/>
      <c r="JY6" s="435"/>
      <c r="JZ6" s="435"/>
      <c r="KA6" s="435"/>
      <c r="KB6" s="436"/>
      <c r="KC6" s="434"/>
      <c r="KD6" s="435"/>
      <c r="KE6" s="435"/>
      <c r="KF6" s="435"/>
      <c r="KG6" s="435"/>
      <c r="KH6" s="435"/>
      <c r="KI6" s="435"/>
      <c r="KJ6" s="435"/>
      <c r="KK6" s="435"/>
      <c r="KL6" s="435"/>
      <c r="KM6" s="436"/>
      <c r="KN6" s="434"/>
      <c r="KO6" s="435"/>
      <c r="KP6" s="435"/>
      <c r="KQ6" s="435"/>
      <c r="KR6" s="435"/>
      <c r="KS6" s="435"/>
      <c r="KT6" s="435"/>
      <c r="KU6" s="435"/>
      <c r="KV6" s="435"/>
      <c r="KW6" s="435"/>
      <c r="KX6" s="436"/>
      <c r="KY6" s="434"/>
      <c r="KZ6" s="435"/>
      <c r="LA6" s="435"/>
      <c r="LB6" s="435"/>
      <c r="LC6" s="435"/>
      <c r="LD6" s="435"/>
      <c r="LE6" s="435"/>
      <c r="LF6" s="435"/>
      <c r="LG6" s="435"/>
      <c r="LH6" s="435"/>
      <c r="LI6" s="436"/>
      <c r="LJ6" s="542"/>
      <c r="LK6" s="543"/>
      <c r="LL6" s="543"/>
      <c r="LM6" s="543"/>
      <c r="LN6" s="543"/>
      <c r="LO6" s="543"/>
      <c r="LP6" s="543"/>
      <c r="LQ6" s="543"/>
      <c r="LR6" s="543"/>
      <c r="LS6" s="543"/>
      <c r="LT6" s="544"/>
      <c r="LU6" s="542"/>
      <c r="LV6" s="543"/>
      <c r="LW6" s="543"/>
      <c r="LX6" s="543"/>
      <c r="LY6" s="543"/>
      <c r="LZ6" s="543"/>
      <c r="MA6" s="543"/>
      <c r="MB6" s="543"/>
      <c r="MC6" s="543"/>
      <c r="MD6" s="543"/>
      <c r="ME6" s="544"/>
      <c r="MF6" s="542"/>
      <c r="MG6" s="543"/>
      <c r="MH6" s="543"/>
      <c r="MI6" s="543"/>
      <c r="MJ6" s="543"/>
      <c r="MK6" s="543"/>
      <c r="ML6" s="543"/>
      <c r="MM6" s="543"/>
      <c r="MN6" s="543"/>
      <c r="MO6" s="543"/>
      <c r="MP6" s="544"/>
      <c r="MQ6" s="434"/>
      <c r="MR6" s="435"/>
      <c r="MS6" s="435"/>
      <c r="MT6" s="435"/>
      <c r="MU6" s="435"/>
      <c r="MV6" s="435"/>
      <c r="MW6" s="435"/>
      <c r="MX6" s="435"/>
      <c r="MY6" s="435"/>
      <c r="MZ6" s="435"/>
      <c r="NA6" s="436"/>
      <c r="NB6" s="434"/>
      <c r="NC6" s="435"/>
      <c r="ND6" s="435"/>
      <c r="NE6" s="435"/>
      <c r="NF6" s="435"/>
      <c r="NG6" s="435"/>
      <c r="NH6" s="435"/>
      <c r="NI6" s="435"/>
      <c r="NJ6" s="435"/>
      <c r="NK6" s="435"/>
      <c r="NL6" s="436"/>
      <c r="NM6" s="434"/>
      <c r="NN6" s="435"/>
      <c r="NO6" s="435"/>
      <c r="NP6" s="435"/>
      <c r="NQ6" s="435"/>
      <c r="NR6" s="435"/>
      <c r="NS6" s="435"/>
      <c r="NT6" s="435"/>
      <c r="NU6" s="435"/>
      <c r="NV6" s="435"/>
      <c r="NW6" s="436"/>
      <c r="NX6" s="434"/>
      <c r="NY6" s="435"/>
      <c r="NZ6" s="435"/>
      <c r="OA6" s="435"/>
      <c r="OB6" s="435"/>
      <c r="OC6" s="435"/>
      <c r="OD6" s="435"/>
      <c r="OE6" s="435"/>
      <c r="OF6" s="435"/>
      <c r="OG6" s="435"/>
      <c r="OH6" s="436"/>
      <c r="OI6" s="434"/>
      <c r="OJ6" s="435"/>
      <c r="OK6" s="435"/>
      <c r="OL6" s="435"/>
      <c r="OM6" s="435"/>
      <c r="ON6" s="435"/>
      <c r="OO6" s="435"/>
      <c r="OP6" s="435"/>
      <c r="OQ6" s="435"/>
      <c r="OR6" s="435"/>
      <c r="OS6" s="436"/>
    </row>
    <row r="7" spans="1:409" ht="21" customHeight="1" x14ac:dyDescent="0.2">
      <c r="B7" s="556"/>
      <c r="C7" s="507" t="s">
        <v>61</v>
      </c>
      <c r="D7" s="507"/>
      <c r="E7" s="507"/>
      <c r="F7" s="506" t="s">
        <v>62</v>
      </c>
      <c r="G7" s="507"/>
      <c r="H7" s="507"/>
      <c r="I7" s="507"/>
      <c r="J7" s="507"/>
      <c r="K7" s="507"/>
      <c r="L7" s="507"/>
      <c r="M7" s="506" t="s">
        <v>52</v>
      </c>
      <c r="N7" s="571" t="s">
        <v>61</v>
      </c>
      <c r="O7" s="507"/>
      <c r="P7" s="507"/>
      <c r="Q7" s="506" t="s">
        <v>62</v>
      </c>
      <c r="R7" s="507"/>
      <c r="S7" s="507"/>
      <c r="T7" s="507"/>
      <c r="U7" s="507"/>
      <c r="V7" s="507"/>
      <c r="W7" s="508"/>
      <c r="X7" s="534" t="s">
        <v>52</v>
      </c>
      <c r="Y7" s="434" t="s">
        <v>61</v>
      </c>
      <c r="Z7" s="435"/>
      <c r="AA7" s="516"/>
      <c r="AB7" s="515" t="s">
        <v>62</v>
      </c>
      <c r="AC7" s="435"/>
      <c r="AD7" s="435"/>
      <c r="AE7" s="435"/>
      <c r="AF7" s="435"/>
      <c r="AG7" s="435"/>
      <c r="AH7" s="516"/>
      <c r="AI7" s="436" t="s">
        <v>52</v>
      </c>
      <c r="AJ7" s="519" t="s">
        <v>61</v>
      </c>
      <c r="AK7" s="513"/>
      <c r="AL7" s="514"/>
      <c r="AM7" s="535" t="s">
        <v>62</v>
      </c>
      <c r="AN7" s="513"/>
      <c r="AO7" s="513"/>
      <c r="AP7" s="513"/>
      <c r="AQ7" s="513"/>
      <c r="AR7" s="513"/>
      <c r="AS7" s="536"/>
      <c r="AT7" s="436" t="s">
        <v>52</v>
      </c>
      <c r="AU7" s="519" t="s">
        <v>61</v>
      </c>
      <c r="AV7" s="513"/>
      <c r="AW7" s="514"/>
      <c r="AX7" s="535" t="s">
        <v>62</v>
      </c>
      <c r="AY7" s="513"/>
      <c r="AZ7" s="513"/>
      <c r="BA7" s="513"/>
      <c r="BB7" s="513"/>
      <c r="BC7" s="513"/>
      <c r="BD7" s="536"/>
      <c r="BE7" s="436" t="s">
        <v>52</v>
      </c>
      <c r="BF7" s="519" t="s">
        <v>61</v>
      </c>
      <c r="BG7" s="513"/>
      <c r="BH7" s="514"/>
      <c r="BI7" s="535" t="s">
        <v>62</v>
      </c>
      <c r="BJ7" s="513"/>
      <c r="BK7" s="513"/>
      <c r="BL7" s="513"/>
      <c r="BM7" s="513"/>
      <c r="BN7" s="513"/>
      <c r="BO7" s="536"/>
      <c r="BP7" s="436" t="s">
        <v>52</v>
      </c>
      <c r="BQ7" s="519" t="s">
        <v>61</v>
      </c>
      <c r="BR7" s="513"/>
      <c r="BS7" s="514"/>
      <c r="BT7" s="535" t="s">
        <v>62</v>
      </c>
      <c r="BU7" s="513"/>
      <c r="BV7" s="513"/>
      <c r="BW7" s="513"/>
      <c r="BX7" s="513"/>
      <c r="BY7" s="513"/>
      <c r="BZ7" s="536"/>
      <c r="CA7" s="436" t="s">
        <v>52</v>
      </c>
      <c r="CB7" s="503" t="s">
        <v>61</v>
      </c>
      <c r="CC7" s="504"/>
      <c r="CD7" s="505"/>
      <c r="CE7" s="532" t="s">
        <v>62</v>
      </c>
      <c r="CF7" s="504"/>
      <c r="CG7" s="504"/>
      <c r="CH7" s="504"/>
      <c r="CI7" s="504"/>
      <c r="CJ7" s="504"/>
      <c r="CK7" s="533"/>
      <c r="CL7" s="534" t="s">
        <v>52</v>
      </c>
      <c r="CM7" s="519" t="s">
        <v>61</v>
      </c>
      <c r="CN7" s="513"/>
      <c r="CO7" s="536"/>
      <c r="CP7" s="535" t="s">
        <v>62</v>
      </c>
      <c r="CQ7" s="513"/>
      <c r="CR7" s="513"/>
      <c r="CS7" s="513"/>
      <c r="CT7" s="513"/>
      <c r="CU7" s="513"/>
      <c r="CV7" s="536"/>
      <c r="CW7" s="530" t="s">
        <v>52</v>
      </c>
      <c r="CX7" s="519" t="s">
        <v>61</v>
      </c>
      <c r="CY7" s="513"/>
      <c r="CZ7" s="536"/>
      <c r="DA7" s="535" t="s">
        <v>62</v>
      </c>
      <c r="DB7" s="513"/>
      <c r="DC7" s="513"/>
      <c r="DD7" s="513"/>
      <c r="DE7" s="513"/>
      <c r="DF7" s="513"/>
      <c r="DG7" s="536"/>
      <c r="DH7" s="530" t="s">
        <v>52</v>
      </c>
      <c r="DI7" s="503" t="s">
        <v>61</v>
      </c>
      <c r="DJ7" s="504"/>
      <c r="DK7" s="533"/>
      <c r="DL7" s="532" t="s">
        <v>62</v>
      </c>
      <c r="DM7" s="504"/>
      <c r="DN7" s="504"/>
      <c r="DO7" s="504"/>
      <c r="DP7" s="504"/>
      <c r="DQ7" s="504"/>
      <c r="DR7" s="533"/>
      <c r="DS7" s="534" t="s">
        <v>52</v>
      </c>
      <c r="DT7" s="519" t="s">
        <v>61</v>
      </c>
      <c r="DU7" s="513"/>
      <c r="DV7" s="514"/>
      <c r="DW7" s="535" t="s">
        <v>62</v>
      </c>
      <c r="DX7" s="513"/>
      <c r="DY7" s="513"/>
      <c r="DZ7" s="513"/>
      <c r="EA7" s="513"/>
      <c r="EB7" s="513"/>
      <c r="EC7" s="536"/>
      <c r="ED7" s="436" t="s">
        <v>52</v>
      </c>
      <c r="EE7" s="519" t="s">
        <v>61</v>
      </c>
      <c r="EF7" s="513"/>
      <c r="EG7" s="514"/>
      <c r="EH7" s="535" t="s">
        <v>62</v>
      </c>
      <c r="EI7" s="513"/>
      <c r="EJ7" s="513"/>
      <c r="EK7" s="513"/>
      <c r="EL7" s="513"/>
      <c r="EM7" s="513"/>
      <c r="EN7" s="536"/>
      <c r="EO7" s="436" t="s">
        <v>52</v>
      </c>
      <c r="EP7" s="519" t="s">
        <v>61</v>
      </c>
      <c r="EQ7" s="513"/>
      <c r="ER7" s="514"/>
      <c r="ES7" s="535" t="s">
        <v>62</v>
      </c>
      <c r="ET7" s="513"/>
      <c r="EU7" s="513"/>
      <c r="EV7" s="513"/>
      <c r="EW7" s="513"/>
      <c r="EX7" s="513"/>
      <c r="EY7" s="536"/>
      <c r="EZ7" s="436" t="s">
        <v>52</v>
      </c>
      <c r="FA7" s="519" t="s">
        <v>61</v>
      </c>
      <c r="FB7" s="513"/>
      <c r="FC7" s="514"/>
      <c r="FD7" s="535" t="s">
        <v>62</v>
      </c>
      <c r="FE7" s="513"/>
      <c r="FF7" s="513"/>
      <c r="FG7" s="513"/>
      <c r="FH7" s="513"/>
      <c r="FI7" s="513"/>
      <c r="FJ7" s="536"/>
      <c r="FK7" s="436" t="s">
        <v>52</v>
      </c>
      <c r="FL7" s="503" t="s">
        <v>61</v>
      </c>
      <c r="FM7" s="504"/>
      <c r="FN7" s="505"/>
      <c r="FO7" s="532" t="s">
        <v>62</v>
      </c>
      <c r="FP7" s="504"/>
      <c r="FQ7" s="504"/>
      <c r="FR7" s="504"/>
      <c r="FS7" s="504"/>
      <c r="FT7" s="504"/>
      <c r="FU7" s="533"/>
      <c r="FV7" s="507" t="s">
        <v>52</v>
      </c>
      <c r="FW7" s="519" t="s">
        <v>61</v>
      </c>
      <c r="FX7" s="513"/>
      <c r="FY7" s="514"/>
      <c r="FZ7" s="535" t="s">
        <v>62</v>
      </c>
      <c r="GA7" s="513"/>
      <c r="GB7" s="513"/>
      <c r="GC7" s="513"/>
      <c r="GD7" s="513"/>
      <c r="GE7" s="513"/>
      <c r="GF7" s="536"/>
      <c r="GG7" s="436" t="s">
        <v>52</v>
      </c>
      <c r="GH7" s="434" t="s">
        <v>61</v>
      </c>
      <c r="GI7" s="435"/>
      <c r="GJ7" s="435"/>
      <c r="GK7" s="515" t="s">
        <v>62</v>
      </c>
      <c r="GL7" s="435"/>
      <c r="GM7" s="435"/>
      <c r="GN7" s="435"/>
      <c r="GO7" s="435"/>
      <c r="GP7" s="435"/>
      <c r="GQ7" s="516"/>
      <c r="GR7" s="553" t="s">
        <v>52</v>
      </c>
      <c r="GS7" s="434" t="s">
        <v>61</v>
      </c>
      <c r="GT7" s="435"/>
      <c r="GU7" s="516"/>
      <c r="GV7" s="515" t="s">
        <v>62</v>
      </c>
      <c r="GW7" s="435"/>
      <c r="GX7" s="435"/>
      <c r="GY7" s="435"/>
      <c r="GZ7" s="435"/>
      <c r="HA7" s="435"/>
      <c r="HB7" s="516"/>
      <c r="HC7" s="553" t="s">
        <v>52</v>
      </c>
      <c r="HD7" s="519" t="s">
        <v>61</v>
      </c>
      <c r="HE7" s="513"/>
      <c r="HF7" s="514"/>
      <c r="HG7" s="535" t="s">
        <v>62</v>
      </c>
      <c r="HH7" s="513"/>
      <c r="HI7" s="513"/>
      <c r="HJ7" s="513"/>
      <c r="HK7" s="513"/>
      <c r="HL7" s="513"/>
      <c r="HM7" s="536"/>
      <c r="HN7" s="436" t="s">
        <v>52</v>
      </c>
      <c r="HO7" s="519" t="s">
        <v>61</v>
      </c>
      <c r="HP7" s="513"/>
      <c r="HQ7" s="514"/>
      <c r="HR7" s="535" t="s">
        <v>62</v>
      </c>
      <c r="HS7" s="513"/>
      <c r="HT7" s="513"/>
      <c r="HU7" s="513"/>
      <c r="HV7" s="513"/>
      <c r="HW7" s="513"/>
      <c r="HX7" s="536"/>
      <c r="HY7" s="436" t="s">
        <v>52</v>
      </c>
      <c r="HZ7" s="503" t="s">
        <v>61</v>
      </c>
      <c r="IA7" s="504"/>
      <c r="IB7" s="505"/>
      <c r="IC7" s="532" t="s">
        <v>62</v>
      </c>
      <c r="ID7" s="504"/>
      <c r="IE7" s="504"/>
      <c r="IF7" s="504"/>
      <c r="IG7" s="504"/>
      <c r="IH7" s="504"/>
      <c r="II7" s="533"/>
      <c r="IJ7" s="507" t="s">
        <v>52</v>
      </c>
      <c r="IK7" s="519" t="s">
        <v>61</v>
      </c>
      <c r="IL7" s="513"/>
      <c r="IM7" s="514"/>
      <c r="IN7" s="535" t="s">
        <v>62</v>
      </c>
      <c r="IO7" s="513"/>
      <c r="IP7" s="513"/>
      <c r="IQ7" s="513"/>
      <c r="IR7" s="513"/>
      <c r="IS7" s="513"/>
      <c r="IT7" s="536"/>
      <c r="IU7" s="436" t="s">
        <v>52</v>
      </c>
      <c r="IV7" s="519" t="s">
        <v>61</v>
      </c>
      <c r="IW7" s="513"/>
      <c r="IX7" s="536"/>
      <c r="IY7" s="535" t="s">
        <v>62</v>
      </c>
      <c r="IZ7" s="513"/>
      <c r="JA7" s="513"/>
      <c r="JB7" s="513"/>
      <c r="JC7" s="513"/>
      <c r="JD7" s="513"/>
      <c r="JE7" s="536"/>
      <c r="JF7" s="436" t="s">
        <v>52</v>
      </c>
      <c r="JG7" s="519" t="s">
        <v>61</v>
      </c>
      <c r="JH7" s="513"/>
      <c r="JI7" s="514"/>
      <c r="JJ7" s="535" t="s">
        <v>62</v>
      </c>
      <c r="JK7" s="513"/>
      <c r="JL7" s="513"/>
      <c r="JM7" s="513"/>
      <c r="JN7" s="513"/>
      <c r="JO7" s="513"/>
      <c r="JP7" s="536"/>
      <c r="JQ7" s="530" t="s">
        <v>52</v>
      </c>
      <c r="JR7" s="519" t="s">
        <v>61</v>
      </c>
      <c r="JS7" s="513"/>
      <c r="JT7" s="514"/>
      <c r="JU7" s="535" t="s">
        <v>62</v>
      </c>
      <c r="JV7" s="513"/>
      <c r="JW7" s="513"/>
      <c r="JX7" s="513"/>
      <c r="JY7" s="513"/>
      <c r="JZ7" s="513"/>
      <c r="KA7" s="536"/>
      <c r="KB7" s="530" t="s">
        <v>52</v>
      </c>
      <c r="KC7" s="519" t="s">
        <v>61</v>
      </c>
      <c r="KD7" s="513"/>
      <c r="KE7" s="514"/>
      <c r="KF7" s="535" t="s">
        <v>62</v>
      </c>
      <c r="KG7" s="513"/>
      <c r="KH7" s="513"/>
      <c r="KI7" s="513"/>
      <c r="KJ7" s="513"/>
      <c r="KK7" s="513"/>
      <c r="KL7" s="536"/>
      <c r="KM7" s="530" t="s">
        <v>52</v>
      </c>
      <c r="KN7" s="519" t="s">
        <v>61</v>
      </c>
      <c r="KO7" s="513"/>
      <c r="KP7" s="514"/>
      <c r="KQ7" s="535" t="s">
        <v>62</v>
      </c>
      <c r="KR7" s="513"/>
      <c r="KS7" s="513"/>
      <c r="KT7" s="513"/>
      <c r="KU7" s="513"/>
      <c r="KV7" s="513"/>
      <c r="KW7" s="536"/>
      <c r="KX7" s="530" t="s">
        <v>52</v>
      </c>
      <c r="KY7" s="519" t="s">
        <v>61</v>
      </c>
      <c r="KZ7" s="513"/>
      <c r="LA7" s="514"/>
      <c r="LB7" s="535" t="s">
        <v>62</v>
      </c>
      <c r="LC7" s="513"/>
      <c r="LD7" s="513"/>
      <c r="LE7" s="513"/>
      <c r="LF7" s="513"/>
      <c r="LG7" s="513"/>
      <c r="LH7" s="536"/>
      <c r="LI7" s="530" t="s">
        <v>52</v>
      </c>
      <c r="LJ7" s="519" t="s">
        <v>61</v>
      </c>
      <c r="LK7" s="513"/>
      <c r="LL7" s="514"/>
      <c r="LM7" s="535" t="s">
        <v>62</v>
      </c>
      <c r="LN7" s="513"/>
      <c r="LO7" s="513"/>
      <c r="LP7" s="513"/>
      <c r="LQ7" s="513"/>
      <c r="LR7" s="513"/>
      <c r="LS7" s="536"/>
      <c r="LT7" s="530" t="s">
        <v>52</v>
      </c>
      <c r="LU7" s="519" t="s">
        <v>61</v>
      </c>
      <c r="LV7" s="513"/>
      <c r="LW7" s="514"/>
      <c r="LX7" s="535" t="s">
        <v>62</v>
      </c>
      <c r="LY7" s="513"/>
      <c r="LZ7" s="513"/>
      <c r="MA7" s="513"/>
      <c r="MB7" s="513"/>
      <c r="MC7" s="513"/>
      <c r="MD7" s="536"/>
      <c r="ME7" s="530" t="s">
        <v>52</v>
      </c>
      <c r="MF7" s="503" t="s">
        <v>61</v>
      </c>
      <c r="MG7" s="504"/>
      <c r="MH7" s="505"/>
      <c r="MI7" s="532" t="s">
        <v>62</v>
      </c>
      <c r="MJ7" s="504"/>
      <c r="MK7" s="504"/>
      <c r="ML7" s="504"/>
      <c r="MM7" s="504"/>
      <c r="MN7" s="504"/>
      <c r="MO7" s="533"/>
      <c r="MP7" s="534" t="s">
        <v>52</v>
      </c>
      <c r="MQ7" s="519" t="s">
        <v>61</v>
      </c>
      <c r="MR7" s="513"/>
      <c r="MS7" s="514"/>
      <c r="MT7" s="535" t="s">
        <v>62</v>
      </c>
      <c r="MU7" s="513"/>
      <c r="MV7" s="513"/>
      <c r="MW7" s="513"/>
      <c r="MX7" s="513"/>
      <c r="MY7" s="513"/>
      <c r="MZ7" s="536"/>
      <c r="NA7" s="530" t="s">
        <v>52</v>
      </c>
      <c r="NB7" s="519" t="s">
        <v>61</v>
      </c>
      <c r="NC7" s="513"/>
      <c r="ND7" s="514"/>
      <c r="NE7" s="535" t="s">
        <v>62</v>
      </c>
      <c r="NF7" s="513"/>
      <c r="NG7" s="513"/>
      <c r="NH7" s="513"/>
      <c r="NI7" s="513"/>
      <c r="NJ7" s="513"/>
      <c r="NK7" s="536"/>
      <c r="NL7" s="530" t="s">
        <v>52</v>
      </c>
      <c r="NM7" s="519" t="s">
        <v>61</v>
      </c>
      <c r="NN7" s="513"/>
      <c r="NO7" s="514"/>
      <c r="NP7" s="535" t="s">
        <v>62</v>
      </c>
      <c r="NQ7" s="513"/>
      <c r="NR7" s="513"/>
      <c r="NS7" s="513"/>
      <c r="NT7" s="513"/>
      <c r="NU7" s="513"/>
      <c r="NV7" s="536"/>
      <c r="NW7" s="530" t="s">
        <v>52</v>
      </c>
      <c r="NX7" s="519" t="s">
        <v>61</v>
      </c>
      <c r="NY7" s="513"/>
      <c r="NZ7" s="514"/>
      <c r="OA7" s="535" t="s">
        <v>62</v>
      </c>
      <c r="OB7" s="513"/>
      <c r="OC7" s="513"/>
      <c r="OD7" s="513"/>
      <c r="OE7" s="513"/>
      <c r="OF7" s="513"/>
      <c r="OG7" s="536"/>
      <c r="OH7" s="530" t="s">
        <v>52</v>
      </c>
      <c r="OI7" s="503" t="s">
        <v>61</v>
      </c>
      <c r="OJ7" s="504"/>
      <c r="OK7" s="505"/>
      <c r="OL7" s="532" t="s">
        <v>62</v>
      </c>
      <c r="OM7" s="504"/>
      <c r="ON7" s="504"/>
      <c r="OO7" s="504"/>
      <c r="OP7" s="504"/>
      <c r="OQ7" s="504"/>
      <c r="OR7" s="533"/>
      <c r="OS7" s="534" t="s">
        <v>52</v>
      </c>
    </row>
    <row r="8" spans="1:409" ht="30" customHeight="1" thickBot="1" x14ac:dyDescent="0.25">
      <c r="B8" s="557"/>
      <c r="C8" s="249" t="s">
        <v>43</v>
      </c>
      <c r="D8" s="74" t="s">
        <v>44</v>
      </c>
      <c r="E8" s="250" t="s">
        <v>45</v>
      </c>
      <c r="F8" s="76" t="s">
        <v>83</v>
      </c>
      <c r="G8" s="74" t="s">
        <v>47</v>
      </c>
      <c r="H8" s="74" t="s">
        <v>48</v>
      </c>
      <c r="I8" s="74" t="s">
        <v>49</v>
      </c>
      <c r="J8" s="74" t="s">
        <v>50</v>
      </c>
      <c r="K8" s="74" t="s">
        <v>51</v>
      </c>
      <c r="L8" s="75" t="s">
        <v>45</v>
      </c>
      <c r="M8" s="570"/>
      <c r="N8" s="73" t="s">
        <v>43</v>
      </c>
      <c r="O8" s="74" t="s">
        <v>44</v>
      </c>
      <c r="P8" s="75" t="s">
        <v>45</v>
      </c>
      <c r="Q8" s="76" t="s">
        <v>83</v>
      </c>
      <c r="R8" s="74" t="s">
        <v>47</v>
      </c>
      <c r="S8" s="74" t="s">
        <v>48</v>
      </c>
      <c r="T8" s="74" t="s">
        <v>49</v>
      </c>
      <c r="U8" s="74" t="s">
        <v>50</v>
      </c>
      <c r="V8" s="74" t="s">
        <v>51</v>
      </c>
      <c r="W8" s="75" t="s">
        <v>45</v>
      </c>
      <c r="X8" s="551"/>
      <c r="Y8" s="73" t="s">
        <v>43</v>
      </c>
      <c r="Z8" s="74" t="s">
        <v>44</v>
      </c>
      <c r="AA8" s="75" t="s">
        <v>45</v>
      </c>
      <c r="AB8" s="76" t="s">
        <v>83</v>
      </c>
      <c r="AC8" s="74" t="s">
        <v>47</v>
      </c>
      <c r="AD8" s="74" t="s">
        <v>48</v>
      </c>
      <c r="AE8" s="74" t="s">
        <v>49</v>
      </c>
      <c r="AF8" s="74" t="s">
        <v>50</v>
      </c>
      <c r="AG8" s="74" t="s">
        <v>51</v>
      </c>
      <c r="AH8" s="75" t="s">
        <v>45</v>
      </c>
      <c r="AI8" s="552"/>
      <c r="AJ8" s="73" t="s">
        <v>43</v>
      </c>
      <c r="AK8" s="74" t="s">
        <v>44</v>
      </c>
      <c r="AL8" s="250" t="s">
        <v>45</v>
      </c>
      <c r="AM8" s="76" t="s">
        <v>83</v>
      </c>
      <c r="AN8" s="74" t="s">
        <v>47</v>
      </c>
      <c r="AO8" s="74" t="s">
        <v>48</v>
      </c>
      <c r="AP8" s="74" t="s">
        <v>49</v>
      </c>
      <c r="AQ8" s="74" t="s">
        <v>50</v>
      </c>
      <c r="AR8" s="74" t="s">
        <v>51</v>
      </c>
      <c r="AS8" s="75" t="s">
        <v>45</v>
      </c>
      <c r="AT8" s="552"/>
      <c r="AU8" s="73" t="s">
        <v>43</v>
      </c>
      <c r="AV8" s="74" t="s">
        <v>44</v>
      </c>
      <c r="AW8" s="250" t="s">
        <v>45</v>
      </c>
      <c r="AX8" s="76" t="s">
        <v>83</v>
      </c>
      <c r="AY8" s="74" t="s">
        <v>47</v>
      </c>
      <c r="AZ8" s="74" t="s">
        <v>48</v>
      </c>
      <c r="BA8" s="74" t="s">
        <v>49</v>
      </c>
      <c r="BB8" s="74" t="s">
        <v>50</v>
      </c>
      <c r="BC8" s="74" t="s">
        <v>51</v>
      </c>
      <c r="BD8" s="75" t="s">
        <v>45</v>
      </c>
      <c r="BE8" s="552"/>
      <c r="BF8" s="251" t="s">
        <v>43</v>
      </c>
      <c r="BG8" s="74" t="s">
        <v>44</v>
      </c>
      <c r="BH8" s="250" t="s">
        <v>45</v>
      </c>
      <c r="BI8" s="76" t="s">
        <v>83</v>
      </c>
      <c r="BJ8" s="74" t="s">
        <v>47</v>
      </c>
      <c r="BK8" s="74" t="s">
        <v>48</v>
      </c>
      <c r="BL8" s="74" t="s">
        <v>49</v>
      </c>
      <c r="BM8" s="74" t="s">
        <v>50</v>
      </c>
      <c r="BN8" s="74" t="s">
        <v>51</v>
      </c>
      <c r="BO8" s="75" t="s">
        <v>45</v>
      </c>
      <c r="BP8" s="552"/>
      <c r="BQ8" s="73" t="s">
        <v>43</v>
      </c>
      <c r="BR8" s="74" t="s">
        <v>44</v>
      </c>
      <c r="BS8" s="250" t="s">
        <v>45</v>
      </c>
      <c r="BT8" s="76" t="s">
        <v>83</v>
      </c>
      <c r="BU8" s="74" t="s">
        <v>47</v>
      </c>
      <c r="BV8" s="74" t="s">
        <v>48</v>
      </c>
      <c r="BW8" s="74" t="s">
        <v>49</v>
      </c>
      <c r="BX8" s="74" t="s">
        <v>50</v>
      </c>
      <c r="BY8" s="74" t="s">
        <v>51</v>
      </c>
      <c r="BZ8" s="75" t="s">
        <v>45</v>
      </c>
      <c r="CA8" s="552"/>
      <c r="CB8" s="73" t="s">
        <v>43</v>
      </c>
      <c r="CC8" s="74" t="s">
        <v>44</v>
      </c>
      <c r="CD8" s="250" t="s">
        <v>45</v>
      </c>
      <c r="CE8" s="76" t="s">
        <v>83</v>
      </c>
      <c r="CF8" s="74" t="s">
        <v>47</v>
      </c>
      <c r="CG8" s="74" t="s">
        <v>48</v>
      </c>
      <c r="CH8" s="74" t="s">
        <v>49</v>
      </c>
      <c r="CI8" s="74" t="s">
        <v>50</v>
      </c>
      <c r="CJ8" s="74" t="s">
        <v>51</v>
      </c>
      <c r="CK8" s="75" t="s">
        <v>45</v>
      </c>
      <c r="CL8" s="551"/>
      <c r="CM8" s="73" t="s">
        <v>43</v>
      </c>
      <c r="CN8" s="74" t="s">
        <v>44</v>
      </c>
      <c r="CO8" s="75" t="s">
        <v>45</v>
      </c>
      <c r="CP8" s="76" t="s">
        <v>83</v>
      </c>
      <c r="CQ8" s="74" t="s">
        <v>47</v>
      </c>
      <c r="CR8" s="74" t="s">
        <v>48</v>
      </c>
      <c r="CS8" s="74" t="s">
        <v>49</v>
      </c>
      <c r="CT8" s="74" t="s">
        <v>50</v>
      </c>
      <c r="CU8" s="74" t="s">
        <v>51</v>
      </c>
      <c r="CV8" s="75" t="s">
        <v>45</v>
      </c>
      <c r="CW8" s="551"/>
      <c r="CX8" s="73" t="s">
        <v>43</v>
      </c>
      <c r="CY8" s="74" t="s">
        <v>44</v>
      </c>
      <c r="CZ8" s="75" t="s">
        <v>45</v>
      </c>
      <c r="DA8" s="76" t="s">
        <v>83</v>
      </c>
      <c r="DB8" s="74" t="s">
        <v>47</v>
      </c>
      <c r="DC8" s="74" t="s">
        <v>48</v>
      </c>
      <c r="DD8" s="74" t="s">
        <v>49</v>
      </c>
      <c r="DE8" s="74" t="s">
        <v>50</v>
      </c>
      <c r="DF8" s="74" t="s">
        <v>51</v>
      </c>
      <c r="DG8" s="75" t="s">
        <v>45</v>
      </c>
      <c r="DH8" s="551"/>
      <c r="DI8" s="73" t="s">
        <v>43</v>
      </c>
      <c r="DJ8" s="74" t="s">
        <v>44</v>
      </c>
      <c r="DK8" s="75" t="s">
        <v>45</v>
      </c>
      <c r="DL8" s="76" t="s">
        <v>83</v>
      </c>
      <c r="DM8" s="74" t="s">
        <v>47</v>
      </c>
      <c r="DN8" s="74" t="s">
        <v>48</v>
      </c>
      <c r="DO8" s="74" t="s">
        <v>49</v>
      </c>
      <c r="DP8" s="74" t="s">
        <v>50</v>
      </c>
      <c r="DQ8" s="74" t="s">
        <v>51</v>
      </c>
      <c r="DR8" s="75" t="s">
        <v>45</v>
      </c>
      <c r="DS8" s="551"/>
      <c r="DT8" s="73" t="s">
        <v>43</v>
      </c>
      <c r="DU8" s="74" t="s">
        <v>44</v>
      </c>
      <c r="DV8" s="250" t="s">
        <v>45</v>
      </c>
      <c r="DW8" s="76" t="s">
        <v>83</v>
      </c>
      <c r="DX8" s="74" t="s">
        <v>47</v>
      </c>
      <c r="DY8" s="74" t="s">
        <v>48</v>
      </c>
      <c r="DZ8" s="74" t="s">
        <v>49</v>
      </c>
      <c r="EA8" s="74" t="s">
        <v>50</v>
      </c>
      <c r="EB8" s="74" t="s">
        <v>51</v>
      </c>
      <c r="EC8" s="75" t="s">
        <v>45</v>
      </c>
      <c r="ED8" s="552"/>
      <c r="EE8" s="73" t="s">
        <v>43</v>
      </c>
      <c r="EF8" s="74" t="s">
        <v>44</v>
      </c>
      <c r="EG8" s="250" t="s">
        <v>45</v>
      </c>
      <c r="EH8" s="76" t="s">
        <v>83</v>
      </c>
      <c r="EI8" s="74" t="s">
        <v>47</v>
      </c>
      <c r="EJ8" s="74" t="s">
        <v>48</v>
      </c>
      <c r="EK8" s="74" t="s">
        <v>49</v>
      </c>
      <c r="EL8" s="74" t="s">
        <v>50</v>
      </c>
      <c r="EM8" s="74" t="s">
        <v>51</v>
      </c>
      <c r="EN8" s="75" t="s">
        <v>45</v>
      </c>
      <c r="EO8" s="552"/>
      <c r="EP8" s="73" t="s">
        <v>43</v>
      </c>
      <c r="EQ8" s="74" t="s">
        <v>44</v>
      </c>
      <c r="ER8" s="250" t="s">
        <v>45</v>
      </c>
      <c r="ES8" s="76" t="s">
        <v>83</v>
      </c>
      <c r="ET8" s="74" t="s">
        <v>47</v>
      </c>
      <c r="EU8" s="74" t="s">
        <v>48</v>
      </c>
      <c r="EV8" s="74" t="s">
        <v>49</v>
      </c>
      <c r="EW8" s="74" t="s">
        <v>50</v>
      </c>
      <c r="EX8" s="74" t="s">
        <v>51</v>
      </c>
      <c r="EY8" s="75" t="s">
        <v>45</v>
      </c>
      <c r="EZ8" s="552"/>
      <c r="FA8" s="73" t="s">
        <v>43</v>
      </c>
      <c r="FB8" s="74" t="s">
        <v>44</v>
      </c>
      <c r="FC8" s="250" t="s">
        <v>45</v>
      </c>
      <c r="FD8" s="76" t="s">
        <v>83</v>
      </c>
      <c r="FE8" s="74" t="s">
        <v>47</v>
      </c>
      <c r="FF8" s="74" t="s">
        <v>48</v>
      </c>
      <c r="FG8" s="74" t="s">
        <v>49</v>
      </c>
      <c r="FH8" s="74" t="s">
        <v>50</v>
      </c>
      <c r="FI8" s="74" t="s">
        <v>51</v>
      </c>
      <c r="FJ8" s="75" t="s">
        <v>45</v>
      </c>
      <c r="FK8" s="552"/>
      <c r="FL8" s="73" t="s">
        <v>43</v>
      </c>
      <c r="FM8" s="74" t="s">
        <v>44</v>
      </c>
      <c r="FN8" s="250" t="s">
        <v>45</v>
      </c>
      <c r="FO8" s="76" t="s">
        <v>83</v>
      </c>
      <c r="FP8" s="74" t="s">
        <v>47</v>
      </c>
      <c r="FQ8" s="74" t="s">
        <v>48</v>
      </c>
      <c r="FR8" s="74" t="s">
        <v>49</v>
      </c>
      <c r="FS8" s="74" t="s">
        <v>50</v>
      </c>
      <c r="FT8" s="74" t="s">
        <v>51</v>
      </c>
      <c r="FU8" s="75" t="s">
        <v>45</v>
      </c>
      <c r="FV8" s="550"/>
      <c r="FW8" s="73" t="s">
        <v>43</v>
      </c>
      <c r="FX8" s="74" t="s">
        <v>44</v>
      </c>
      <c r="FY8" s="250" t="s">
        <v>45</v>
      </c>
      <c r="FZ8" s="76" t="s">
        <v>83</v>
      </c>
      <c r="GA8" s="74" t="s">
        <v>47</v>
      </c>
      <c r="GB8" s="74" t="s">
        <v>48</v>
      </c>
      <c r="GC8" s="74" t="s">
        <v>49</v>
      </c>
      <c r="GD8" s="74" t="s">
        <v>50</v>
      </c>
      <c r="GE8" s="74" t="s">
        <v>51</v>
      </c>
      <c r="GF8" s="75" t="s">
        <v>45</v>
      </c>
      <c r="GG8" s="552"/>
      <c r="GH8" s="73" t="s">
        <v>43</v>
      </c>
      <c r="GI8" s="74" t="s">
        <v>44</v>
      </c>
      <c r="GJ8" s="250" t="s">
        <v>45</v>
      </c>
      <c r="GK8" s="76" t="s">
        <v>83</v>
      </c>
      <c r="GL8" s="74" t="s">
        <v>47</v>
      </c>
      <c r="GM8" s="74" t="s">
        <v>48</v>
      </c>
      <c r="GN8" s="74" t="s">
        <v>49</v>
      </c>
      <c r="GO8" s="74" t="s">
        <v>50</v>
      </c>
      <c r="GP8" s="74" t="s">
        <v>51</v>
      </c>
      <c r="GQ8" s="75" t="s">
        <v>45</v>
      </c>
      <c r="GR8" s="554"/>
      <c r="GS8" s="73" t="s">
        <v>43</v>
      </c>
      <c r="GT8" s="74" t="s">
        <v>44</v>
      </c>
      <c r="GU8" s="250" t="s">
        <v>45</v>
      </c>
      <c r="GV8" s="76" t="s">
        <v>83</v>
      </c>
      <c r="GW8" s="74" t="s">
        <v>47</v>
      </c>
      <c r="GX8" s="74" t="s">
        <v>48</v>
      </c>
      <c r="GY8" s="74" t="s">
        <v>49</v>
      </c>
      <c r="GZ8" s="74" t="s">
        <v>50</v>
      </c>
      <c r="HA8" s="74" t="s">
        <v>51</v>
      </c>
      <c r="HB8" s="75" t="s">
        <v>45</v>
      </c>
      <c r="HC8" s="554"/>
      <c r="HD8" s="73" t="s">
        <v>43</v>
      </c>
      <c r="HE8" s="74" t="s">
        <v>44</v>
      </c>
      <c r="HF8" s="250" t="s">
        <v>45</v>
      </c>
      <c r="HG8" s="76" t="s">
        <v>83</v>
      </c>
      <c r="HH8" s="74" t="s">
        <v>47</v>
      </c>
      <c r="HI8" s="74" t="s">
        <v>48</v>
      </c>
      <c r="HJ8" s="74" t="s">
        <v>49</v>
      </c>
      <c r="HK8" s="74" t="s">
        <v>50</v>
      </c>
      <c r="HL8" s="74" t="s">
        <v>51</v>
      </c>
      <c r="HM8" s="75" t="s">
        <v>45</v>
      </c>
      <c r="HN8" s="552"/>
      <c r="HO8" s="73" t="s">
        <v>43</v>
      </c>
      <c r="HP8" s="74" t="s">
        <v>44</v>
      </c>
      <c r="HQ8" s="250" t="s">
        <v>45</v>
      </c>
      <c r="HR8" s="76" t="s">
        <v>83</v>
      </c>
      <c r="HS8" s="74" t="s">
        <v>47</v>
      </c>
      <c r="HT8" s="74" t="s">
        <v>48</v>
      </c>
      <c r="HU8" s="74" t="s">
        <v>49</v>
      </c>
      <c r="HV8" s="74" t="s">
        <v>50</v>
      </c>
      <c r="HW8" s="74" t="s">
        <v>51</v>
      </c>
      <c r="HX8" s="75" t="s">
        <v>45</v>
      </c>
      <c r="HY8" s="552"/>
      <c r="HZ8" s="73" t="s">
        <v>43</v>
      </c>
      <c r="IA8" s="74" t="s">
        <v>44</v>
      </c>
      <c r="IB8" s="250" t="s">
        <v>45</v>
      </c>
      <c r="IC8" s="76" t="s">
        <v>83</v>
      </c>
      <c r="ID8" s="74" t="s">
        <v>47</v>
      </c>
      <c r="IE8" s="74" t="s">
        <v>48</v>
      </c>
      <c r="IF8" s="74" t="s">
        <v>49</v>
      </c>
      <c r="IG8" s="74" t="s">
        <v>50</v>
      </c>
      <c r="IH8" s="74" t="s">
        <v>51</v>
      </c>
      <c r="II8" s="75" t="s">
        <v>45</v>
      </c>
      <c r="IJ8" s="550"/>
      <c r="IK8" s="73" t="s">
        <v>43</v>
      </c>
      <c r="IL8" s="74" t="s">
        <v>44</v>
      </c>
      <c r="IM8" s="250" t="s">
        <v>45</v>
      </c>
      <c r="IN8" s="76" t="s">
        <v>83</v>
      </c>
      <c r="IO8" s="252" t="s">
        <v>47</v>
      </c>
      <c r="IP8" s="252" t="s">
        <v>48</v>
      </c>
      <c r="IQ8" s="252" t="s">
        <v>49</v>
      </c>
      <c r="IR8" s="252" t="s">
        <v>50</v>
      </c>
      <c r="IS8" s="252" t="s">
        <v>51</v>
      </c>
      <c r="IT8" s="253" t="s">
        <v>45</v>
      </c>
      <c r="IU8" s="549"/>
      <c r="IV8" s="251" t="s">
        <v>43</v>
      </c>
      <c r="IW8" s="252" t="s">
        <v>44</v>
      </c>
      <c r="IX8" s="253" t="s">
        <v>45</v>
      </c>
      <c r="IY8" s="231" t="s">
        <v>83</v>
      </c>
      <c r="IZ8" s="252" t="s">
        <v>47</v>
      </c>
      <c r="JA8" s="252" t="s">
        <v>48</v>
      </c>
      <c r="JB8" s="252" t="s">
        <v>49</v>
      </c>
      <c r="JC8" s="252" t="s">
        <v>50</v>
      </c>
      <c r="JD8" s="252" t="s">
        <v>51</v>
      </c>
      <c r="JE8" s="253" t="s">
        <v>45</v>
      </c>
      <c r="JF8" s="549"/>
      <c r="JG8" s="251" t="s">
        <v>43</v>
      </c>
      <c r="JH8" s="252" t="s">
        <v>44</v>
      </c>
      <c r="JI8" s="254" t="s">
        <v>45</v>
      </c>
      <c r="JJ8" s="231" t="s">
        <v>83</v>
      </c>
      <c r="JK8" s="252" t="s">
        <v>47</v>
      </c>
      <c r="JL8" s="252" t="s">
        <v>48</v>
      </c>
      <c r="JM8" s="252" t="s">
        <v>49</v>
      </c>
      <c r="JN8" s="252" t="s">
        <v>50</v>
      </c>
      <c r="JO8" s="252" t="s">
        <v>51</v>
      </c>
      <c r="JP8" s="253" t="s">
        <v>45</v>
      </c>
      <c r="JQ8" s="531"/>
      <c r="JR8" s="251" t="s">
        <v>43</v>
      </c>
      <c r="JS8" s="252" t="s">
        <v>44</v>
      </c>
      <c r="JT8" s="254" t="s">
        <v>45</v>
      </c>
      <c r="JU8" s="231" t="s">
        <v>83</v>
      </c>
      <c r="JV8" s="252" t="s">
        <v>47</v>
      </c>
      <c r="JW8" s="252" t="s">
        <v>48</v>
      </c>
      <c r="JX8" s="252" t="s">
        <v>49</v>
      </c>
      <c r="JY8" s="252" t="s">
        <v>50</v>
      </c>
      <c r="JZ8" s="252" t="s">
        <v>51</v>
      </c>
      <c r="KA8" s="253" t="s">
        <v>45</v>
      </c>
      <c r="KB8" s="531"/>
      <c r="KC8" s="251" t="s">
        <v>43</v>
      </c>
      <c r="KD8" s="252" t="s">
        <v>44</v>
      </c>
      <c r="KE8" s="254" t="s">
        <v>45</v>
      </c>
      <c r="KF8" s="231" t="s">
        <v>83</v>
      </c>
      <c r="KG8" s="252" t="s">
        <v>47</v>
      </c>
      <c r="KH8" s="252" t="s">
        <v>48</v>
      </c>
      <c r="KI8" s="252" t="s">
        <v>49</v>
      </c>
      <c r="KJ8" s="252" t="s">
        <v>50</v>
      </c>
      <c r="KK8" s="252" t="s">
        <v>51</v>
      </c>
      <c r="KL8" s="253" t="s">
        <v>45</v>
      </c>
      <c r="KM8" s="531"/>
      <c r="KN8" s="251" t="s">
        <v>43</v>
      </c>
      <c r="KO8" s="252" t="s">
        <v>44</v>
      </c>
      <c r="KP8" s="254" t="s">
        <v>45</v>
      </c>
      <c r="KQ8" s="76" t="s">
        <v>83</v>
      </c>
      <c r="KR8" s="252" t="s">
        <v>47</v>
      </c>
      <c r="KS8" s="252" t="s">
        <v>48</v>
      </c>
      <c r="KT8" s="252" t="s">
        <v>49</v>
      </c>
      <c r="KU8" s="252" t="s">
        <v>50</v>
      </c>
      <c r="KV8" s="252" t="s">
        <v>51</v>
      </c>
      <c r="KW8" s="253" t="s">
        <v>45</v>
      </c>
      <c r="KX8" s="531"/>
      <c r="KY8" s="251" t="s">
        <v>43</v>
      </c>
      <c r="KZ8" s="252" t="s">
        <v>44</v>
      </c>
      <c r="LA8" s="254" t="s">
        <v>45</v>
      </c>
      <c r="LB8" s="76" t="s">
        <v>83</v>
      </c>
      <c r="LC8" s="252" t="s">
        <v>47</v>
      </c>
      <c r="LD8" s="252" t="s">
        <v>48</v>
      </c>
      <c r="LE8" s="252" t="s">
        <v>49</v>
      </c>
      <c r="LF8" s="252" t="s">
        <v>50</v>
      </c>
      <c r="LG8" s="252" t="s">
        <v>51</v>
      </c>
      <c r="LH8" s="253" t="s">
        <v>45</v>
      </c>
      <c r="LI8" s="531"/>
      <c r="LJ8" s="251" t="s">
        <v>43</v>
      </c>
      <c r="LK8" s="252" t="s">
        <v>44</v>
      </c>
      <c r="LL8" s="254" t="s">
        <v>45</v>
      </c>
      <c r="LM8" s="76" t="s">
        <v>83</v>
      </c>
      <c r="LN8" s="252" t="s">
        <v>47</v>
      </c>
      <c r="LO8" s="252" t="s">
        <v>48</v>
      </c>
      <c r="LP8" s="252" t="s">
        <v>49</v>
      </c>
      <c r="LQ8" s="252" t="s">
        <v>50</v>
      </c>
      <c r="LR8" s="252" t="s">
        <v>51</v>
      </c>
      <c r="LS8" s="253" t="s">
        <v>45</v>
      </c>
      <c r="LT8" s="531"/>
      <c r="LU8" s="251" t="s">
        <v>43</v>
      </c>
      <c r="LV8" s="252" t="s">
        <v>44</v>
      </c>
      <c r="LW8" s="254" t="s">
        <v>45</v>
      </c>
      <c r="LX8" s="76" t="s">
        <v>83</v>
      </c>
      <c r="LY8" s="252" t="s">
        <v>47</v>
      </c>
      <c r="LZ8" s="252" t="s">
        <v>48</v>
      </c>
      <c r="MA8" s="252" t="s">
        <v>49</v>
      </c>
      <c r="MB8" s="252" t="s">
        <v>50</v>
      </c>
      <c r="MC8" s="252" t="s">
        <v>51</v>
      </c>
      <c r="MD8" s="253" t="s">
        <v>45</v>
      </c>
      <c r="ME8" s="531"/>
      <c r="MF8" s="251" t="s">
        <v>43</v>
      </c>
      <c r="MG8" s="252" t="s">
        <v>44</v>
      </c>
      <c r="MH8" s="254" t="s">
        <v>45</v>
      </c>
      <c r="MI8" s="76" t="s">
        <v>83</v>
      </c>
      <c r="MJ8" s="252" t="s">
        <v>47</v>
      </c>
      <c r="MK8" s="252" t="s">
        <v>48</v>
      </c>
      <c r="ML8" s="252" t="s">
        <v>49</v>
      </c>
      <c r="MM8" s="252" t="s">
        <v>50</v>
      </c>
      <c r="MN8" s="252" t="s">
        <v>51</v>
      </c>
      <c r="MO8" s="253" t="s">
        <v>45</v>
      </c>
      <c r="MP8" s="531"/>
      <c r="MQ8" s="251" t="s">
        <v>43</v>
      </c>
      <c r="MR8" s="252" t="s">
        <v>44</v>
      </c>
      <c r="MS8" s="254" t="s">
        <v>45</v>
      </c>
      <c r="MT8" s="76" t="s">
        <v>83</v>
      </c>
      <c r="MU8" s="252" t="s">
        <v>47</v>
      </c>
      <c r="MV8" s="252" t="s">
        <v>48</v>
      </c>
      <c r="MW8" s="252" t="s">
        <v>49</v>
      </c>
      <c r="MX8" s="252" t="s">
        <v>50</v>
      </c>
      <c r="MY8" s="252" t="s">
        <v>51</v>
      </c>
      <c r="MZ8" s="253" t="s">
        <v>45</v>
      </c>
      <c r="NA8" s="531"/>
      <c r="NB8" s="251" t="s">
        <v>43</v>
      </c>
      <c r="NC8" s="252" t="s">
        <v>44</v>
      </c>
      <c r="ND8" s="254" t="s">
        <v>45</v>
      </c>
      <c r="NE8" s="76" t="s">
        <v>83</v>
      </c>
      <c r="NF8" s="252" t="s">
        <v>47</v>
      </c>
      <c r="NG8" s="252" t="s">
        <v>48</v>
      </c>
      <c r="NH8" s="252" t="s">
        <v>49</v>
      </c>
      <c r="NI8" s="252" t="s">
        <v>50</v>
      </c>
      <c r="NJ8" s="252" t="s">
        <v>51</v>
      </c>
      <c r="NK8" s="253" t="s">
        <v>45</v>
      </c>
      <c r="NL8" s="531"/>
      <c r="NM8" s="251" t="s">
        <v>43</v>
      </c>
      <c r="NN8" s="252" t="s">
        <v>44</v>
      </c>
      <c r="NO8" s="254" t="s">
        <v>45</v>
      </c>
      <c r="NP8" s="76" t="s">
        <v>83</v>
      </c>
      <c r="NQ8" s="252" t="s">
        <v>47</v>
      </c>
      <c r="NR8" s="252" t="s">
        <v>48</v>
      </c>
      <c r="NS8" s="252" t="s">
        <v>49</v>
      </c>
      <c r="NT8" s="252" t="s">
        <v>50</v>
      </c>
      <c r="NU8" s="252" t="s">
        <v>51</v>
      </c>
      <c r="NV8" s="253" t="s">
        <v>45</v>
      </c>
      <c r="NW8" s="531"/>
      <c r="NX8" s="251" t="s">
        <v>43</v>
      </c>
      <c r="NY8" s="252" t="s">
        <v>44</v>
      </c>
      <c r="NZ8" s="254" t="s">
        <v>45</v>
      </c>
      <c r="OA8" s="76" t="s">
        <v>83</v>
      </c>
      <c r="OB8" s="252" t="s">
        <v>47</v>
      </c>
      <c r="OC8" s="252" t="s">
        <v>48</v>
      </c>
      <c r="OD8" s="252" t="s">
        <v>49</v>
      </c>
      <c r="OE8" s="252" t="s">
        <v>50</v>
      </c>
      <c r="OF8" s="252" t="s">
        <v>51</v>
      </c>
      <c r="OG8" s="253" t="s">
        <v>45</v>
      </c>
      <c r="OH8" s="531"/>
      <c r="OI8" s="251" t="s">
        <v>43</v>
      </c>
      <c r="OJ8" s="252" t="s">
        <v>44</v>
      </c>
      <c r="OK8" s="254" t="s">
        <v>45</v>
      </c>
      <c r="OL8" s="231" t="s">
        <v>83</v>
      </c>
      <c r="OM8" s="252" t="s">
        <v>47</v>
      </c>
      <c r="ON8" s="252" t="s">
        <v>48</v>
      </c>
      <c r="OO8" s="252" t="s">
        <v>49</v>
      </c>
      <c r="OP8" s="252" t="s">
        <v>50</v>
      </c>
      <c r="OQ8" s="252" t="s">
        <v>51</v>
      </c>
      <c r="OR8" s="253" t="s">
        <v>45</v>
      </c>
      <c r="OS8" s="531"/>
    </row>
    <row r="9" spans="1:409" s="407" customFormat="1" ht="21" customHeight="1" x14ac:dyDescent="0.2">
      <c r="A9" s="70"/>
      <c r="B9" s="408" t="s">
        <v>4</v>
      </c>
      <c r="C9" s="255">
        <v>28181209</v>
      </c>
      <c r="D9" s="256">
        <v>49848716</v>
      </c>
      <c r="E9" s="257">
        <v>78029925</v>
      </c>
      <c r="F9" s="258">
        <v>0</v>
      </c>
      <c r="G9" s="256">
        <v>309030562</v>
      </c>
      <c r="H9" s="256">
        <v>414063795</v>
      </c>
      <c r="I9" s="256">
        <v>339798032</v>
      </c>
      <c r="J9" s="256">
        <v>323269070</v>
      </c>
      <c r="K9" s="256">
        <v>201600183</v>
      </c>
      <c r="L9" s="259">
        <v>1587761642</v>
      </c>
      <c r="M9" s="260">
        <v>1665791567</v>
      </c>
      <c r="N9" s="255">
        <v>8322259</v>
      </c>
      <c r="O9" s="256">
        <v>18639461</v>
      </c>
      <c r="P9" s="261">
        <v>26961720</v>
      </c>
      <c r="Q9" s="255">
        <v>0</v>
      </c>
      <c r="R9" s="256">
        <v>95009308</v>
      </c>
      <c r="S9" s="256">
        <v>142154580</v>
      </c>
      <c r="T9" s="256">
        <v>117662864</v>
      </c>
      <c r="U9" s="256">
        <v>121771883</v>
      </c>
      <c r="V9" s="256">
        <v>100473890</v>
      </c>
      <c r="W9" s="261">
        <v>577072525</v>
      </c>
      <c r="X9" s="260">
        <v>604034245</v>
      </c>
      <c r="Y9" s="255">
        <v>0</v>
      </c>
      <c r="Z9" s="256">
        <v>0</v>
      </c>
      <c r="AA9" s="261">
        <v>0</v>
      </c>
      <c r="AB9" s="262">
        <v>0</v>
      </c>
      <c r="AC9" s="263">
        <v>38730836</v>
      </c>
      <c r="AD9" s="263">
        <v>56769630</v>
      </c>
      <c r="AE9" s="263">
        <v>56725690</v>
      </c>
      <c r="AF9" s="263">
        <v>64770269</v>
      </c>
      <c r="AG9" s="263">
        <v>56416844</v>
      </c>
      <c r="AH9" s="261">
        <v>273413269</v>
      </c>
      <c r="AI9" s="260">
        <v>273413269</v>
      </c>
      <c r="AJ9" s="264">
        <v>0</v>
      </c>
      <c r="AK9" s="263">
        <v>91636</v>
      </c>
      <c r="AL9" s="261">
        <v>91636</v>
      </c>
      <c r="AM9" s="262">
        <v>0</v>
      </c>
      <c r="AN9" s="263">
        <v>262580</v>
      </c>
      <c r="AO9" s="259">
        <v>1322267</v>
      </c>
      <c r="AP9" s="263">
        <v>2904247</v>
      </c>
      <c r="AQ9" s="263">
        <v>6588283</v>
      </c>
      <c r="AR9" s="263">
        <v>11275662</v>
      </c>
      <c r="AS9" s="261">
        <v>22353039</v>
      </c>
      <c r="AT9" s="260">
        <v>22444675</v>
      </c>
      <c r="AU9" s="264">
        <v>4436749</v>
      </c>
      <c r="AV9" s="263">
        <v>13187851</v>
      </c>
      <c r="AW9" s="261">
        <v>17624600</v>
      </c>
      <c r="AX9" s="262">
        <v>0</v>
      </c>
      <c r="AY9" s="263">
        <v>34587509</v>
      </c>
      <c r="AZ9" s="263">
        <v>58601572</v>
      </c>
      <c r="BA9" s="263">
        <v>37164704</v>
      </c>
      <c r="BB9" s="263">
        <v>29763290</v>
      </c>
      <c r="BC9" s="263">
        <v>20359379</v>
      </c>
      <c r="BD9" s="261">
        <v>180476454</v>
      </c>
      <c r="BE9" s="265">
        <v>198101054</v>
      </c>
      <c r="BF9" s="264">
        <v>552846</v>
      </c>
      <c r="BG9" s="259">
        <v>1470200</v>
      </c>
      <c r="BH9" s="266">
        <v>2023046</v>
      </c>
      <c r="BI9" s="262">
        <v>0</v>
      </c>
      <c r="BJ9" s="263">
        <v>3177447</v>
      </c>
      <c r="BK9" s="263">
        <v>3772647</v>
      </c>
      <c r="BL9" s="263">
        <v>2350334</v>
      </c>
      <c r="BM9" s="263">
        <v>1882401</v>
      </c>
      <c r="BN9" s="263">
        <v>865962</v>
      </c>
      <c r="BO9" s="261">
        <v>12048791</v>
      </c>
      <c r="BP9" s="260">
        <v>14071837</v>
      </c>
      <c r="BQ9" s="264">
        <v>3332664</v>
      </c>
      <c r="BR9" s="263">
        <v>3889774</v>
      </c>
      <c r="BS9" s="261">
        <v>7222438</v>
      </c>
      <c r="BT9" s="262">
        <v>0</v>
      </c>
      <c r="BU9" s="263">
        <v>18250936</v>
      </c>
      <c r="BV9" s="263">
        <v>21688464</v>
      </c>
      <c r="BW9" s="263">
        <v>18517889</v>
      </c>
      <c r="BX9" s="263">
        <v>18767640</v>
      </c>
      <c r="BY9" s="263">
        <v>11556043</v>
      </c>
      <c r="BZ9" s="261">
        <v>88780972</v>
      </c>
      <c r="CA9" s="260">
        <v>96003410</v>
      </c>
      <c r="CB9" s="264">
        <v>3025222</v>
      </c>
      <c r="CC9" s="263">
        <v>7841811</v>
      </c>
      <c r="CD9" s="261">
        <v>10867033</v>
      </c>
      <c r="CE9" s="262">
        <v>0</v>
      </c>
      <c r="CF9" s="263">
        <v>93349100</v>
      </c>
      <c r="CG9" s="263">
        <v>115208604</v>
      </c>
      <c r="CH9" s="267">
        <v>78644186</v>
      </c>
      <c r="CI9" s="263">
        <v>46017991</v>
      </c>
      <c r="CJ9" s="263">
        <v>18419027</v>
      </c>
      <c r="CK9" s="261">
        <v>351638908</v>
      </c>
      <c r="CL9" s="260">
        <v>362505941</v>
      </c>
      <c r="CM9" s="255">
        <v>0</v>
      </c>
      <c r="CN9" s="256">
        <v>0</v>
      </c>
      <c r="CO9" s="261">
        <v>0</v>
      </c>
      <c r="CP9" s="262">
        <v>0</v>
      </c>
      <c r="CQ9" s="263">
        <v>75098985</v>
      </c>
      <c r="CR9" s="263">
        <v>83642021</v>
      </c>
      <c r="CS9" s="263">
        <v>56572108</v>
      </c>
      <c r="CT9" s="263">
        <v>32121120</v>
      </c>
      <c r="CU9" s="263">
        <v>14210922</v>
      </c>
      <c r="CV9" s="268">
        <v>261645156</v>
      </c>
      <c r="CW9" s="260">
        <v>261645156</v>
      </c>
      <c r="CX9" s="264">
        <v>3025222</v>
      </c>
      <c r="CY9" s="263">
        <v>7841811</v>
      </c>
      <c r="CZ9" s="261">
        <v>10867033</v>
      </c>
      <c r="DA9" s="262">
        <v>0</v>
      </c>
      <c r="DB9" s="263">
        <v>18250115</v>
      </c>
      <c r="DC9" s="263">
        <v>31566583</v>
      </c>
      <c r="DD9" s="263">
        <v>22072078</v>
      </c>
      <c r="DE9" s="263">
        <v>13896871</v>
      </c>
      <c r="DF9" s="263">
        <v>4208105</v>
      </c>
      <c r="DG9" s="261">
        <v>89993752</v>
      </c>
      <c r="DH9" s="260">
        <v>100860785</v>
      </c>
      <c r="DI9" s="264">
        <v>287297</v>
      </c>
      <c r="DJ9" s="263">
        <v>947660</v>
      </c>
      <c r="DK9" s="266">
        <v>1234957</v>
      </c>
      <c r="DL9" s="262">
        <v>0</v>
      </c>
      <c r="DM9" s="263">
        <v>9970294</v>
      </c>
      <c r="DN9" s="263">
        <v>20226097</v>
      </c>
      <c r="DO9" s="263">
        <v>30949405</v>
      </c>
      <c r="DP9" s="263">
        <v>25182861</v>
      </c>
      <c r="DQ9" s="263">
        <v>12912341</v>
      </c>
      <c r="DR9" s="269">
        <v>99240998</v>
      </c>
      <c r="DS9" s="260">
        <v>100475955</v>
      </c>
      <c r="DT9" s="264">
        <v>287297</v>
      </c>
      <c r="DU9" s="263">
        <v>915372</v>
      </c>
      <c r="DV9" s="261">
        <v>1202669</v>
      </c>
      <c r="DW9" s="262">
        <v>0</v>
      </c>
      <c r="DX9" s="263">
        <v>9196288</v>
      </c>
      <c r="DY9" s="263">
        <v>17769961</v>
      </c>
      <c r="DZ9" s="263">
        <v>26591042</v>
      </c>
      <c r="EA9" s="263">
        <v>21146768</v>
      </c>
      <c r="EB9" s="263">
        <v>10642492</v>
      </c>
      <c r="EC9" s="261">
        <v>85346551</v>
      </c>
      <c r="ED9" s="260">
        <v>86549220</v>
      </c>
      <c r="EE9" s="264">
        <v>0</v>
      </c>
      <c r="EF9" s="259">
        <v>32288</v>
      </c>
      <c r="EG9" s="261">
        <v>32288</v>
      </c>
      <c r="EH9" s="265">
        <v>0</v>
      </c>
      <c r="EI9" s="263">
        <v>774006</v>
      </c>
      <c r="EJ9" s="263">
        <v>2456136</v>
      </c>
      <c r="EK9" s="263">
        <v>4358363</v>
      </c>
      <c r="EL9" s="263">
        <v>4036093</v>
      </c>
      <c r="EM9" s="267">
        <v>2269849</v>
      </c>
      <c r="EN9" s="259">
        <v>13894447</v>
      </c>
      <c r="EO9" s="260">
        <v>13926735</v>
      </c>
      <c r="EP9" s="264">
        <v>0</v>
      </c>
      <c r="EQ9" s="263">
        <v>0</v>
      </c>
      <c r="ER9" s="259">
        <v>0</v>
      </c>
      <c r="ES9" s="262">
        <v>0</v>
      </c>
      <c r="ET9" s="263">
        <v>0</v>
      </c>
      <c r="EU9" s="263">
        <v>0</v>
      </c>
      <c r="EV9" s="263">
        <v>0</v>
      </c>
      <c r="EW9" s="263">
        <v>0</v>
      </c>
      <c r="EX9" s="263">
        <v>0</v>
      </c>
      <c r="EY9" s="268">
        <v>0</v>
      </c>
      <c r="EZ9" s="260">
        <v>0</v>
      </c>
      <c r="FA9" s="264">
        <v>0</v>
      </c>
      <c r="FB9" s="263">
        <v>0</v>
      </c>
      <c r="FC9" s="259">
        <v>0</v>
      </c>
      <c r="FD9" s="262">
        <v>0</v>
      </c>
      <c r="FE9" s="263">
        <v>0</v>
      </c>
      <c r="FF9" s="263">
        <v>0</v>
      </c>
      <c r="FG9" s="263">
        <v>0</v>
      </c>
      <c r="FH9" s="263">
        <v>0</v>
      </c>
      <c r="FI9" s="263">
        <v>0</v>
      </c>
      <c r="FJ9" s="268">
        <v>0</v>
      </c>
      <c r="FK9" s="260">
        <v>0</v>
      </c>
      <c r="FL9" s="264">
        <v>6109517</v>
      </c>
      <c r="FM9" s="263">
        <v>10496362</v>
      </c>
      <c r="FN9" s="261">
        <v>16605879</v>
      </c>
      <c r="FO9" s="262">
        <v>0</v>
      </c>
      <c r="FP9" s="263">
        <v>15142552</v>
      </c>
      <c r="FQ9" s="263">
        <v>38693745</v>
      </c>
      <c r="FR9" s="263">
        <v>27062716</v>
      </c>
      <c r="FS9" s="263">
        <v>21493017</v>
      </c>
      <c r="FT9" s="263">
        <v>14202368</v>
      </c>
      <c r="FU9" s="261">
        <v>116594398</v>
      </c>
      <c r="FV9" s="260">
        <v>133200277</v>
      </c>
      <c r="FW9" s="264">
        <v>2733856</v>
      </c>
      <c r="FX9" s="263">
        <v>7267588</v>
      </c>
      <c r="FY9" s="259">
        <v>10001444</v>
      </c>
      <c r="FZ9" s="265">
        <v>0</v>
      </c>
      <c r="GA9" s="263">
        <v>10710136</v>
      </c>
      <c r="GB9" s="270">
        <v>35666696</v>
      </c>
      <c r="GC9" s="263">
        <v>23833596</v>
      </c>
      <c r="GD9" s="270">
        <v>19494738</v>
      </c>
      <c r="GE9" s="263">
        <v>13358762</v>
      </c>
      <c r="GF9" s="268">
        <v>103063928</v>
      </c>
      <c r="GG9" s="271">
        <v>113065372</v>
      </c>
      <c r="GH9" s="272">
        <v>416764</v>
      </c>
      <c r="GI9" s="263">
        <v>617665</v>
      </c>
      <c r="GJ9" s="270">
        <v>1034429</v>
      </c>
      <c r="GK9" s="258">
        <v>0</v>
      </c>
      <c r="GL9" s="263">
        <v>1251612</v>
      </c>
      <c r="GM9" s="259">
        <v>1001488</v>
      </c>
      <c r="GN9" s="263">
        <v>970833</v>
      </c>
      <c r="GO9" s="259">
        <v>679327</v>
      </c>
      <c r="GP9" s="263">
        <v>374046</v>
      </c>
      <c r="GQ9" s="269">
        <v>4277306</v>
      </c>
      <c r="GR9" s="260">
        <v>5311735</v>
      </c>
      <c r="GS9" s="259">
        <v>2958897</v>
      </c>
      <c r="GT9" s="263">
        <v>2611109</v>
      </c>
      <c r="GU9" s="261">
        <v>5570006</v>
      </c>
      <c r="GV9" s="259">
        <v>0</v>
      </c>
      <c r="GW9" s="263">
        <v>3180804</v>
      </c>
      <c r="GX9" s="259">
        <v>2025561</v>
      </c>
      <c r="GY9" s="263">
        <v>2258287</v>
      </c>
      <c r="GZ9" s="259">
        <v>1318952</v>
      </c>
      <c r="HA9" s="263">
        <v>469560</v>
      </c>
      <c r="HB9" s="259">
        <v>9253164</v>
      </c>
      <c r="HC9" s="260">
        <v>14823170</v>
      </c>
      <c r="HD9" s="259">
        <v>10436914</v>
      </c>
      <c r="HE9" s="263">
        <v>11923422</v>
      </c>
      <c r="HF9" s="259">
        <v>22360336</v>
      </c>
      <c r="HG9" s="265">
        <v>0</v>
      </c>
      <c r="HH9" s="263">
        <v>95559308</v>
      </c>
      <c r="HI9" s="270">
        <v>97780769</v>
      </c>
      <c r="HJ9" s="263">
        <v>85478861</v>
      </c>
      <c r="HK9" s="270">
        <v>108803318</v>
      </c>
      <c r="HL9" s="263">
        <v>55592557</v>
      </c>
      <c r="HM9" s="268">
        <v>443214813</v>
      </c>
      <c r="HN9" s="259">
        <v>465575149</v>
      </c>
      <c r="HO9" s="272">
        <v>0</v>
      </c>
      <c r="HP9" s="263">
        <v>0</v>
      </c>
      <c r="HQ9" s="268">
        <v>0</v>
      </c>
      <c r="HR9" s="270">
        <v>0</v>
      </c>
      <c r="HS9" s="263">
        <v>0</v>
      </c>
      <c r="HT9" s="270">
        <v>0</v>
      </c>
      <c r="HU9" s="263">
        <v>0</v>
      </c>
      <c r="HV9" s="270">
        <v>0</v>
      </c>
      <c r="HW9" s="263">
        <v>0</v>
      </c>
      <c r="HX9" s="270">
        <v>0</v>
      </c>
      <c r="HY9" s="260">
        <v>0</v>
      </c>
      <c r="HZ9" s="273">
        <v>382247</v>
      </c>
      <c r="IA9" s="274">
        <v>801532</v>
      </c>
      <c r="IB9" s="275">
        <v>1183779</v>
      </c>
      <c r="IC9" s="276">
        <v>0</v>
      </c>
      <c r="ID9" s="274">
        <v>75510274</v>
      </c>
      <c r="IE9" s="277">
        <v>105633365</v>
      </c>
      <c r="IF9" s="278">
        <v>103135593</v>
      </c>
      <c r="IG9" s="274">
        <v>83054228</v>
      </c>
      <c r="IH9" s="278">
        <v>53125531</v>
      </c>
      <c r="II9" s="279">
        <v>420458991</v>
      </c>
      <c r="IJ9" s="280">
        <v>421642770</v>
      </c>
      <c r="IK9" s="281">
        <v>0</v>
      </c>
      <c r="IL9" s="282">
        <v>0</v>
      </c>
      <c r="IM9" s="283">
        <v>0</v>
      </c>
      <c r="IN9" s="406">
        <v>0</v>
      </c>
      <c r="IO9" s="284">
        <v>1682843</v>
      </c>
      <c r="IP9" s="284">
        <v>2888865</v>
      </c>
      <c r="IQ9" s="284">
        <v>4830972</v>
      </c>
      <c r="IR9" s="284">
        <v>5846056</v>
      </c>
      <c r="IS9" s="284">
        <v>5274549</v>
      </c>
      <c r="IT9" s="285">
        <v>20523285</v>
      </c>
      <c r="IU9" s="286">
        <v>20523285</v>
      </c>
      <c r="IV9" s="287">
        <v>0</v>
      </c>
      <c r="IW9" s="284">
        <v>0</v>
      </c>
      <c r="IX9" s="288">
        <v>0</v>
      </c>
      <c r="IY9" s="406">
        <v>0</v>
      </c>
      <c r="IZ9" s="284">
        <v>168302</v>
      </c>
      <c r="JA9" s="284">
        <v>413372</v>
      </c>
      <c r="JB9" s="284">
        <v>805683</v>
      </c>
      <c r="JC9" s="284">
        <v>1161316</v>
      </c>
      <c r="JD9" s="284">
        <v>642213</v>
      </c>
      <c r="JE9" s="288">
        <v>3190886</v>
      </c>
      <c r="JF9" s="289">
        <v>3190886</v>
      </c>
      <c r="JG9" s="287">
        <v>0</v>
      </c>
      <c r="JH9" s="284">
        <v>0</v>
      </c>
      <c r="JI9" s="285">
        <v>0</v>
      </c>
      <c r="JJ9" s="290">
        <v>0</v>
      </c>
      <c r="JK9" s="284">
        <v>35380540</v>
      </c>
      <c r="JL9" s="284">
        <v>43085731</v>
      </c>
      <c r="JM9" s="284">
        <v>26960447</v>
      </c>
      <c r="JN9" s="284">
        <v>14827113</v>
      </c>
      <c r="JO9" s="284">
        <v>7910388</v>
      </c>
      <c r="JP9" s="288">
        <v>128164219</v>
      </c>
      <c r="JQ9" s="286">
        <v>128164219</v>
      </c>
      <c r="JR9" s="287">
        <v>0</v>
      </c>
      <c r="JS9" s="284">
        <v>0</v>
      </c>
      <c r="JT9" s="285">
        <v>0</v>
      </c>
      <c r="JU9" s="290">
        <v>0</v>
      </c>
      <c r="JV9" s="284">
        <v>4635969</v>
      </c>
      <c r="JW9" s="284">
        <v>7098734</v>
      </c>
      <c r="JX9" s="284">
        <v>8530381</v>
      </c>
      <c r="JY9" s="284">
        <v>5246062</v>
      </c>
      <c r="JZ9" s="284">
        <v>2837479</v>
      </c>
      <c r="KA9" s="288">
        <v>28348625</v>
      </c>
      <c r="KB9" s="286">
        <v>28348625</v>
      </c>
      <c r="KC9" s="291">
        <v>382247</v>
      </c>
      <c r="KD9" s="292">
        <v>558128</v>
      </c>
      <c r="KE9" s="288">
        <v>940375</v>
      </c>
      <c r="KF9" s="290">
        <v>0</v>
      </c>
      <c r="KG9" s="284">
        <v>8629123</v>
      </c>
      <c r="KH9" s="284">
        <v>13771983</v>
      </c>
      <c r="KI9" s="284">
        <v>16036355</v>
      </c>
      <c r="KJ9" s="284">
        <v>12224069</v>
      </c>
      <c r="KK9" s="284">
        <v>6844955</v>
      </c>
      <c r="KL9" s="288">
        <v>57506485</v>
      </c>
      <c r="KM9" s="293">
        <v>58446860</v>
      </c>
      <c r="KN9" s="281">
        <v>0</v>
      </c>
      <c r="KO9" s="282">
        <v>243404</v>
      </c>
      <c r="KP9" s="283">
        <v>243404</v>
      </c>
      <c r="KQ9" s="406">
        <v>0</v>
      </c>
      <c r="KR9" s="284">
        <v>21890526</v>
      </c>
      <c r="KS9" s="284">
        <v>33148656</v>
      </c>
      <c r="KT9" s="284">
        <v>35739531</v>
      </c>
      <c r="KU9" s="284">
        <v>26485201</v>
      </c>
      <c r="KV9" s="284">
        <v>14457124</v>
      </c>
      <c r="KW9" s="288">
        <v>131721038</v>
      </c>
      <c r="KX9" s="286">
        <v>131964442</v>
      </c>
      <c r="KY9" s="287">
        <v>0</v>
      </c>
      <c r="KZ9" s="284">
        <v>0</v>
      </c>
      <c r="LA9" s="288">
        <v>0</v>
      </c>
      <c r="LB9" s="406">
        <v>0</v>
      </c>
      <c r="LC9" s="284">
        <v>360584</v>
      </c>
      <c r="LD9" s="284">
        <v>1008585</v>
      </c>
      <c r="LE9" s="284">
        <v>675997</v>
      </c>
      <c r="LF9" s="284">
        <v>1365168</v>
      </c>
      <c r="LG9" s="284">
        <v>1390105</v>
      </c>
      <c r="LH9" s="288">
        <v>4800439</v>
      </c>
      <c r="LI9" s="289">
        <v>4800439</v>
      </c>
      <c r="LJ9" s="287">
        <v>0</v>
      </c>
      <c r="LK9" s="284">
        <v>0</v>
      </c>
      <c r="LL9" s="288">
        <v>0</v>
      </c>
      <c r="LM9" s="406">
        <v>0</v>
      </c>
      <c r="LN9" s="284">
        <v>237692</v>
      </c>
      <c r="LO9" s="284">
        <v>735093</v>
      </c>
      <c r="LP9" s="284">
        <v>2603152</v>
      </c>
      <c r="LQ9" s="284">
        <v>7694678</v>
      </c>
      <c r="LR9" s="284">
        <v>4762970</v>
      </c>
      <c r="LS9" s="288">
        <v>16033585</v>
      </c>
      <c r="LT9" s="286">
        <v>16033585</v>
      </c>
      <c r="LU9" s="287">
        <v>0</v>
      </c>
      <c r="LV9" s="284">
        <v>0</v>
      </c>
      <c r="LW9" s="288">
        <v>0</v>
      </c>
      <c r="LX9" s="406">
        <v>0</v>
      </c>
      <c r="LY9" s="284">
        <v>2524695</v>
      </c>
      <c r="LZ9" s="284">
        <v>3482346</v>
      </c>
      <c r="MA9" s="284">
        <v>6953075</v>
      </c>
      <c r="MB9" s="284">
        <v>8204565</v>
      </c>
      <c r="MC9" s="284">
        <v>9005748</v>
      </c>
      <c r="MD9" s="288">
        <v>30170429</v>
      </c>
      <c r="ME9" s="289">
        <v>30170429</v>
      </c>
      <c r="MF9" s="287">
        <v>0</v>
      </c>
      <c r="MG9" s="284">
        <v>0</v>
      </c>
      <c r="MH9" s="288">
        <v>0</v>
      </c>
      <c r="MI9" s="406">
        <v>0</v>
      </c>
      <c r="MJ9" s="284">
        <v>23078904</v>
      </c>
      <c r="MK9" s="284">
        <v>61028837</v>
      </c>
      <c r="ML9" s="284">
        <v>202063331</v>
      </c>
      <c r="MM9" s="284">
        <v>278484219</v>
      </c>
      <c r="MN9" s="284">
        <v>159406872</v>
      </c>
      <c r="MO9" s="288">
        <v>724062163</v>
      </c>
      <c r="MP9" s="293">
        <v>724062163</v>
      </c>
      <c r="MQ9" s="287">
        <v>0</v>
      </c>
      <c r="MR9" s="284">
        <v>0</v>
      </c>
      <c r="MS9" s="288">
        <v>0</v>
      </c>
      <c r="MT9" s="406">
        <v>0</v>
      </c>
      <c r="MU9" s="284">
        <v>3737035</v>
      </c>
      <c r="MV9" s="284">
        <v>15742624</v>
      </c>
      <c r="MW9" s="284">
        <v>114653718</v>
      </c>
      <c r="MX9" s="284">
        <v>177842037</v>
      </c>
      <c r="MY9" s="284">
        <v>99748649</v>
      </c>
      <c r="MZ9" s="288">
        <v>411724063</v>
      </c>
      <c r="NA9" s="293">
        <v>411724063</v>
      </c>
      <c r="NB9" s="287">
        <v>0</v>
      </c>
      <c r="NC9" s="284">
        <v>0</v>
      </c>
      <c r="ND9" s="288">
        <v>0</v>
      </c>
      <c r="NE9" s="406">
        <v>0</v>
      </c>
      <c r="NF9" s="284">
        <v>19341869</v>
      </c>
      <c r="NG9" s="284">
        <v>45286213</v>
      </c>
      <c r="NH9" s="284">
        <v>87339155</v>
      </c>
      <c r="NI9" s="284">
        <v>97548880</v>
      </c>
      <c r="NJ9" s="284">
        <v>53951142</v>
      </c>
      <c r="NK9" s="288">
        <v>303467259</v>
      </c>
      <c r="NL9" s="286">
        <v>303467259</v>
      </c>
      <c r="NM9" s="287">
        <v>0</v>
      </c>
      <c r="NN9" s="284">
        <v>0</v>
      </c>
      <c r="NO9" s="288">
        <v>0</v>
      </c>
      <c r="NP9" s="406">
        <v>0</v>
      </c>
      <c r="NQ9" s="284">
        <v>0</v>
      </c>
      <c r="NR9" s="284">
        <v>0</v>
      </c>
      <c r="NS9" s="284">
        <v>0</v>
      </c>
      <c r="NT9" s="284">
        <v>0</v>
      </c>
      <c r="NU9" s="284">
        <v>0</v>
      </c>
      <c r="NV9" s="288">
        <v>0</v>
      </c>
      <c r="NW9" s="289">
        <v>0</v>
      </c>
      <c r="NX9" s="287">
        <v>0</v>
      </c>
      <c r="NY9" s="284">
        <v>0</v>
      </c>
      <c r="NZ9" s="288">
        <v>0</v>
      </c>
      <c r="OA9" s="406">
        <v>0</v>
      </c>
      <c r="OB9" s="284">
        <v>0</v>
      </c>
      <c r="OC9" s="284">
        <v>0</v>
      </c>
      <c r="OD9" s="284">
        <v>70458</v>
      </c>
      <c r="OE9" s="284">
        <v>3093302</v>
      </c>
      <c r="OF9" s="284">
        <v>5707081</v>
      </c>
      <c r="OG9" s="288">
        <v>8870841</v>
      </c>
      <c r="OH9" s="289">
        <v>8870841</v>
      </c>
      <c r="OI9" s="287">
        <v>28563456</v>
      </c>
      <c r="OJ9" s="284">
        <v>50650248</v>
      </c>
      <c r="OK9" s="285">
        <v>79213704</v>
      </c>
      <c r="OL9" s="290">
        <v>0</v>
      </c>
      <c r="OM9" s="284">
        <v>407619740</v>
      </c>
      <c r="ON9" s="284">
        <v>580725997</v>
      </c>
      <c r="OO9" s="284">
        <v>644996956</v>
      </c>
      <c r="OP9" s="284">
        <v>684807517</v>
      </c>
      <c r="OQ9" s="284">
        <v>414132586</v>
      </c>
      <c r="OR9" s="288">
        <v>2732282796</v>
      </c>
      <c r="OS9" s="293">
        <v>2811496500</v>
      </c>
    </row>
    <row r="10" spans="1:409" s="407" customFormat="1" ht="21" customHeight="1" x14ac:dyDescent="0.2">
      <c r="A10" s="70"/>
      <c r="B10" s="409" t="s">
        <v>5</v>
      </c>
      <c r="C10" s="295">
        <v>11745488</v>
      </c>
      <c r="D10" s="296">
        <v>26932038</v>
      </c>
      <c r="E10" s="297">
        <v>38677526</v>
      </c>
      <c r="F10" s="298">
        <v>0</v>
      </c>
      <c r="G10" s="296">
        <v>113553130</v>
      </c>
      <c r="H10" s="296">
        <v>198379544</v>
      </c>
      <c r="I10" s="296">
        <v>158331170</v>
      </c>
      <c r="J10" s="296">
        <v>142383254</v>
      </c>
      <c r="K10" s="296">
        <v>89188517</v>
      </c>
      <c r="L10" s="298">
        <v>701835615</v>
      </c>
      <c r="M10" s="299">
        <v>740513141</v>
      </c>
      <c r="N10" s="295">
        <v>3432858</v>
      </c>
      <c r="O10" s="296">
        <v>11426905</v>
      </c>
      <c r="P10" s="297">
        <v>14859763</v>
      </c>
      <c r="Q10" s="295">
        <v>0</v>
      </c>
      <c r="R10" s="296">
        <v>37135264</v>
      </c>
      <c r="S10" s="296">
        <v>72910420</v>
      </c>
      <c r="T10" s="296">
        <v>57655405</v>
      </c>
      <c r="U10" s="296">
        <v>54322767</v>
      </c>
      <c r="V10" s="296">
        <v>44303785</v>
      </c>
      <c r="W10" s="297">
        <v>266327641</v>
      </c>
      <c r="X10" s="299">
        <v>281187404</v>
      </c>
      <c r="Y10" s="295">
        <v>0</v>
      </c>
      <c r="Z10" s="296">
        <v>0</v>
      </c>
      <c r="AA10" s="297">
        <v>0</v>
      </c>
      <c r="AB10" s="295">
        <v>0</v>
      </c>
      <c r="AC10" s="296">
        <v>13852383</v>
      </c>
      <c r="AD10" s="296">
        <v>27327855</v>
      </c>
      <c r="AE10" s="296">
        <v>25856248</v>
      </c>
      <c r="AF10" s="296">
        <v>26432345</v>
      </c>
      <c r="AG10" s="296">
        <v>23317471</v>
      </c>
      <c r="AH10" s="297">
        <v>116786302</v>
      </c>
      <c r="AI10" s="299">
        <v>116786302</v>
      </c>
      <c r="AJ10" s="295">
        <v>0</v>
      </c>
      <c r="AK10" s="296">
        <v>91636</v>
      </c>
      <c r="AL10" s="297">
        <v>91636</v>
      </c>
      <c r="AM10" s="295">
        <v>0</v>
      </c>
      <c r="AN10" s="296">
        <v>175444</v>
      </c>
      <c r="AO10" s="296">
        <v>535092</v>
      </c>
      <c r="AP10" s="296">
        <v>1309580</v>
      </c>
      <c r="AQ10" s="296">
        <v>3679976</v>
      </c>
      <c r="AR10" s="296">
        <v>5701380</v>
      </c>
      <c r="AS10" s="297">
        <v>11401472</v>
      </c>
      <c r="AT10" s="299">
        <v>11493108</v>
      </c>
      <c r="AU10" s="295">
        <v>1892937</v>
      </c>
      <c r="AV10" s="296">
        <v>8533842</v>
      </c>
      <c r="AW10" s="297">
        <v>10426779</v>
      </c>
      <c r="AX10" s="295">
        <v>0</v>
      </c>
      <c r="AY10" s="296">
        <v>15186790</v>
      </c>
      <c r="AZ10" s="296">
        <v>33277935</v>
      </c>
      <c r="BA10" s="296">
        <v>21207665</v>
      </c>
      <c r="BB10" s="296">
        <v>15506308</v>
      </c>
      <c r="BC10" s="296">
        <v>9893243</v>
      </c>
      <c r="BD10" s="297">
        <v>95071941</v>
      </c>
      <c r="BE10" s="299">
        <v>105498720</v>
      </c>
      <c r="BF10" s="295">
        <v>176545</v>
      </c>
      <c r="BG10" s="296">
        <v>728667</v>
      </c>
      <c r="BH10" s="300">
        <v>905212</v>
      </c>
      <c r="BI10" s="301">
        <v>0</v>
      </c>
      <c r="BJ10" s="296">
        <v>946311</v>
      </c>
      <c r="BK10" s="296">
        <v>1527272</v>
      </c>
      <c r="BL10" s="296">
        <v>1084099</v>
      </c>
      <c r="BM10" s="296">
        <v>547730</v>
      </c>
      <c r="BN10" s="296">
        <v>296963</v>
      </c>
      <c r="BO10" s="297">
        <v>4402375</v>
      </c>
      <c r="BP10" s="299">
        <v>5307587</v>
      </c>
      <c r="BQ10" s="295">
        <v>1363376</v>
      </c>
      <c r="BR10" s="296">
        <v>2072760</v>
      </c>
      <c r="BS10" s="297">
        <v>3436136</v>
      </c>
      <c r="BT10" s="295">
        <v>0</v>
      </c>
      <c r="BU10" s="296">
        <v>6974336</v>
      </c>
      <c r="BV10" s="296">
        <v>10242266</v>
      </c>
      <c r="BW10" s="296">
        <v>8197813</v>
      </c>
      <c r="BX10" s="296">
        <v>8156408</v>
      </c>
      <c r="BY10" s="296">
        <v>5094728</v>
      </c>
      <c r="BZ10" s="297">
        <v>38665551</v>
      </c>
      <c r="CA10" s="299">
        <v>42101687</v>
      </c>
      <c r="CB10" s="295">
        <v>1515830</v>
      </c>
      <c r="CC10" s="296">
        <v>4018371</v>
      </c>
      <c r="CD10" s="297">
        <v>5534201</v>
      </c>
      <c r="CE10" s="295">
        <v>0</v>
      </c>
      <c r="CF10" s="296">
        <v>32932628</v>
      </c>
      <c r="CG10" s="296">
        <v>50833442</v>
      </c>
      <c r="CH10" s="296">
        <v>34146068</v>
      </c>
      <c r="CI10" s="296">
        <v>18365497</v>
      </c>
      <c r="CJ10" s="296">
        <v>8672810</v>
      </c>
      <c r="CK10" s="297">
        <v>144950445</v>
      </c>
      <c r="CL10" s="299">
        <v>150484646</v>
      </c>
      <c r="CM10" s="295">
        <v>0</v>
      </c>
      <c r="CN10" s="296">
        <v>0</v>
      </c>
      <c r="CO10" s="297">
        <v>0</v>
      </c>
      <c r="CP10" s="301">
        <v>0</v>
      </c>
      <c r="CQ10" s="296">
        <v>26256465</v>
      </c>
      <c r="CR10" s="296">
        <v>35453563</v>
      </c>
      <c r="CS10" s="296">
        <v>22376213</v>
      </c>
      <c r="CT10" s="296">
        <v>11802003</v>
      </c>
      <c r="CU10" s="296">
        <v>7047380</v>
      </c>
      <c r="CV10" s="297">
        <v>102935624</v>
      </c>
      <c r="CW10" s="299">
        <v>102935624</v>
      </c>
      <c r="CX10" s="295">
        <v>1515830</v>
      </c>
      <c r="CY10" s="296">
        <v>4018371</v>
      </c>
      <c r="CZ10" s="297">
        <v>5534201</v>
      </c>
      <c r="DA10" s="295">
        <v>0</v>
      </c>
      <c r="DB10" s="296">
        <v>6676163</v>
      </c>
      <c r="DC10" s="296">
        <v>15379879</v>
      </c>
      <c r="DD10" s="296">
        <v>11769855</v>
      </c>
      <c r="DE10" s="296">
        <v>6563494</v>
      </c>
      <c r="DF10" s="296">
        <v>1625430</v>
      </c>
      <c r="DG10" s="297">
        <v>42014821</v>
      </c>
      <c r="DH10" s="299">
        <v>47549022</v>
      </c>
      <c r="DI10" s="295">
        <v>53084</v>
      </c>
      <c r="DJ10" s="296">
        <v>567158</v>
      </c>
      <c r="DK10" s="300">
        <v>620242</v>
      </c>
      <c r="DL10" s="301">
        <v>0</v>
      </c>
      <c r="DM10" s="296">
        <v>3427217</v>
      </c>
      <c r="DN10" s="296">
        <v>8492603</v>
      </c>
      <c r="DO10" s="296">
        <v>15125574</v>
      </c>
      <c r="DP10" s="296">
        <v>11934115</v>
      </c>
      <c r="DQ10" s="296">
        <v>5811820</v>
      </c>
      <c r="DR10" s="297">
        <v>44791329</v>
      </c>
      <c r="DS10" s="299">
        <v>45411571</v>
      </c>
      <c r="DT10" s="295">
        <v>53084</v>
      </c>
      <c r="DU10" s="296">
        <v>534870</v>
      </c>
      <c r="DV10" s="297">
        <v>587954</v>
      </c>
      <c r="DW10" s="295">
        <v>0</v>
      </c>
      <c r="DX10" s="296">
        <v>3181545</v>
      </c>
      <c r="DY10" s="296">
        <v>7352376</v>
      </c>
      <c r="DZ10" s="296">
        <v>12565753</v>
      </c>
      <c r="EA10" s="296">
        <v>9845093</v>
      </c>
      <c r="EB10" s="296">
        <v>4140761</v>
      </c>
      <c r="EC10" s="297">
        <v>37085528</v>
      </c>
      <c r="ED10" s="299">
        <v>37673482</v>
      </c>
      <c r="EE10" s="295">
        <v>0</v>
      </c>
      <c r="EF10" s="300">
        <v>32288</v>
      </c>
      <c r="EG10" s="297">
        <v>32288</v>
      </c>
      <c r="EH10" s="295">
        <v>0</v>
      </c>
      <c r="EI10" s="296">
        <v>245672</v>
      </c>
      <c r="EJ10" s="296">
        <v>1140227</v>
      </c>
      <c r="EK10" s="296">
        <v>2559821</v>
      </c>
      <c r="EL10" s="296">
        <v>2089022</v>
      </c>
      <c r="EM10" s="296">
        <v>1671059</v>
      </c>
      <c r="EN10" s="300">
        <v>7705801</v>
      </c>
      <c r="EO10" s="299">
        <v>7738089</v>
      </c>
      <c r="EP10" s="295">
        <v>0</v>
      </c>
      <c r="EQ10" s="296">
        <v>0</v>
      </c>
      <c r="ER10" s="300">
        <v>0</v>
      </c>
      <c r="ES10" s="301">
        <v>0</v>
      </c>
      <c r="ET10" s="296">
        <v>0</v>
      </c>
      <c r="EU10" s="296">
        <v>0</v>
      </c>
      <c r="EV10" s="296">
        <v>0</v>
      </c>
      <c r="EW10" s="296">
        <v>0</v>
      </c>
      <c r="EX10" s="296">
        <v>0</v>
      </c>
      <c r="EY10" s="297">
        <v>0</v>
      </c>
      <c r="EZ10" s="299">
        <v>0</v>
      </c>
      <c r="FA10" s="295">
        <v>0</v>
      </c>
      <c r="FB10" s="296">
        <v>0</v>
      </c>
      <c r="FC10" s="300">
        <v>0</v>
      </c>
      <c r="FD10" s="301">
        <v>0</v>
      </c>
      <c r="FE10" s="296">
        <v>0</v>
      </c>
      <c r="FF10" s="296">
        <v>0</v>
      </c>
      <c r="FG10" s="296">
        <v>0</v>
      </c>
      <c r="FH10" s="296">
        <v>0</v>
      </c>
      <c r="FI10" s="296">
        <v>0</v>
      </c>
      <c r="FJ10" s="297">
        <v>0</v>
      </c>
      <c r="FK10" s="299">
        <v>0</v>
      </c>
      <c r="FL10" s="295">
        <v>2550752</v>
      </c>
      <c r="FM10" s="296">
        <v>4703836</v>
      </c>
      <c r="FN10" s="297">
        <v>7254588</v>
      </c>
      <c r="FO10" s="295">
        <v>0</v>
      </c>
      <c r="FP10" s="296">
        <v>4760230</v>
      </c>
      <c r="FQ10" s="296">
        <v>17216801</v>
      </c>
      <c r="FR10" s="296">
        <v>11845357</v>
      </c>
      <c r="FS10" s="296">
        <v>9004799</v>
      </c>
      <c r="FT10" s="296">
        <v>6074688</v>
      </c>
      <c r="FU10" s="297">
        <v>48901875</v>
      </c>
      <c r="FV10" s="299">
        <v>56156463</v>
      </c>
      <c r="FW10" s="302">
        <v>827152</v>
      </c>
      <c r="FX10" s="296">
        <v>3273156</v>
      </c>
      <c r="FY10" s="300">
        <v>4100308</v>
      </c>
      <c r="FZ10" s="301">
        <v>0</v>
      </c>
      <c r="GA10" s="296">
        <v>3341376</v>
      </c>
      <c r="GB10" s="296">
        <v>15978824</v>
      </c>
      <c r="GC10" s="296">
        <v>10520512</v>
      </c>
      <c r="GD10" s="296">
        <v>8184208</v>
      </c>
      <c r="GE10" s="296">
        <v>5589680</v>
      </c>
      <c r="GF10" s="297">
        <v>43614600</v>
      </c>
      <c r="GG10" s="303">
        <v>47714908</v>
      </c>
      <c r="GH10" s="302">
        <v>164008</v>
      </c>
      <c r="GI10" s="296">
        <v>300744</v>
      </c>
      <c r="GJ10" s="300">
        <v>464752</v>
      </c>
      <c r="GK10" s="301">
        <v>0</v>
      </c>
      <c r="GL10" s="296">
        <v>297367</v>
      </c>
      <c r="GM10" s="296">
        <v>469665</v>
      </c>
      <c r="GN10" s="296">
        <v>486325</v>
      </c>
      <c r="GO10" s="296">
        <v>342111</v>
      </c>
      <c r="GP10" s="296">
        <v>71448</v>
      </c>
      <c r="GQ10" s="297">
        <v>1666916</v>
      </c>
      <c r="GR10" s="299">
        <v>2131668</v>
      </c>
      <c r="GS10" s="295">
        <v>1559592</v>
      </c>
      <c r="GT10" s="296">
        <v>1129936</v>
      </c>
      <c r="GU10" s="297">
        <v>2689528</v>
      </c>
      <c r="GV10" s="295">
        <v>0</v>
      </c>
      <c r="GW10" s="296">
        <v>1121487</v>
      </c>
      <c r="GX10" s="296">
        <v>768312</v>
      </c>
      <c r="GY10" s="296">
        <v>838520</v>
      </c>
      <c r="GZ10" s="296">
        <v>478480</v>
      </c>
      <c r="HA10" s="296">
        <v>413560</v>
      </c>
      <c r="HB10" s="300">
        <v>3620359</v>
      </c>
      <c r="HC10" s="299">
        <v>6309887</v>
      </c>
      <c r="HD10" s="295">
        <v>4192964</v>
      </c>
      <c r="HE10" s="296">
        <v>6215768</v>
      </c>
      <c r="HF10" s="300">
        <v>10408732</v>
      </c>
      <c r="HG10" s="301">
        <v>0</v>
      </c>
      <c r="HH10" s="296">
        <v>35297791</v>
      </c>
      <c r="HI10" s="296">
        <v>48926278</v>
      </c>
      <c r="HJ10" s="296">
        <v>39558766</v>
      </c>
      <c r="HK10" s="296">
        <v>48756076</v>
      </c>
      <c r="HL10" s="296">
        <v>24325414</v>
      </c>
      <c r="HM10" s="297">
        <v>196864325</v>
      </c>
      <c r="HN10" s="298">
        <v>207273057</v>
      </c>
      <c r="HO10" s="302">
        <v>0</v>
      </c>
      <c r="HP10" s="296">
        <v>0</v>
      </c>
      <c r="HQ10" s="297">
        <v>0</v>
      </c>
      <c r="HR10" s="295">
        <v>0</v>
      </c>
      <c r="HS10" s="296">
        <v>0</v>
      </c>
      <c r="HT10" s="296">
        <v>0</v>
      </c>
      <c r="HU10" s="296">
        <v>0</v>
      </c>
      <c r="HV10" s="296">
        <v>0</v>
      </c>
      <c r="HW10" s="296">
        <v>0</v>
      </c>
      <c r="HX10" s="300">
        <v>0</v>
      </c>
      <c r="HY10" s="299">
        <v>0</v>
      </c>
      <c r="HZ10" s="304">
        <v>150394</v>
      </c>
      <c r="IA10" s="305">
        <v>494199</v>
      </c>
      <c r="IB10" s="306">
        <v>644593</v>
      </c>
      <c r="IC10" s="307">
        <v>0</v>
      </c>
      <c r="ID10" s="308">
        <v>28645821</v>
      </c>
      <c r="IE10" s="309">
        <v>48216149</v>
      </c>
      <c r="IF10" s="310">
        <v>44375814</v>
      </c>
      <c r="IG10" s="308">
        <v>33376469</v>
      </c>
      <c r="IH10" s="310">
        <v>21891144</v>
      </c>
      <c r="II10" s="311">
        <v>176505397</v>
      </c>
      <c r="IJ10" s="312">
        <v>177149990</v>
      </c>
      <c r="IK10" s="313">
        <v>0</v>
      </c>
      <c r="IL10" s="314">
        <v>0</v>
      </c>
      <c r="IM10" s="315">
        <v>0</v>
      </c>
      <c r="IN10" s="403">
        <v>0</v>
      </c>
      <c r="IO10" s="316">
        <v>685869</v>
      </c>
      <c r="IP10" s="316">
        <v>1599779</v>
      </c>
      <c r="IQ10" s="316">
        <v>1814547</v>
      </c>
      <c r="IR10" s="316">
        <v>3923080</v>
      </c>
      <c r="IS10" s="316">
        <v>2546606</v>
      </c>
      <c r="IT10" s="317">
        <v>10569881</v>
      </c>
      <c r="IU10" s="318">
        <v>10569881</v>
      </c>
      <c r="IV10" s="319">
        <v>0</v>
      </c>
      <c r="IW10" s="316">
        <v>0</v>
      </c>
      <c r="IX10" s="320">
        <v>0</v>
      </c>
      <c r="IY10" s="403">
        <v>0</v>
      </c>
      <c r="IZ10" s="316">
        <v>94470</v>
      </c>
      <c r="JA10" s="316">
        <v>322281</v>
      </c>
      <c r="JB10" s="316">
        <v>539964</v>
      </c>
      <c r="JC10" s="316">
        <v>1091871</v>
      </c>
      <c r="JD10" s="316">
        <v>565497</v>
      </c>
      <c r="JE10" s="320">
        <v>2614083</v>
      </c>
      <c r="JF10" s="321">
        <v>2614083</v>
      </c>
      <c r="JG10" s="319">
        <v>0</v>
      </c>
      <c r="JH10" s="316">
        <v>0</v>
      </c>
      <c r="JI10" s="317">
        <v>0</v>
      </c>
      <c r="JJ10" s="322">
        <v>0</v>
      </c>
      <c r="JK10" s="316">
        <v>12754241</v>
      </c>
      <c r="JL10" s="316">
        <v>20454566</v>
      </c>
      <c r="JM10" s="316">
        <v>15904915</v>
      </c>
      <c r="JN10" s="316">
        <v>7160744</v>
      </c>
      <c r="JO10" s="316">
        <v>3334906</v>
      </c>
      <c r="JP10" s="320">
        <v>59609372</v>
      </c>
      <c r="JQ10" s="318">
        <v>59609372</v>
      </c>
      <c r="JR10" s="319">
        <v>0</v>
      </c>
      <c r="JS10" s="316">
        <v>0</v>
      </c>
      <c r="JT10" s="317">
        <v>0</v>
      </c>
      <c r="JU10" s="322">
        <v>0</v>
      </c>
      <c r="JV10" s="316">
        <v>2561637</v>
      </c>
      <c r="JW10" s="316">
        <v>4467505</v>
      </c>
      <c r="JX10" s="316">
        <v>4896212</v>
      </c>
      <c r="JY10" s="316">
        <v>3339809</v>
      </c>
      <c r="JZ10" s="316">
        <v>1426986</v>
      </c>
      <c r="KA10" s="320">
        <v>16692149</v>
      </c>
      <c r="KB10" s="318">
        <v>16692149</v>
      </c>
      <c r="KC10" s="323">
        <v>150394</v>
      </c>
      <c r="KD10" s="324">
        <v>250795</v>
      </c>
      <c r="KE10" s="320">
        <v>401189</v>
      </c>
      <c r="KF10" s="322">
        <v>0</v>
      </c>
      <c r="KG10" s="316">
        <v>3535623</v>
      </c>
      <c r="KH10" s="316">
        <v>6821320</v>
      </c>
      <c r="KI10" s="316">
        <v>6871075</v>
      </c>
      <c r="KJ10" s="316">
        <v>5284766</v>
      </c>
      <c r="KK10" s="316">
        <v>3304203</v>
      </c>
      <c r="KL10" s="320">
        <v>25816987</v>
      </c>
      <c r="KM10" s="325">
        <v>26218176</v>
      </c>
      <c r="KN10" s="313">
        <v>0</v>
      </c>
      <c r="KO10" s="314">
        <v>243404</v>
      </c>
      <c r="KP10" s="315">
        <v>243404</v>
      </c>
      <c r="KQ10" s="403">
        <v>0</v>
      </c>
      <c r="KR10" s="316">
        <v>8376908</v>
      </c>
      <c r="KS10" s="316">
        <v>13122697</v>
      </c>
      <c r="KT10" s="316">
        <v>12240915</v>
      </c>
      <c r="KU10" s="316">
        <v>9254385</v>
      </c>
      <c r="KV10" s="316">
        <v>6833134</v>
      </c>
      <c r="KW10" s="320">
        <v>49828039</v>
      </c>
      <c r="KX10" s="318">
        <v>50071443</v>
      </c>
      <c r="KY10" s="319">
        <v>0</v>
      </c>
      <c r="KZ10" s="316">
        <v>0</v>
      </c>
      <c r="LA10" s="320">
        <v>0</v>
      </c>
      <c r="LB10" s="403">
        <v>0</v>
      </c>
      <c r="LC10" s="316">
        <v>0</v>
      </c>
      <c r="LD10" s="316">
        <v>0</v>
      </c>
      <c r="LE10" s="316">
        <v>0</v>
      </c>
      <c r="LF10" s="316">
        <v>0</v>
      </c>
      <c r="LG10" s="316">
        <v>0</v>
      </c>
      <c r="LH10" s="320">
        <v>0</v>
      </c>
      <c r="LI10" s="321">
        <v>0</v>
      </c>
      <c r="LJ10" s="319">
        <v>0</v>
      </c>
      <c r="LK10" s="316">
        <v>0</v>
      </c>
      <c r="LL10" s="320">
        <v>0</v>
      </c>
      <c r="LM10" s="403">
        <v>0</v>
      </c>
      <c r="LN10" s="316">
        <v>237692</v>
      </c>
      <c r="LO10" s="316">
        <v>273874</v>
      </c>
      <c r="LP10" s="316">
        <v>296523</v>
      </c>
      <c r="LQ10" s="316">
        <v>1559199</v>
      </c>
      <c r="LR10" s="316">
        <v>640068</v>
      </c>
      <c r="LS10" s="320">
        <v>3007356</v>
      </c>
      <c r="LT10" s="318">
        <v>3007356</v>
      </c>
      <c r="LU10" s="319">
        <v>0</v>
      </c>
      <c r="LV10" s="316">
        <v>0</v>
      </c>
      <c r="LW10" s="320">
        <v>0</v>
      </c>
      <c r="LX10" s="403">
        <v>0</v>
      </c>
      <c r="LY10" s="316">
        <v>399381</v>
      </c>
      <c r="LZ10" s="316">
        <v>1154127</v>
      </c>
      <c r="MA10" s="316">
        <v>1811663</v>
      </c>
      <c r="MB10" s="316">
        <v>1762615</v>
      </c>
      <c r="MC10" s="316">
        <v>3239744</v>
      </c>
      <c r="MD10" s="320">
        <v>8367530</v>
      </c>
      <c r="ME10" s="321">
        <v>8367530</v>
      </c>
      <c r="MF10" s="319">
        <v>0</v>
      </c>
      <c r="MG10" s="316">
        <v>0</v>
      </c>
      <c r="MH10" s="320">
        <v>0</v>
      </c>
      <c r="MI10" s="403">
        <v>0</v>
      </c>
      <c r="MJ10" s="316">
        <v>12152146</v>
      </c>
      <c r="MK10" s="316">
        <v>38083306</v>
      </c>
      <c r="ML10" s="316">
        <v>100695828</v>
      </c>
      <c r="MM10" s="316">
        <v>136731791</v>
      </c>
      <c r="MN10" s="316">
        <v>74746257</v>
      </c>
      <c r="MO10" s="320">
        <v>362409328</v>
      </c>
      <c r="MP10" s="325">
        <v>362409328</v>
      </c>
      <c r="MQ10" s="319">
        <v>0</v>
      </c>
      <c r="MR10" s="316">
        <v>0</v>
      </c>
      <c r="MS10" s="320">
        <v>0</v>
      </c>
      <c r="MT10" s="403">
        <v>0</v>
      </c>
      <c r="MU10" s="316">
        <v>1994632</v>
      </c>
      <c r="MV10" s="316">
        <v>13216864</v>
      </c>
      <c r="MW10" s="316">
        <v>57323780</v>
      </c>
      <c r="MX10" s="316">
        <v>81957041</v>
      </c>
      <c r="MY10" s="316">
        <v>43063209</v>
      </c>
      <c r="MZ10" s="320">
        <v>197555526</v>
      </c>
      <c r="NA10" s="325">
        <v>197555526</v>
      </c>
      <c r="NB10" s="319">
        <v>0</v>
      </c>
      <c r="NC10" s="316">
        <v>0</v>
      </c>
      <c r="ND10" s="320">
        <v>0</v>
      </c>
      <c r="NE10" s="403">
        <v>0</v>
      </c>
      <c r="NF10" s="316">
        <v>10157514</v>
      </c>
      <c r="NG10" s="316">
        <v>24866442</v>
      </c>
      <c r="NH10" s="316">
        <v>43372048</v>
      </c>
      <c r="NI10" s="316">
        <v>53737600</v>
      </c>
      <c r="NJ10" s="316">
        <v>29412782</v>
      </c>
      <c r="NK10" s="320">
        <v>161546386</v>
      </c>
      <c r="NL10" s="318">
        <v>161546386</v>
      </c>
      <c r="NM10" s="319">
        <v>0</v>
      </c>
      <c r="NN10" s="316">
        <v>0</v>
      </c>
      <c r="NO10" s="320">
        <v>0</v>
      </c>
      <c r="NP10" s="403">
        <v>0</v>
      </c>
      <c r="NQ10" s="316">
        <v>0</v>
      </c>
      <c r="NR10" s="316">
        <v>0</v>
      </c>
      <c r="NS10" s="316">
        <v>0</v>
      </c>
      <c r="NT10" s="316">
        <v>0</v>
      </c>
      <c r="NU10" s="316">
        <v>0</v>
      </c>
      <c r="NV10" s="320">
        <v>0</v>
      </c>
      <c r="NW10" s="321">
        <v>0</v>
      </c>
      <c r="NX10" s="319">
        <v>0</v>
      </c>
      <c r="NY10" s="316">
        <v>0</v>
      </c>
      <c r="NZ10" s="320">
        <v>0</v>
      </c>
      <c r="OA10" s="403">
        <v>0</v>
      </c>
      <c r="OB10" s="316">
        <v>0</v>
      </c>
      <c r="OC10" s="316">
        <v>0</v>
      </c>
      <c r="OD10" s="316">
        <v>0</v>
      </c>
      <c r="OE10" s="316">
        <v>1037150</v>
      </c>
      <c r="OF10" s="316">
        <v>2270266</v>
      </c>
      <c r="OG10" s="320">
        <v>3307416</v>
      </c>
      <c r="OH10" s="321">
        <v>3307416</v>
      </c>
      <c r="OI10" s="319">
        <v>11895882</v>
      </c>
      <c r="OJ10" s="316">
        <v>27426237</v>
      </c>
      <c r="OK10" s="317">
        <v>39322119</v>
      </c>
      <c r="OL10" s="322">
        <v>0</v>
      </c>
      <c r="OM10" s="316">
        <v>154351097</v>
      </c>
      <c r="ON10" s="316">
        <v>284678999</v>
      </c>
      <c r="OO10" s="316">
        <v>303402812</v>
      </c>
      <c r="OP10" s="316">
        <v>312491514</v>
      </c>
      <c r="OQ10" s="316">
        <v>185825918</v>
      </c>
      <c r="OR10" s="320">
        <v>1240750340</v>
      </c>
      <c r="OS10" s="325">
        <v>1280072459</v>
      </c>
    </row>
    <row r="11" spans="1:409" s="70" customFormat="1" ht="21" customHeight="1" x14ac:dyDescent="0.2">
      <c r="B11" s="410" t="s">
        <v>6</v>
      </c>
      <c r="C11" s="326">
        <v>3440196</v>
      </c>
      <c r="D11" s="327">
        <v>4802411</v>
      </c>
      <c r="E11" s="328">
        <v>8242607</v>
      </c>
      <c r="F11" s="329">
        <v>0</v>
      </c>
      <c r="G11" s="327">
        <v>45173498</v>
      </c>
      <c r="H11" s="327">
        <v>51546798</v>
      </c>
      <c r="I11" s="327">
        <v>36225967</v>
      </c>
      <c r="J11" s="327">
        <v>41648751</v>
      </c>
      <c r="K11" s="327">
        <v>25091551</v>
      </c>
      <c r="L11" s="329">
        <v>199686565</v>
      </c>
      <c r="M11" s="330">
        <v>207929172</v>
      </c>
      <c r="N11" s="326">
        <v>1077697</v>
      </c>
      <c r="O11" s="327">
        <v>1851580</v>
      </c>
      <c r="P11" s="328">
        <v>2929277</v>
      </c>
      <c r="Q11" s="326">
        <v>0</v>
      </c>
      <c r="R11" s="327">
        <v>14250042</v>
      </c>
      <c r="S11" s="327">
        <v>16977629</v>
      </c>
      <c r="T11" s="327">
        <v>12902688</v>
      </c>
      <c r="U11" s="327">
        <v>15492175</v>
      </c>
      <c r="V11" s="327">
        <v>11518884</v>
      </c>
      <c r="W11" s="328">
        <v>71141418</v>
      </c>
      <c r="X11" s="330">
        <v>74070695</v>
      </c>
      <c r="Y11" s="326">
        <v>0</v>
      </c>
      <c r="Z11" s="327">
        <v>0</v>
      </c>
      <c r="AA11" s="328">
        <v>0</v>
      </c>
      <c r="AB11" s="326">
        <v>0</v>
      </c>
      <c r="AC11" s="327">
        <v>5942536</v>
      </c>
      <c r="AD11" s="327">
        <v>7065329</v>
      </c>
      <c r="AE11" s="327">
        <v>6456823</v>
      </c>
      <c r="AF11" s="327">
        <v>8265823</v>
      </c>
      <c r="AG11" s="327">
        <v>6381115</v>
      </c>
      <c r="AH11" s="328">
        <v>34111626</v>
      </c>
      <c r="AI11" s="330">
        <v>34111626</v>
      </c>
      <c r="AJ11" s="326">
        <v>0</v>
      </c>
      <c r="AK11" s="327">
        <v>0</v>
      </c>
      <c r="AL11" s="328">
        <v>0</v>
      </c>
      <c r="AM11" s="326">
        <v>0</v>
      </c>
      <c r="AN11" s="327">
        <v>0</v>
      </c>
      <c r="AO11" s="327">
        <v>125156</v>
      </c>
      <c r="AP11" s="327">
        <v>136827</v>
      </c>
      <c r="AQ11" s="327">
        <v>551108</v>
      </c>
      <c r="AR11" s="327">
        <v>1261849</v>
      </c>
      <c r="AS11" s="328">
        <v>2074940</v>
      </c>
      <c r="AT11" s="330">
        <v>2074940</v>
      </c>
      <c r="AU11" s="326">
        <v>605565</v>
      </c>
      <c r="AV11" s="327">
        <v>1226971</v>
      </c>
      <c r="AW11" s="328">
        <v>1832536</v>
      </c>
      <c r="AX11" s="326">
        <v>0</v>
      </c>
      <c r="AY11" s="327">
        <v>4882177</v>
      </c>
      <c r="AZ11" s="327">
        <v>6336439</v>
      </c>
      <c r="BA11" s="327">
        <v>3755558</v>
      </c>
      <c r="BB11" s="327">
        <v>3848685</v>
      </c>
      <c r="BC11" s="327">
        <v>2136510</v>
      </c>
      <c r="BD11" s="328">
        <v>20959369</v>
      </c>
      <c r="BE11" s="330">
        <v>22791905</v>
      </c>
      <c r="BF11" s="326">
        <v>46004</v>
      </c>
      <c r="BG11" s="327">
        <v>73355</v>
      </c>
      <c r="BH11" s="331">
        <v>119359</v>
      </c>
      <c r="BI11" s="332">
        <v>0</v>
      </c>
      <c r="BJ11" s="327">
        <v>417289</v>
      </c>
      <c r="BK11" s="327">
        <v>495881</v>
      </c>
      <c r="BL11" s="327">
        <v>157672</v>
      </c>
      <c r="BM11" s="327">
        <v>276007</v>
      </c>
      <c r="BN11" s="327">
        <v>118850</v>
      </c>
      <c r="BO11" s="328">
        <v>1465699</v>
      </c>
      <c r="BP11" s="330">
        <v>1585058</v>
      </c>
      <c r="BQ11" s="326">
        <v>426128</v>
      </c>
      <c r="BR11" s="327">
        <v>551254</v>
      </c>
      <c r="BS11" s="328">
        <v>977382</v>
      </c>
      <c r="BT11" s="326">
        <v>0</v>
      </c>
      <c r="BU11" s="327">
        <v>3008040</v>
      </c>
      <c r="BV11" s="327">
        <v>2954824</v>
      </c>
      <c r="BW11" s="327">
        <v>2395808</v>
      </c>
      <c r="BX11" s="327">
        <v>2550552</v>
      </c>
      <c r="BY11" s="327">
        <v>1620560</v>
      </c>
      <c r="BZ11" s="328">
        <v>12529784</v>
      </c>
      <c r="CA11" s="330">
        <v>13507166</v>
      </c>
      <c r="CB11" s="326">
        <v>217123</v>
      </c>
      <c r="CC11" s="327">
        <v>474098</v>
      </c>
      <c r="CD11" s="328">
        <v>691221</v>
      </c>
      <c r="CE11" s="326">
        <v>0</v>
      </c>
      <c r="CF11" s="327">
        <v>12409675</v>
      </c>
      <c r="CG11" s="327">
        <v>15449940</v>
      </c>
      <c r="CH11" s="327">
        <v>7274193</v>
      </c>
      <c r="CI11" s="327">
        <v>7049573</v>
      </c>
      <c r="CJ11" s="327">
        <v>2265276</v>
      </c>
      <c r="CK11" s="328">
        <v>44448657</v>
      </c>
      <c r="CL11" s="330">
        <v>45139878</v>
      </c>
      <c r="CM11" s="326">
        <v>0</v>
      </c>
      <c r="CN11" s="327">
        <v>0</v>
      </c>
      <c r="CO11" s="328">
        <v>0</v>
      </c>
      <c r="CP11" s="332">
        <v>0</v>
      </c>
      <c r="CQ11" s="327">
        <v>10030859</v>
      </c>
      <c r="CR11" s="327">
        <v>11638523</v>
      </c>
      <c r="CS11" s="327">
        <v>5327020</v>
      </c>
      <c r="CT11" s="327">
        <v>4757010</v>
      </c>
      <c r="CU11" s="327">
        <v>1543589</v>
      </c>
      <c r="CV11" s="328">
        <v>33297001</v>
      </c>
      <c r="CW11" s="330">
        <v>33297001</v>
      </c>
      <c r="CX11" s="326">
        <v>217123</v>
      </c>
      <c r="CY11" s="327">
        <v>474098</v>
      </c>
      <c r="CZ11" s="328">
        <v>691221</v>
      </c>
      <c r="DA11" s="326">
        <v>0</v>
      </c>
      <c r="DB11" s="327">
        <v>2378816</v>
      </c>
      <c r="DC11" s="327">
        <v>3811417</v>
      </c>
      <c r="DD11" s="327">
        <v>1947173</v>
      </c>
      <c r="DE11" s="327">
        <v>2292563</v>
      </c>
      <c r="DF11" s="327">
        <v>721687</v>
      </c>
      <c r="DG11" s="328">
        <v>11151656</v>
      </c>
      <c r="DH11" s="330">
        <v>11842877</v>
      </c>
      <c r="DI11" s="326">
        <v>49752</v>
      </c>
      <c r="DJ11" s="327">
        <v>75313</v>
      </c>
      <c r="DK11" s="331">
        <v>125065</v>
      </c>
      <c r="DL11" s="332">
        <v>0</v>
      </c>
      <c r="DM11" s="327">
        <v>917267</v>
      </c>
      <c r="DN11" s="327">
        <v>1979223</v>
      </c>
      <c r="DO11" s="327">
        <v>2561801</v>
      </c>
      <c r="DP11" s="327">
        <v>2632517</v>
      </c>
      <c r="DQ11" s="327">
        <v>1382050</v>
      </c>
      <c r="DR11" s="328">
        <v>9472858</v>
      </c>
      <c r="DS11" s="330">
        <v>9597923</v>
      </c>
      <c r="DT11" s="326">
        <v>49752</v>
      </c>
      <c r="DU11" s="327">
        <v>75313</v>
      </c>
      <c r="DV11" s="328">
        <v>125065</v>
      </c>
      <c r="DW11" s="326">
        <v>0</v>
      </c>
      <c r="DX11" s="327">
        <v>824570</v>
      </c>
      <c r="DY11" s="327">
        <v>1743474</v>
      </c>
      <c r="DZ11" s="327">
        <v>2202805</v>
      </c>
      <c r="EA11" s="327">
        <v>1507362</v>
      </c>
      <c r="EB11" s="327">
        <v>928064</v>
      </c>
      <c r="EC11" s="328">
        <v>7206275</v>
      </c>
      <c r="ED11" s="330">
        <v>7331340</v>
      </c>
      <c r="EE11" s="326">
        <v>0</v>
      </c>
      <c r="EF11" s="331">
        <v>0</v>
      </c>
      <c r="EG11" s="328">
        <v>0</v>
      </c>
      <c r="EH11" s="326">
        <v>0</v>
      </c>
      <c r="EI11" s="327">
        <v>92697</v>
      </c>
      <c r="EJ11" s="327">
        <v>235749</v>
      </c>
      <c r="EK11" s="327">
        <v>358996</v>
      </c>
      <c r="EL11" s="327">
        <v>1125155</v>
      </c>
      <c r="EM11" s="327">
        <v>453986</v>
      </c>
      <c r="EN11" s="331">
        <v>2266583</v>
      </c>
      <c r="EO11" s="330">
        <v>2266583</v>
      </c>
      <c r="EP11" s="326">
        <v>0</v>
      </c>
      <c r="EQ11" s="327">
        <v>0</v>
      </c>
      <c r="ER11" s="331">
        <v>0</v>
      </c>
      <c r="ES11" s="332">
        <v>0</v>
      </c>
      <c r="ET11" s="327">
        <v>0</v>
      </c>
      <c r="EU11" s="327">
        <v>0</v>
      </c>
      <c r="EV11" s="327">
        <v>0</v>
      </c>
      <c r="EW11" s="327">
        <v>0</v>
      </c>
      <c r="EX11" s="327">
        <v>0</v>
      </c>
      <c r="EY11" s="328">
        <v>0</v>
      </c>
      <c r="EZ11" s="330">
        <v>0</v>
      </c>
      <c r="FA11" s="326">
        <v>0</v>
      </c>
      <c r="FB11" s="327">
        <v>0</v>
      </c>
      <c r="FC11" s="331">
        <v>0</v>
      </c>
      <c r="FD11" s="332">
        <v>0</v>
      </c>
      <c r="FE11" s="327">
        <v>0</v>
      </c>
      <c r="FF11" s="327">
        <v>0</v>
      </c>
      <c r="FG11" s="327">
        <v>0</v>
      </c>
      <c r="FH11" s="327">
        <v>0</v>
      </c>
      <c r="FI11" s="327">
        <v>0</v>
      </c>
      <c r="FJ11" s="328">
        <v>0</v>
      </c>
      <c r="FK11" s="330">
        <v>0</v>
      </c>
      <c r="FL11" s="326">
        <v>561232</v>
      </c>
      <c r="FM11" s="327">
        <v>1080056</v>
      </c>
      <c r="FN11" s="328">
        <v>1641288</v>
      </c>
      <c r="FO11" s="326">
        <v>0</v>
      </c>
      <c r="FP11" s="327">
        <v>2370616</v>
      </c>
      <c r="FQ11" s="327">
        <v>4544688</v>
      </c>
      <c r="FR11" s="327">
        <v>3042476</v>
      </c>
      <c r="FS11" s="327">
        <v>2880984</v>
      </c>
      <c r="FT11" s="327">
        <v>1925140</v>
      </c>
      <c r="FU11" s="328">
        <v>14763904</v>
      </c>
      <c r="FV11" s="330">
        <v>16405192</v>
      </c>
      <c r="FW11" s="333">
        <v>344840</v>
      </c>
      <c r="FX11" s="327">
        <v>846024</v>
      </c>
      <c r="FY11" s="331">
        <v>1190864</v>
      </c>
      <c r="FZ11" s="332">
        <v>0</v>
      </c>
      <c r="GA11" s="327">
        <v>1648432</v>
      </c>
      <c r="GB11" s="327">
        <v>4181888</v>
      </c>
      <c r="GC11" s="327">
        <v>2785980</v>
      </c>
      <c r="GD11" s="327">
        <v>2627008</v>
      </c>
      <c r="GE11" s="327">
        <v>1864724</v>
      </c>
      <c r="GF11" s="328">
        <v>13108032</v>
      </c>
      <c r="GG11" s="334">
        <v>14298896</v>
      </c>
      <c r="GH11" s="333">
        <v>43192</v>
      </c>
      <c r="GI11" s="327">
        <v>46432</v>
      </c>
      <c r="GJ11" s="331">
        <v>89624</v>
      </c>
      <c r="GK11" s="332">
        <v>0</v>
      </c>
      <c r="GL11" s="327">
        <v>262560</v>
      </c>
      <c r="GM11" s="327">
        <v>127280</v>
      </c>
      <c r="GN11" s="327">
        <v>36960</v>
      </c>
      <c r="GO11" s="327">
        <v>39160</v>
      </c>
      <c r="GP11" s="327">
        <v>60416</v>
      </c>
      <c r="GQ11" s="328">
        <v>526376</v>
      </c>
      <c r="GR11" s="330">
        <v>616000</v>
      </c>
      <c r="GS11" s="326">
        <v>173200</v>
      </c>
      <c r="GT11" s="327">
        <v>187600</v>
      </c>
      <c r="GU11" s="328">
        <v>360800</v>
      </c>
      <c r="GV11" s="326">
        <v>0</v>
      </c>
      <c r="GW11" s="327">
        <v>459624</v>
      </c>
      <c r="GX11" s="327">
        <v>235520</v>
      </c>
      <c r="GY11" s="327">
        <v>219536</v>
      </c>
      <c r="GZ11" s="327">
        <v>214816</v>
      </c>
      <c r="HA11" s="327">
        <v>0</v>
      </c>
      <c r="HB11" s="331">
        <v>1129496</v>
      </c>
      <c r="HC11" s="330">
        <v>1490296</v>
      </c>
      <c r="HD11" s="326">
        <v>1534392</v>
      </c>
      <c r="HE11" s="327">
        <v>1321364</v>
      </c>
      <c r="HF11" s="331">
        <v>2855756</v>
      </c>
      <c r="HG11" s="332">
        <v>0</v>
      </c>
      <c r="HH11" s="327">
        <v>15225898</v>
      </c>
      <c r="HI11" s="327">
        <v>12595318</v>
      </c>
      <c r="HJ11" s="327">
        <v>10444809</v>
      </c>
      <c r="HK11" s="327">
        <v>13593502</v>
      </c>
      <c r="HL11" s="327">
        <v>8000201</v>
      </c>
      <c r="HM11" s="328">
        <v>59859728</v>
      </c>
      <c r="HN11" s="329">
        <v>62715484</v>
      </c>
      <c r="HO11" s="333">
        <v>0</v>
      </c>
      <c r="HP11" s="327">
        <v>0</v>
      </c>
      <c r="HQ11" s="328">
        <v>0</v>
      </c>
      <c r="HR11" s="326">
        <v>0</v>
      </c>
      <c r="HS11" s="327">
        <v>0</v>
      </c>
      <c r="HT11" s="327">
        <v>0</v>
      </c>
      <c r="HU11" s="327">
        <v>0</v>
      </c>
      <c r="HV11" s="327">
        <v>0</v>
      </c>
      <c r="HW11" s="327">
        <v>0</v>
      </c>
      <c r="HX11" s="331">
        <v>0</v>
      </c>
      <c r="HY11" s="330">
        <v>0</v>
      </c>
      <c r="HZ11" s="335">
        <v>93568</v>
      </c>
      <c r="IA11" s="336">
        <v>79816</v>
      </c>
      <c r="IB11" s="337">
        <v>173384</v>
      </c>
      <c r="IC11" s="338">
        <v>0</v>
      </c>
      <c r="ID11" s="336">
        <v>12534976</v>
      </c>
      <c r="IE11" s="339">
        <v>14187925</v>
      </c>
      <c r="IF11" s="337">
        <v>13541764</v>
      </c>
      <c r="IG11" s="336">
        <v>12698426</v>
      </c>
      <c r="IH11" s="337">
        <v>9346867</v>
      </c>
      <c r="II11" s="340">
        <v>62309958</v>
      </c>
      <c r="IJ11" s="341">
        <v>62483342</v>
      </c>
      <c r="IK11" s="342">
        <v>0</v>
      </c>
      <c r="IL11" s="343">
        <v>0</v>
      </c>
      <c r="IM11" s="344">
        <v>0</v>
      </c>
      <c r="IN11" s="404">
        <v>0</v>
      </c>
      <c r="IO11" s="345">
        <v>376973</v>
      </c>
      <c r="IP11" s="345">
        <v>383229</v>
      </c>
      <c r="IQ11" s="345">
        <v>927015</v>
      </c>
      <c r="IR11" s="345">
        <v>498851</v>
      </c>
      <c r="IS11" s="345">
        <v>2288918</v>
      </c>
      <c r="IT11" s="346">
        <v>4474986</v>
      </c>
      <c r="IU11" s="347">
        <v>4474986</v>
      </c>
      <c r="IV11" s="348">
        <v>0</v>
      </c>
      <c r="IW11" s="345">
        <v>0</v>
      </c>
      <c r="IX11" s="349">
        <v>0</v>
      </c>
      <c r="IY11" s="404">
        <v>0</v>
      </c>
      <c r="IZ11" s="345">
        <v>52830</v>
      </c>
      <c r="JA11" s="345">
        <v>74340</v>
      </c>
      <c r="JB11" s="345">
        <v>255218</v>
      </c>
      <c r="JC11" s="345">
        <v>53133</v>
      </c>
      <c r="JD11" s="345">
        <v>76716</v>
      </c>
      <c r="JE11" s="349">
        <v>512237</v>
      </c>
      <c r="JF11" s="350">
        <v>512237</v>
      </c>
      <c r="JG11" s="348">
        <v>0</v>
      </c>
      <c r="JH11" s="345">
        <v>0</v>
      </c>
      <c r="JI11" s="346">
        <v>0</v>
      </c>
      <c r="JJ11" s="351">
        <v>0</v>
      </c>
      <c r="JK11" s="345">
        <v>4251174</v>
      </c>
      <c r="JL11" s="345">
        <v>3929344</v>
      </c>
      <c r="JM11" s="345">
        <v>1851843</v>
      </c>
      <c r="JN11" s="345">
        <v>1907369</v>
      </c>
      <c r="JO11" s="345">
        <v>1710795</v>
      </c>
      <c r="JP11" s="349">
        <v>13650525</v>
      </c>
      <c r="JQ11" s="347">
        <v>13650525</v>
      </c>
      <c r="JR11" s="348">
        <v>0</v>
      </c>
      <c r="JS11" s="345">
        <v>0</v>
      </c>
      <c r="JT11" s="346">
        <v>0</v>
      </c>
      <c r="JU11" s="351">
        <v>0</v>
      </c>
      <c r="JV11" s="345">
        <v>635602</v>
      </c>
      <c r="JW11" s="345">
        <v>1528183</v>
      </c>
      <c r="JX11" s="345">
        <v>1321958</v>
      </c>
      <c r="JY11" s="345">
        <v>837684</v>
      </c>
      <c r="JZ11" s="345">
        <v>481208</v>
      </c>
      <c r="KA11" s="349">
        <v>4804635</v>
      </c>
      <c r="KB11" s="347">
        <v>4804635</v>
      </c>
      <c r="KC11" s="352">
        <v>93568</v>
      </c>
      <c r="KD11" s="353">
        <v>79816</v>
      </c>
      <c r="KE11" s="349">
        <v>173384</v>
      </c>
      <c r="KF11" s="351">
        <v>0</v>
      </c>
      <c r="KG11" s="345">
        <v>1347971</v>
      </c>
      <c r="KH11" s="345">
        <v>2016308</v>
      </c>
      <c r="KI11" s="345">
        <v>1094829</v>
      </c>
      <c r="KJ11" s="345">
        <v>1973886</v>
      </c>
      <c r="KK11" s="345">
        <v>863016</v>
      </c>
      <c r="KL11" s="349">
        <v>7296010</v>
      </c>
      <c r="KM11" s="354">
        <v>7469394</v>
      </c>
      <c r="KN11" s="342">
        <v>0</v>
      </c>
      <c r="KO11" s="343">
        <v>0</v>
      </c>
      <c r="KP11" s="344">
        <v>0</v>
      </c>
      <c r="KQ11" s="404">
        <v>0</v>
      </c>
      <c r="KR11" s="345">
        <v>4786976</v>
      </c>
      <c r="KS11" s="345">
        <v>5842004</v>
      </c>
      <c r="KT11" s="345">
        <v>5559010</v>
      </c>
      <c r="KU11" s="345">
        <v>4087165</v>
      </c>
      <c r="KV11" s="345">
        <v>1693482</v>
      </c>
      <c r="KW11" s="349">
        <v>21968637</v>
      </c>
      <c r="KX11" s="347">
        <v>21968637</v>
      </c>
      <c r="KY11" s="348">
        <v>0</v>
      </c>
      <c r="KZ11" s="345">
        <v>0</v>
      </c>
      <c r="LA11" s="349">
        <v>0</v>
      </c>
      <c r="LB11" s="404">
        <v>0</v>
      </c>
      <c r="LC11" s="345">
        <v>0</v>
      </c>
      <c r="LD11" s="345">
        <v>0</v>
      </c>
      <c r="LE11" s="345">
        <v>0</v>
      </c>
      <c r="LF11" s="345">
        <v>0</v>
      </c>
      <c r="LG11" s="345">
        <v>0</v>
      </c>
      <c r="LH11" s="349">
        <v>0</v>
      </c>
      <c r="LI11" s="350">
        <v>0</v>
      </c>
      <c r="LJ11" s="348">
        <v>0</v>
      </c>
      <c r="LK11" s="345">
        <v>0</v>
      </c>
      <c r="LL11" s="349">
        <v>0</v>
      </c>
      <c r="LM11" s="404">
        <v>0</v>
      </c>
      <c r="LN11" s="345">
        <v>0</v>
      </c>
      <c r="LO11" s="345">
        <v>0</v>
      </c>
      <c r="LP11" s="345">
        <v>578467</v>
      </c>
      <c r="LQ11" s="345">
        <v>1229658</v>
      </c>
      <c r="LR11" s="345">
        <v>1151898</v>
      </c>
      <c r="LS11" s="349">
        <v>2960023</v>
      </c>
      <c r="LT11" s="347">
        <v>2960023</v>
      </c>
      <c r="LU11" s="348">
        <v>0</v>
      </c>
      <c r="LV11" s="345">
        <v>0</v>
      </c>
      <c r="LW11" s="349">
        <v>0</v>
      </c>
      <c r="LX11" s="404">
        <v>0</v>
      </c>
      <c r="LY11" s="345">
        <v>1083450</v>
      </c>
      <c r="LZ11" s="345">
        <v>414517</v>
      </c>
      <c r="MA11" s="345">
        <v>1953424</v>
      </c>
      <c r="MB11" s="345">
        <v>2110680</v>
      </c>
      <c r="MC11" s="345">
        <v>1080834</v>
      </c>
      <c r="MD11" s="349">
        <v>6642905</v>
      </c>
      <c r="ME11" s="350">
        <v>6642905</v>
      </c>
      <c r="MF11" s="348">
        <v>0</v>
      </c>
      <c r="MG11" s="345">
        <v>0</v>
      </c>
      <c r="MH11" s="349">
        <v>0</v>
      </c>
      <c r="MI11" s="404">
        <v>0</v>
      </c>
      <c r="MJ11" s="345">
        <v>2174172</v>
      </c>
      <c r="MK11" s="345">
        <v>5026860</v>
      </c>
      <c r="ML11" s="345">
        <v>21160811</v>
      </c>
      <c r="MM11" s="345">
        <v>29528196</v>
      </c>
      <c r="MN11" s="345">
        <v>20207863</v>
      </c>
      <c r="MO11" s="349">
        <v>78097902</v>
      </c>
      <c r="MP11" s="354">
        <v>78097902</v>
      </c>
      <c r="MQ11" s="348">
        <v>0</v>
      </c>
      <c r="MR11" s="345">
        <v>0</v>
      </c>
      <c r="MS11" s="349">
        <v>0</v>
      </c>
      <c r="MT11" s="404">
        <v>0</v>
      </c>
      <c r="MU11" s="345">
        <v>876310</v>
      </c>
      <c r="MV11" s="345">
        <v>1119396</v>
      </c>
      <c r="MW11" s="345">
        <v>11656532</v>
      </c>
      <c r="MX11" s="345">
        <v>19242807</v>
      </c>
      <c r="MY11" s="345">
        <v>12267774</v>
      </c>
      <c r="MZ11" s="349">
        <v>45162819</v>
      </c>
      <c r="NA11" s="354">
        <v>45162819</v>
      </c>
      <c r="NB11" s="348">
        <v>0</v>
      </c>
      <c r="NC11" s="345">
        <v>0</v>
      </c>
      <c r="ND11" s="349">
        <v>0</v>
      </c>
      <c r="NE11" s="404">
        <v>0</v>
      </c>
      <c r="NF11" s="345">
        <v>1297862</v>
      </c>
      <c r="NG11" s="345">
        <v>3907464</v>
      </c>
      <c r="NH11" s="345">
        <v>9504279</v>
      </c>
      <c r="NI11" s="345">
        <v>10043448</v>
      </c>
      <c r="NJ11" s="345">
        <v>7940089</v>
      </c>
      <c r="NK11" s="349">
        <v>32693142</v>
      </c>
      <c r="NL11" s="347">
        <v>32693142</v>
      </c>
      <c r="NM11" s="348">
        <v>0</v>
      </c>
      <c r="NN11" s="345">
        <v>0</v>
      </c>
      <c r="NO11" s="349">
        <v>0</v>
      </c>
      <c r="NP11" s="404">
        <v>0</v>
      </c>
      <c r="NQ11" s="345">
        <v>0</v>
      </c>
      <c r="NR11" s="345">
        <v>0</v>
      </c>
      <c r="NS11" s="345">
        <v>0</v>
      </c>
      <c r="NT11" s="345">
        <v>0</v>
      </c>
      <c r="NU11" s="345">
        <v>0</v>
      </c>
      <c r="NV11" s="349">
        <v>0</v>
      </c>
      <c r="NW11" s="350">
        <v>0</v>
      </c>
      <c r="NX11" s="348">
        <v>0</v>
      </c>
      <c r="NY11" s="345">
        <v>0</v>
      </c>
      <c r="NZ11" s="349">
        <v>0</v>
      </c>
      <c r="OA11" s="404">
        <v>0</v>
      </c>
      <c r="OB11" s="345">
        <v>0</v>
      </c>
      <c r="OC11" s="345">
        <v>0</v>
      </c>
      <c r="OD11" s="345">
        <v>0</v>
      </c>
      <c r="OE11" s="345">
        <v>241941</v>
      </c>
      <c r="OF11" s="345">
        <v>0</v>
      </c>
      <c r="OG11" s="349">
        <v>241941</v>
      </c>
      <c r="OH11" s="350">
        <v>241941</v>
      </c>
      <c r="OI11" s="348">
        <v>3533764</v>
      </c>
      <c r="OJ11" s="345">
        <v>4882227</v>
      </c>
      <c r="OK11" s="346">
        <v>8415991</v>
      </c>
      <c r="OL11" s="351">
        <v>0</v>
      </c>
      <c r="OM11" s="345">
        <v>59882646</v>
      </c>
      <c r="ON11" s="345">
        <v>70761583</v>
      </c>
      <c r="OO11" s="345">
        <v>70928542</v>
      </c>
      <c r="OP11" s="345">
        <v>83875373</v>
      </c>
      <c r="OQ11" s="345">
        <v>54646281</v>
      </c>
      <c r="OR11" s="349">
        <v>340094425</v>
      </c>
      <c r="OS11" s="354">
        <v>348510416</v>
      </c>
    </row>
    <row r="12" spans="1:409" s="70" customFormat="1" ht="21" customHeight="1" x14ac:dyDescent="0.2">
      <c r="B12" s="410" t="s">
        <v>14</v>
      </c>
      <c r="C12" s="326">
        <v>1967553</v>
      </c>
      <c r="D12" s="327">
        <v>2807463</v>
      </c>
      <c r="E12" s="328">
        <v>4775016</v>
      </c>
      <c r="F12" s="329">
        <v>0</v>
      </c>
      <c r="G12" s="327">
        <v>16316556</v>
      </c>
      <c r="H12" s="327">
        <v>29041490</v>
      </c>
      <c r="I12" s="327">
        <v>28213149</v>
      </c>
      <c r="J12" s="327">
        <v>21308493</v>
      </c>
      <c r="K12" s="327">
        <v>12144867</v>
      </c>
      <c r="L12" s="331">
        <v>107024555</v>
      </c>
      <c r="M12" s="330">
        <v>111799571</v>
      </c>
      <c r="N12" s="326">
        <v>577719</v>
      </c>
      <c r="O12" s="327">
        <v>804099</v>
      </c>
      <c r="P12" s="328">
        <v>1381818</v>
      </c>
      <c r="Q12" s="326">
        <v>0</v>
      </c>
      <c r="R12" s="327">
        <v>4207295</v>
      </c>
      <c r="S12" s="327">
        <v>9965183</v>
      </c>
      <c r="T12" s="327">
        <v>8284369</v>
      </c>
      <c r="U12" s="327">
        <v>7118284</v>
      </c>
      <c r="V12" s="327">
        <v>5854221</v>
      </c>
      <c r="W12" s="328">
        <v>35429352</v>
      </c>
      <c r="X12" s="330">
        <v>36811170</v>
      </c>
      <c r="Y12" s="326">
        <v>0</v>
      </c>
      <c r="Z12" s="327">
        <v>0</v>
      </c>
      <c r="AA12" s="328">
        <v>0</v>
      </c>
      <c r="AB12" s="326">
        <v>0</v>
      </c>
      <c r="AC12" s="327">
        <v>1833843</v>
      </c>
      <c r="AD12" s="327">
        <v>4706679</v>
      </c>
      <c r="AE12" s="327">
        <v>4188935</v>
      </c>
      <c r="AF12" s="327">
        <v>3529611</v>
      </c>
      <c r="AG12" s="327">
        <v>3165864</v>
      </c>
      <c r="AH12" s="328">
        <v>17424932</v>
      </c>
      <c r="AI12" s="330">
        <v>17424932</v>
      </c>
      <c r="AJ12" s="326">
        <v>0</v>
      </c>
      <c r="AK12" s="327">
        <v>0</v>
      </c>
      <c r="AL12" s="328">
        <v>0</v>
      </c>
      <c r="AM12" s="326">
        <v>0</v>
      </c>
      <c r="AN12" s="327">
        <v>0</v>
      </c>
      <c r="AO12" s="327">
        <v>0</v>
      </c>
      <c r="AP12" s="327">
        <v>208066</v>
      </c>
      <c r="AQ12" s="327">
        <v>374228</v>
      </c>
      <c r="AR12" s="327">
        <v>485153</v>
      </c>
      <c r="AS12" s="328">
        <v>1067447</v>
      </c>
      <c r="AT12" s="330">
        <v>1067447</v>
      </c>
      <c r="AU12" s="326">
        <v>252145</v>
      </c>
      <c r="AV12" s="327">
        <v>564159</v>
      </c>
      <c r="AW12" s="328">
        <v>816304</v>
      </c>
      <c r="AX12" s="326">
        <v>0</v>
      </c>
      <c r="AY12" s="327">
        <v>1191719</v>
      </c>
      <c r="AZ12" s="327">
        <v>3589553</v>
      </c>
      <c r="BA12" s="327">
        <v>2378259</v>
      </c>
      <c r="BB12" s="327">
        <v>1694269</v>
      </c>
      <c r="BC12" s="327">
        <v>1314580</v>
      </c>
      <c r="BD12" s="328">
        <v>10168380</v>
      </c>
      <c r="BE12" s="330">
        <v>10984684</v>
      </c>
      <c r="BF12" s="326">
        <v>38486</v>
      </c>
      <c r="BG12" s="327">
        <v>18692</v>
      </c>
      <c r="BH12" s="331">
        <v>57178</v>
      </c>
      <c r="BI12" s="332">
        <v>0</v>
      </c>
      <c r="BJ12" s="327">
        <v>43773</v>
      </c>
      <c r="BK12" s="327">
        <v>94743</v>
      </c>
      <c r="BL12" s="327">
        <v>62933</v>
      </c>
      <c r="BM12" s="327">
        <v>165096</v>
      </c>
      <c r="BN12" s="327">
        <v>0</v>
      </c>
      <c r="BO12" s="328">
        <v>366545</v>
      </c>
      <c r="BP12" s="330">
        <v>423723</v>
      </c>
      <c r="BQ12" s="326">
        <v>287088</v>
      </c>
      <c r="BR12" s="327">
        <v>221248</v>
      </c>
      <c r="BS12" s="328">
        <v>508336</v>
      </c>
      <c r="BT12" s="326">
        <v>0</v>
      </c>
      <c r="BU12" s="327">
        <v>1137960</v>
      </c>
      <c r="BV12" s="327">
        <v>1574208</v>
      </c>
      <c r="BW12" s="327">
        <v>1446176</v>
      </c>
      <c r="BX12" s="327">
        <v>1355080</v>
      </c>
      <c r="BY12" s="327">
        <v>888624</v>
      </c>
      <c r="BZ12" s="328">
        <v>6402048</v>
      </c>
      <c r="CA12" s="330">
        <v>6910384</v>
      </c>
      <c r="CB12" s="326">
        <v>99592</v>
      </c>
      <c r="CC12" s="327">
        <v>501349</v>
      </c>
      <c r="CD12" s="328">
        <v>600941</v>
      </c>
      <c r="CE12" s="326">
        <v>0</v>
      </c>
      <c r="CF12" s="327">
        <v>5008151</v>
      </c>
      <c r="CG12" s="327">
        <v>9264725</v>
      </c>
      <c r="CH12" s="327">
        <v>8778932</v>
      </c>
      <c r="CI12" s="327">
        <v>5020857</v>
      </c>
      <c r="CJ12" s="327">
        <v>1179618</v>
      </c>
      <c r="CK12" s="328">
        <v>29252283</v>
      </c>
      <c r="CL12" s="330">
        <v>29853224</v>
      </c>
      <c r="CM12" s="326">
        <v>0</v>
      </c>
      <c r="CN12" s="327">
        <v>0</v>
      </c>
      <c r="CO12" s="328">
        <v>0</v>
      </c>
      <c r="CP12" s="332">
        <v>0</v>
      </c>
      <c r="CQ12" s="327">
        <v>4421902</v>
      </c>
      <c r="CR12" s="327">
        <v>7651677</v>
      </c>
      <c r="CS12" s="327">
        <v>7986826</v>
      </c>
      <c r="CT12" s="327">
        <v>4309284</v>
      </c>
      <c r="CU12" s="327">
        <v>1053852</v>
      </c>
      <c r="CV12" s="328">
        <v>25423541</v>
      </c>
      <c r="CW12" s="330">
        <v>25423541</v>
      </c>
      <c r="CX12" s="326">
        <v>99592</v>
      </c>
      <c r="CY12" s="327">
        <v>501349</v>
      </c>
      <c r="CZ12" s="328">
        <v>600941</v>
      </c>
      <c r="DA12" s="326">
        <v>0</v>
      </c>
      <c r="DB12" s="327">
        <v>586249</v>
      </c>
      <c r="DC12" s="327">
        <v>1613048</v>
      </c>
      <c r="DD12" s="327">
        <v>792106</v>
      </c>
      <c r="DE12" s="327">
        <v>711573</v>
      </c>
      <c r="DF12" s="327">
        <v>125766</v>
      </c>
      <c r="DG12" s="328">
        <v>3828742</v>
      </c>
      <c r="DH12" s="330">
        <v>4429683</v>
      </c>
      <c r="DI12" s="326">
        <v>30265</v>
      </c>
      <c r="DJ12" s="327">
        <v>0</v>
      </c>
      <c r="DK12" s="331">
        <v>30265</v>
      </c>
      <c r="DL12" s="332">
        <v>0</v>
      </c>
      <c r="DM12" s="327">
        <v>264715</v>
      </c>
      <c r="DN12" s="327">
        <v>1007029</v>
      </c>
      <c r="DO12" s="327">
        <v>3296394</v>
      </c>
      <c r="DP12" s="327">
        <v>2631333</v>
      </c>
      <c r="DQ12" s="327">
        <v>1185003</v>
      </c>
      <c r="DR12" s="328">
        <v>8384474</v>
      </c>
      <c r="DS12" s="330">
        <v>8414739</v>
      </c>
      <c r="DT12" s="326">
        <v>30265</v>
      </c>
      <c r="DU12" s="327">
        <v>0</v>
      </c>
      <c r="DV12" s="328">
        <v>30265</v>
      </c>
      <c r="DW12" s="326">
        <v>0</v>
      </c>
      <c r="DX12" s="327">
        <v>264715</v>
      </c>
      <c r="DY12" s="327">
        <v>947365</v>
      </c>
      <c r="DZ12" s="327">
        <v>3223104</v>
      </c>
      <c r="EA12" s="327">
        <v>2508378</v>
      </c>
      <c r="EB12" s="327">
        <v>1120915</v>
      </c>
      <c r="EC12" s="328">
        <v>8064477</v>
      </c>
      <c r="ED12" s="330">
        <v>8094742</v>
      </c>
      <c r="EE12" s="326">
        <v>0</v>
      </c>
      <c r="EF12" s="331">
        <v>0</v>
      </c>
      <c r="EG12" s="328">
        <v>0</v>
      </c>
      <c r="EH12" s="326">
        <v>0</v>
      </c>
      <c r="EI12" s="327">
        <v>0</v>
      </c>
      <c r="EJ12" s="327">
        <v>59664</v>
      </c>
      <c r="EK12" s="327">
        <v>73290</v>
      </c>
      <c r="EL12" s="327">
        <v>122955</v>
      </c>
      <c r="EM12" s="327">
        <v>64088</v>
      </c>
      <c r="EN12" s="331">
        <v>319997</v>
      </c>
      <c r="EO12" s="330">
        <v>319997</v>
      </c>
      <c r="EP12" s="326">
        <v>0</v>
      </c>
      <c r="EQ12" s="327">
        <v>0</v>
      </c>
      <c r="ER12" s="331">
        <v>0</v>
      </c>
      <c r="ES12" s="332">
        <v>0</v>
      </c>
      <c r="ET12" s="327">
        <v>0</v>
      </c>
      <c r="EU12" s="327">
        <v>0</v>
      </c>
      <c r="EV12" s="327">
        <v>0</v>
      </c>
      <c r="EW12" s="327">
        <v>0</v>
      </c>
      <c r="EX12" s="327">
        <v>0</v>
      </c>
      <c r="EY12" s="328">
        <v>0</v>
      </c>
      <c r="EZ12" s="330">
        <v>0</v>
      </c>
      <c r="FA12" s="326">
        <v>0</v>
      </c>
      <c r="FB12" s="327">
        <v>0</v>
      </c>
      <c r="FC12" s="331">
        <v>0</v>
      </c>
      <c r="FD12" s="332">
        <v>0</v>
      </c>
      <c r="FE12" s="327">
        <v>0</v>
      </c>
      <c r="FF12" s="327">
        <v>0</v>
      </c>
      <c r="FG12" s="327">
        <v>0</v>
      </c>
      <c r="FH12" s="327">
        <v>0</v>
      </c>
      <c r="FI12" s="327">
        <v>0</v>
      </c>
      <c r="FJ12" s="328">
        <v>0</v>
      </c>
      <c r="FK12" s="330">
        <v>0</v>
      </c>
      <c r="FL12" s="326">
        <v>384036</v>
      </c>
      <c r="FM12" s="327">
        <v>1023328</v>
      </c>
      <c r="FN12" s="328">
        <v>1407364</v>
      </c>
      <c r="FO12" s="326">
        <v>0</v>
      </c>
      <c r="FP12" s="327">
        <v>911900</v>
      </c>
      <c r="FQ12" s="327">
        <v>3202760</v>
      </c>
      <c r="FR12" s="327">
        <v>2382808</v>
      </c>
      <c r="FS12" s="327">
        <v>1867992</v>
      </c>
      <c r="FT12" s="327">
        <v>1161072</v>
      </c>
      <c r="FU12" s="328">
        <v>9526532</v>
      </c>
      <c r="FV12" s="330">
        <v>10933896</v>
      </c>
      <c r="FW12" s="333">
        <v>151304</v>
      </c>
      <c r="FX12" s="327">
        <v>740768</v>
      </c>
      <c r="FY12" s="331">
        <v>892072</v>
      </c>
      <c r="FZ12" s="332">
        <v>0</v>
      </c>
      <c r="GA12" s="327">
        <v>690040</v>
      </c>
      <c r="GB12" s="327">
        <v>2846424</v>
      </c>
      <c r="GC12" s="327">
        <v>2199576</v>
      </c>
      <c r="GD12" s="327">
        <v>1474160</v>
      </c>
      <c r="GE12" s="327">
        <v>1093432</v>
      </c>
      <c r="GF12" s="328">
        <v>8303632</v>
      </c>
      <c r="GG12" s="334">
        <v>9195704</v>
      </c>
      <c r="GH12" s="333">
        <v>72732</v>
      </c>
      <c r="GI12" s="327">
        <v>0</v>
      </c>
      <c r="GJ12" s="331">
        <v>72732</v>
      </c>
      <c r="GK12" s="332">
        <v>0</v>
      </c>
      <c r="GL12" s="327">
        <v>119460</v>
      </c>
      <c r="GM12" s="327">
        <v>66736</v>
      </c>
      <c r="GN12" s="327">
        <v>23232</v>
      </c>
      <c r="GO12" s="327">
        <v>22176</v>
      </c>
      <c r="GP12" s="327">
        <v>67640</v>
      </c>
      <c r="GQ12" s="328">
        <v>299244</v>
      </c>
      <c r="GR12" s="330">
        <v>371976</v>
      </c>
      <c r="GS12" s="326">
        <v>160000</v>
      </c>
      <c r="GT12" s="327">
        <v>282560</v>
      </c>
      <c r="GU12" s="328">
        <v>442560</v>
      </c>
      <c r="GV12" s="326">
        <v>0</v>
      </c>
      <c r="GW12" s="327">
        <v>102400</v>
      </c>
      <c r="GX12" s="327">
        <v>289600</v>
      </c>
      <c r="GY12" s="327">
        <v>160000</v>
      </c>
      <c r="GZ12" s="327">
        <v>371656</v>
      </c>
      <c r="HA12" s="327">
        <v>0</v>
      </c>
      <c r="HB12" s="331">
        <v>923656</v>
      </c>
      <c r="HC12" s="330">
        <v>1366216</v>
      </c>
      <c r="HD12" s="326">
        <v>875941</v>
      </c>
      <c r="HE12" s="327">
        <v>478687</v>
      </c>
      <c r="HF12" s="331">
        <v>1354628</v>
      </c>
      <c r="HG12" s="332">
        <v>0</v>
      </c>
      <c r="HH12" s="327">
        <v>5924495</v>
      </c>
      <c r="HI12" s="327">
        <v>5601793</v>
      </c>
      <c r="HJ12" s="327">
        <v>5470646</v>
      </c>
      <c r="HK12" s="327">
        <v>4670027</v>
      </c>
      <c r="HL12" s="327">
        <v>2764953</v>
      </c>
      <c r="HM12" s="328">
        <v>24431914</v>
      </c>
      <c r="HN12" s="329">
        <v>25786542</v>
      </c>
      <c r="HO12" s="333">
        <v>0</v>
      </c>
      <c r="HP12" s="327">
        <v>0</v>
      </c>
      <c r="HQ12" s="328">
        <v>0</v>
      </c>
      <c r="HR12" s="326">
        <v>0</v>
      </c>
      <c r="HS12" s="327">
        <v>0</v>
      </c>
      <c r="HT12" s="327">
        <v>0</v>
      </c>
      <c r="HU12" s="327">
        <v>0</v>
      </c>
      <c r="HV12" s="327">
        <v>0</v>
      </c>
      <c r="HW12" s="327">
        <v>0</v>
      </c>
      <c r="HX12" s="331">
        <v>0</v>
      </c>
      <c r="HY12" s="330">
        <v>0</v>
      </c>
      <c r="HZ12" s="335">
        <v>41539</v>
      </c>
      <c r="IA12" s="336">
        <v>68138</v>
      </c>
      <c r="IB12" s="337">
        <v>109677</v>
      </c>
      <c r="IC12" s="355">
        <v>0</v>
      </c>
      <c r="ID12" s="356">
        <v>5958279</v>
      </c>
      <c r="IE12" s="357">
        <v>7265818</v>
      </c>
      <c r="IF12" s="358">
        <v>8838160</v>
      </c>
      <c r="IG12" s="356">
        <v>7964674</v>
      </c>
      <c r="IH12" s="358">
        <v>3903859</v>
      </c>
      <c r="II12" s="359">
        <v>33930790</v>
      </c>
      <c r="IJ12" s="341">
        <v>34040467</v>
      </c>
      <c r="IK12" s="342">
        <v>0</v>
      </c>
      <c r="IL12" s="343">
        <v>0</v>
      </c>
      <c r="IM12" s="344">
        <v>0</v>
      </c>
      <c r="IN12" s="404">
        <v>0</v>
      </c>
      <c r="IO12" s="345">
        <v>69141</v>
      </c>
      <c r="IP12" s="345">
        <v>423980</v>
      </c>
      <c r="IQ12" s="345">
        <v>560816</v>
      </c>
      <c r="IR12" s="345">
        <v>618555</v>
      </c>
      <c r="IS12" s="345">
        <v>439025</v>
      </c>
      <c r="IT12" s="346">
        <v>2111517</v>
      </c>
      <c r="IU12" s="347">
        <v>2111517</v>
      </c>
      <c r="IV12" s="348">
        <v>0</v>
      </c>
      <c r="IW12" s="345">
        <v>0</v>
      </c>
      <c r="IX12" s="349">
        <v>0</v>
      </c>
      <c r="IY12" s="404">
        <v>0</v>
      </c>
      <c r="IZ12" s="345">
        <v>0</v>
      </c>
      <c r="JA12" s="345">
        <v>0</v>
      </c>
      <c r="JB12" s="345">
        <v>0</v>
      </c>
      <c r="JC12" s="345">
        <v>0</v>
      </c>
      <c r="JD12" s="345">
        <v>0</v>
      </c>
      <c r="JE12" s="349">
        <v>0</v>
      </c>
      <c r="JF12" s="350">
        <v>0</v>
      </c>
      <c r="JG12" s="348">
        <v>0</v>
      </c>
      <c r="JH12" s="345">
        <v>0</v>
      </c>
      <c r="JI12" s="346">
        <v>0</v>
      </c>
      <c r="JJ12" s="351">
        <v>0</v>
      </c>
      <c r="JK12" s="345">
        <v>2932890</v>
      </c>
      <c r="JL12" s="345">
        <v>3932904</v>
      </c>
      <c r="JM12" s="345">
        <v>2944437</v>
      </c>
      <c r="JN12" s="345">
        <v>1182486</v>
      </c>
      <c r="JO12" s="345">
        <v>355178</v>
      </c>
      <c r="JP12" s="349">
        <v>11347895</v>
      </c>
      <c r="JQ12" s="347">
        <v>11347895</v>
      </c>
      <c r="JR12" s="348">
        <v>0</v>
      </c>
      <c r="JS12" s="345">
        <v>0</v>
      </c>
      <c r="JT12" s="346">
        <v>0</v>
      </c>
      <c r="JU12" s="351">
        <v>0</v>
      </c>
      <c r="JV12" s="345">
        <v>193685</v>
      </c>
      <c r="JW12" s="345">
        <v>142220</v>
      </c>
      <c r="JX12" s="345">
        <v>0</v>
      </c>
      <c r="JY12" s="345">
        <v>0</v>
      </c>
      <c r="JZ12" s="345">
        <v>0</v>
      </c>
      <c r="KA12" s="349">
        <v>335905</v>
      </c>
      <c r="KB12" s="347">
        <v>335905</v>
      </c>
      <c r="KC12" s="352">
        <v>41539</v>
      </c>
      <c r="KD12" s="353">
        <v>68138</v>
      </c>
      <c r="KE12" s="349">
        <v>109677</v>
      </c>
      <c r="KF12" s="351">
        <v>0</v>
      </c>
      <c r="KG12" s="345">
        <v>526959</v>
      </c>
      <c r="KH12" s="345">
        <v>657420</v>
      </c>
      <c r="KI12" s="345">
        <v>1786737</v>
      </c>
      <c r="KJ12" s="345">
        <v>1274215</v>
      </c>
      <c r="KK12" s="345">
        <v>588319</v>
      </c>
      <c r="KL12" s="349">
        <v>4833650</v>
      </c>
      <c r="KM12" s="354">
        <v>4943327</v>
      </c>
      <c r="KN12" s="342">
        <v>0</v>
      </c>
      <c r="KO12" s="343">
        <v>0</v>
      </c>
      <c r="KP12" s="344">
        <v>0</v>
      </c>
      <c r="KQ12" s="404">
        <v>0</v>
      </c>
      <c r="KR12" s="345">
        <v>1938822</v>
      </c>
      <c r="KS12" s="345">
        <v>2032688</v>
      </c>
      <c r="KT12" s="345">
        <v>3300715</v>
      </c>
      <c r="KU12" s="345">
        <v>3671238</v>
      </c>
      <c r="KV12" s="345">
        <v>1811912</v>
      </c>
      <c r="KW12" s="349">
        <v>12755375</v>
      </c>
      <c r="KX12" s="347">
        <v>12755375</v>
      </c>
      <c r="KY12" s="348">
        <v>0</v>
      </c>
      <c r="KZ12" s="345">
        <v>0</v>
      </c>
      <c r="LA12" s="349">
        <v>0</v>
      </c>
      <c r="LB12" s="404">
        <v>0</v>
      </c>
      <c r="LC12" s="345">
        <v>0</v>
      </c>
      <c r="LD12" s="345">
        <v>0</v>
      </c>
      <c r="LE12" s="345">
        <v>0</v>
      </c>
      <c r="LF12" s="345">
        <v>0</v>
      </c>
      <c r="LG12" s="345">
        <v>0</v>
      </c>
      <c r="LH12" s="349">
        <v>0</v>
      </c>
      <c r="LI12" s="350">
        <v>0</v>
      </c>
      <c r="LJ12" s="348">
        <v>0</v>
      </c>
      <c r="LK12" s="345">
        <v>0</v>
      </c>
      <c r="LL12" s="349">
        <v>0</v>
      </c>
      <c r="LM12" s="404">
        <v>0</v>
      </c>
      <c r="LN12" s="345">
        <v>0</v>
      </c>
      <c r="LO12" s="345">
        <v>0</v>
      </c>
      <c r="LP12" s="345">
        <v>245455</v>
      </c>
      <c r="LQ12" s="345">
        <v>537016</v>
      </c>
      <c r="LR12" s="345">
        <v>0</v>
      </c>
      <c r="LS12" s="349">
        <v>782471</v>
      </c>
      <c r="LT12" s="347">
        <v>782471</v>
      </c>
      <c r="LU12" s="348">
        <v>0</v>
      </c>
      <c r="LV12" s="345">
        <v>0</v>
      </c>
      <c r="LW12" s="349">
        <v>0</v>
      </c>
      <c r="LX12" s="404">
        <v>0</v>
      </c>
      <c r="LY12" s="345">
        <v>296782</v>
      </c>
      <c r="LZ12" s="345">
        <v>76606</v>
      </c>
      <c r="MA12" s="345">
        <v>0</v>
      </c>
      <c r="MB12" s="345">
        <v>681164</v>
      </c>
      <c r="MC12" s="345">
        <v>709425</v>
      </c>
      <c r="MD12" s="349">
        <v>1763977</v>
      </c>
      <c r="ME12" s="350">
        <v>1763977</v>
      </c>
      <c r="MF12" s="348">
        <v>0</v>
      </c>
      <c r="MG12" s="345">
        <v>0</v>
      </c>
      <c r="MH12" s="349">
        <v>0</v>
      </c>
      <c r="MI12" s="404">
        <v>0</v>
      </c>
      <c r="MJ12" s="345">
        <v>281712</v>
      </c>
      <c r="MK12" s="345">
        <v>3379788</v>
      </c>
      <c r="ML12" s="345">
        <v>12716310</v>
      </c>
      <c r="MM12" s="345">
        <v>18551075</v>
      </c>
      <c r="MN12" s="345">
        <v>12649445</v>
      </c>
      <c r="MO12" s="349">
        <v>47578330</v>
      </c>
      <c r="MP12" s="354">
        <v>47578330</v>
      </c>
      <c r="MQ12" s="348">
        <v>0</v>
      </c>
      <c r="MR12" s="345">
        <v>0</v>
      </c>
      <c r="MS12" s="349">
        <v>0</v>
      </c>
      <c r="MT12" s="404">
        <v>0</v>
      </c>
      <c r="MU12" s="345">
        <v>0</v>
      </c>
      <c r="MV12" s="345">
        <v>224661</v>
      </c>
      <c r="MW12" s="345">
        <v>9337960</v>
      </c>
      <c r="MX12" s="345">
        <v>12840549</v>
      </c>
      <c r="MY12" s="345">
        <v>8552036</v>
      </c>
      <c r="MZ12" s="349">
        <v>30955206</v>
      </c>
      <c r="NA12" s="354">
        <v>30955206</v>
      </c>
      <c r="NB12" s="348">
        <v>0</v>
      </c>
      <c r="NC12" s="345">
        <v>0</v>
      </c>
      <c r="ND12" s="349">
        <v>0</v>
      </c>
      <c r="NE12" s="404">
        <v>0</v>
      </c>
      <c r="NF12" s="345">
        <v>281712</v>
      </c>
      <c r="NG12" s="345">
        <v>3155127</v>
      </c>
      <c r="NH12" s="345">
        <v>3378350</v>
      </c>
      <c r="NI12" s="345">
        <v>4229547</v>
      </c>
      <c r="NJ12" s="345">
        <v>1900351</v>
      </c>
      <c r="NK12" s="349">
        <v>12945087</v>
      </c>
      <c r="NL12" s="347">
        <v>12945087</v>
      </c>
      <c r="NM12" s="348">
        <v>0</v>
      </c>
      <c r="NN12" s="345">
        <v>0</v>
      </c>
      <c r="NO12" s="349">
        <v>0</v>
      </c>
      <c r="NP12" s="404">
        <v>0</v>
      </c>
      <c r="NQ12" s="345">
        <v>0</v>
      </c>
      <c r="NR12" s="345">
        <v>0</v>
      </c>
      <c r="NS12" s="345">
        <v>0</v>
      </c>
      <c r="NT12" s="345">
        <v>0</v>
      </c>
      <c r="NU12" s="345">
        <v>0</v>
      </c>
      <c r="NV12" s="349">
        <v>0</v>
      </c>
      <c r="NW12" s="350">
        <v>0</v>
      </c>
      <c r="NX12" s="348">
        <v>0</v>
      </c>
      <c r="NY12" s="345">
        <v>0</v>
      </c>
      <c r="NZ12" s="349">
        <v>0</v>
      </c>
      <c r="OA12" s="404">
        <v>0</v>
      </c>
      <c r="OB12" s="345">
        <v>0</v>
      </c>
      <c r="OC12" s="345">
        <v>0</v>
      </c>
      <c r="OD12" s="345">
        <v>0</v>
      </c>
      <c r="OE12" s="345">
        <v>1480979</v>
      </c>
      <c r="OF12" s="345">
        <v>2197058</v>
      </c>
      <c r="OG12" s="349">
        <v>3678037</v>
      </c>
      <c r="OH12" s="350">
        <v>3678037</v>
      </c>
      <c r="OI12" s="348">
        <v>2009092</v>
      </c>
      <c r="OJ12" s="345">
        <v>2875601</v>
      </c>
      <c r="OK12" s="346">
        <v>4884693</v>
      </c>
      <c r="OL12" s="351">
        <v>0</v>
      </c>
      <c r="OM12" s="345">
        <v>22556547</v>
      </c>
      <c r="ON12" s="345">
        <v>39687096</v>
      </c>
      <c r="OO12" s="345">
        <v>49767619</v>
      </c>
      <c r="OP12" s="345">
        <v>47824242</v>
      </c>
      <c r="OQ12" s="345">
        <v>28698171</v>
      </c>
      <c r="OR12" s="349">
        <v>188533675</v>
      </c>
      <c r="OS12" s="354">
        <v>193418368</v>
      </c>
    </row>
    <row r="13" spans="1:409" s="70" customFormat="1" ht="21" customHeight="1" x14ac:dyDescent="0.2">
      <c r="B13" s="410" t="s">
        <v>7</v>
      </c>
      <c r="C13" s="326">
        <v>1693129</v>
      </c>
      <c r="D13" s="327">
        <v>1774131</v>
      </c>
      <c r="E13" s="328">
        <v>3467260</v>
      </c>
      <c r="F13" s="329">
        <v>0</v>
      </c>
      <c r="G13" s="327">
        <v>24231586</v>
      </c>
      <c r="H13" s="327">
        <v>25393449</v>
      </c>
      <c r="I13" s="327">
        <v>19708303</v>
      </c>
      <c r="J13" s="327">
        <v>18264600</v>
      </c>
      <c r="K13" s="327">
        <v>13102695</v>
      </c>
      <c r="L13" s="329">
        <v>100700633</v>
      </c>
      <c r="M13" s="330">
        <v>104167893</v>
      </c>
      <c r="N13" s="326">
        <v>262615</v>
      </c>
      <c r="O13" s="327">
        <v>270596</v>
      </c>
      <c r="P13" s="328">
        <v>533211</v>
      </c>
      <c r="Q13" s="326">
        <v>0</v>
      </c>
      <c r="R13" s="327">
        <v>6886873</v>
      </c>
      <c r="S13" s="327">
        <v>7474996</v>
      </c>
      <c r="T13" s="327">
        <v>6496122</v>
      </c>
      <c r="U13" s="327">
        <v>7165263</v>
      </c>
      <c r="V13" s="327">
        <v>6008152</v>
      </c>
      <c r="W13" s="328">
        <v>34031406</v>
      </c>
      <c r="X13" s="330">
        <v>34564617</v>
      </c>
      <c r="Y13" s="326">
        <v>0</v>
      </c>
      <c r="Z13" s="327">
        <v>0</v>
      </c>
      <c r="AA13" s="328">
        <v>0</v>
      </c>
      <c r="AB13" s="326">
        <v>0</v>
      </c>
      <c r="AC13" s="327">
        <v>2995478</v>
      </c>
      <c r="AD13" s="327">
        <v>3470668</v>
      </c>
      <c r="AE13" s="327">
        <v>4193319</v>
      </c>
      <c r="AF13" s="327">
        <v>4518000</v>
      </c>
      <c r="AG13" s="327">
        <v>3202743</v>
      </c>
      <c r="AH13" s="328">
        <v>18380208</v>
      </c>
      <c r="AI13" s="330">
        <v>18380208</v>
      </c>
      <c r="AJ13" s="326">
        <v>0</v>
      </c>
      <c r="AK13" s="327">
        <v>0</v>
      </c>
      <c r="AL13" s="328">
        <v>0</v>
      </c>
      <c r="AM13" s="326">
        <v>0</v>
      </c>
      <c r="AN13" s="327">
        <v>25920</v>
      </c>
      <c r="AO13" s="327">
        <v>218090</v>
      </c>
      <c r="AP13" s="327">
        <v>216191</v>
      </c>
      <c r="AQ13" s="327">
        <v>336989</v>
      </c>
      <c r="AR13" s="327">
        <v>825113</v>
      </c>
      <c r="AS13" s="328">
        <v>1622303</v>
      </c>
      <c r="AT13" s="330">
        <v>1622303</v>
      </c>
      <c r="AU13" s="326">
        <v>18471</v>
      </c>
      <c r="AV13" s="327">
        <v>44216</v>
      </c>
      <c r="AW13" s="328">
        <v>62687</v>
      </c>
      <c r="AX13" s="326">
        <v>0</v>
      </c>
      <c r="AY13" s="327">
        <v>2239943</v>
      </c>
      <c r="AZ13" s="327">
        <v>2180832</v>
      </c>
      <c r="BA13" s="327">
        <v>806423</v>
      </c>
      <c r="BB13" s="327">
        <v>1148672</v>
      </c>
      <c r="BC13" s="327">
        <v>1284485</v>
      </c>
      <c r="BD13" s="328">
        <v>7660355</v>
      </c>
      <c r="BE13" s="330">
        <v>7723042</v>
      </c>
      <c r="BF13" s="326">
        <v>0</v>
      </c>
      <c r="BG13" s="327">
        <v>31996</v>
      </c>
      <c r="BH13" s="331">
        <v>31996</v>
      </c>
      <c r="BI13" s="332">
        <v>0</v>
      </c>
      <c r="BJ13" s="327">
        <v>309276</v>
      </c>
      <c r="BK13" s="327">
        <v>104686</v>
      </c>
      <c r="BL13" s="327">
        <v>113581</v>
      </c>
      <c r="BM13" s="327">
        <v>144562</v>
      </c>
      <c r="BN13" s="327">
        <v>0</v>
      </c>
      <c r="BO13" s="328">
        <v>672105</v>
      </c>
      <c r="BP13" s="330">
        <v>704101</v>
      </c>
      <c r="BQ13" s="326">
        <v>244144</v>
      </c>
      <c r="BR13" s="327">
        <v>194384</v>
      </c>
      <c r="BS13" s="328">
        <v>438528</v>
      </c>
      <c r="BT13" s="326">
        <v>0</v>
      </c>
      <c r="BU13" s="327">
        <v>1316256</v>
      </c>
      <c r="BV13" s="327">
        <v>1500720</v>
      </c>
      <c r="BW13" s="327">
        <v>1166608</v>
      </c>
      <c r="BX13" s="327">
        <v>1017040</v>
      </c>
      <c r="BY13" s="327">
        <v>695811</v>
      </c>
      <c r="BZ13" s="328">
        <v>5696435</v>
      </c>
      <c r="CA13" s="330">
        <v>6134963</v>
      </c>
      <c r="CB13" s="326">
        <v>40580</v>
      </c>
      <c r="CC13" s="327">
        <v>267552</v>
      </c>
      <c r="CD13" s="328">
        <v>308132</v>
      </c>
      <c r="CE13" s="326">
        <v>0</v>
      </c>
      <c r="CF13" s="327">
        <v>7839160</v>
      </c>
      <c r="CG13" s="327">
        <v>6044396</v>
      </c>
      <c r="CH13" s="327">
        <v>4389839</v>
      </c>
      <c r="CI13" s="327">
        <v>1738014</v>
      </c>
      <c r="CJ13" s="327">
        <v>1315649</v>
      </c>
      <c r="CK13" s="328">
        <v>21327058</v>
      </c>
      <c r="CL13" s="330">
        <v>21635190</v>
      </c>
      <c r="CM13" s="326">
        <v>0</v>
      </c>
      <c r="CN13" s="327">
        <v>0</v>
      </c>
      <c r="CO13" s="328">
        <v>0</v>
      </c>
      <c r="CP13" s="332">
        <v>0</v>
      </c>
      <c r="CQ13" s="327">
        <v>6563134</v>
      </c>
      <c r="CR13" s="327">
        <v>4371206</v>
      </c>
      <c r="CS13" s="327">
        <v>3594790</v>
      </c>
      <c r="CT13" s="327">
        <v>1283680</v>
      </c>
      <c r="CU13" s="327">
        <v>990449</v>
      </c>
      <c r="CV13" s="328">
        <v>16803259</v>
      </c>
      <c r="CW13" s="330">
        <v>16803259</v>
      </c>
      <c r="CX13" s="326">
        <v>40580</v>
      </c>
      <c r="CY13" s="327">
        <v>267552</v>
      </c>
      <c r="CZ13" s="328">
        <v>308132</v>
      </c>
      <c r="DA13" s="326">
        <v>0</v>
      </c>
      <c r="DB13" s="327">
        <v>1276026</v>
      </c>
      <c r="DC13" s="327">
        <v>1673190</v>
      </c>
      <c r="DD13" s="327">
        <v>795049</v>
      </c>
      <c r="DE13" s="327">
        <v>454334</v>
      </c>
      <c r="DF13" s="327">
        <v>325200</v>
      </c>
      <c r="DG13" s="328">
        <v>4523799</v>
      </c>
      <c r="DH13" s="330">
        <v>4831931</v>
      </c>
      <c r="DI13" s="326">
        <v>69398</v>
      </c>
      <c r="DJ13" s="327">
        <v>34245</v>
      </c>
      <c r="DK13" s="331">
        <v>103643</v>
      </c>
      <c r="DL13" s="332">
        <v>0</v>
      </c>
      <c r="DM13" s="327">
        <v>1160757</v>
      </c>
      <c r="DN13" s="327">
        <v>2744175</v>
      </c>
      <c r="DO13" s="327">
        <v>2100634</v>
      </c>
      <c r="DP13" s="327">
        <v>1453753</v>
      </c>
      <c r="DQ13" s="327">
        <v>1084131</v>
      </c>
      <c r="DR13" s="328">
        <v>8543450</v>
      </c>
      <c r="DS13" s="330">
        <v>8647093</v>
      </c>
      <c r="DT13" s="326">
        <v>69398</v>
      </c>
      <c r="DU13" s="327">
        <v>34245</v>
      </c>
      <c r="DV13" s="328">
        <v>103643</v>
      </c>
      <c r="DW13" s="326">
        <v>0</v>
      </c>
      <c r="DX13" s="327">
        <v>1082578</v>
      </c>
      <c r="DY13" s="327">
        <v>2650517</v>
      </c>
      <c r="DZ13" s="327">
        <v>2052066</v>
      </c>
      <c r="EA13" s="327">
        <v>1208653</v>
      </c>
      <c r="EB13" s="327">
        <v>1084131</v>
      </c>
      <c r="EC13" s="328">
        <v>8077945</v>
      </c>
      <c r="ED13" s="330">
        <v>8181588</v>
      </c>
      <c r="EE13" s="326">
        <v>0</v>
      </c>
      <c r="EF13" s="331">
        <v>0</v>
      </c>
      <c r="EG13" s="328">
        <v>0</v>
      </c>
      <c r="EH13" s="326">
        <v>0</v>
      </c>
      <c r="EI13" s="327">
        <v>78179</v>
      </c>
      <c r="EJ13" s="327">
        <v>93658</v>
      </c>
      <c r="EK13" s="327">
        <v>48568</v>
      </c>
      <c r="EL13" s="327">
        <v>245100</v>
      </c>
      <c r="EM13" s="327">
        <v>0</v>
      </c>
      <c r="EN13" s="331">
        <v>465505</v>
      </c>
      <c r="EO13" s="330">
        <v>465505</v>
      </c>
      <c r="EP13" s="326">
        <v>0</v>
      </c>
      <c r="EQ13" s="327">
        <v>0</v>
      </c>
      <c r="ER13" s="331">
        <v>0</v>
      </c>
      <c r="ES13" s="332">
        <v>0</v>
      </c>
      <c r="ET13" s="327">
        <v>0</v>
      </c>
      <c r="EU13" s="327">
        <v>0</v>
      </c>
      <c r="EV13" s="327">
        <v>0</v>
      </c>
      <c r="EW13" s="327">
        <v>0</v>
      </c>
      <c r="EX13" s="327">
        <v>0</v>
      </c>
      <c r="EY13" s="328">
        <v>0</v>
      </c>
      <c r="EZ13" s="330">
        <v>0</v>
      </c>
      <c r="FA13" s="326">
        <v>0</v>
      </c>
      <c r="FB13" s="327">
        <v>0</v>
      </c>
      <c r="FC13" s="331">
        <v>0</v>
      </c>
      <c r="FD13" s="332">
        <v>0</v>
      </c>
      <c r="FE13" s="327">
        <v>0</v>
      </c>
      <c r="FF13" s="327">
        <v>0</v>
      </c>
      <c r="FG13" s="327">
        <v>0</v>
      </c>
      <c r="FH13" s="327">
        <v>0</v>
      </c>
      <c r="FI13" s="327">
        <v>0</v>
      </c>
      <c r="FJ13" s="328">
        <v>0</v>
      </c>
      <c r="FK13" s="330">
        <v>0</v>
      </c>
      <c r="FL13" s="326">
        <v>321968</v>
      </c>
      <c r="FM13" s="327">
        <v>277328</v>
      </c>
      <c r="FN13" s="328">
        <v>599296</v>
      </c>
      <c r="FO13" s="326">
        <v>0</v>
      </c>
      <c r="FP13" s="327">
        <v>974928</v>
      </c>
      <c r="FQ13" s="327">
        <v>2175504</v>
      </c>
      <c r="FR13" s="327">
        <v>1648936</v>
      </c>
      <c r="FS13" s="327">
        <v>1304856</v>
      </c>
      <c r="FT13" s="327">
        <v>799674</v>
      </c>
      <c r="FU13" s="328">
        <v>6903898</v>
      </c>
      <c r="FV13" s="330">
        <v>7503194</v>
      </c>
      <c r="FW13" s="333">
        <v>161968</v>
      </c>
      <c r="FX13" s="327">
        <v>129648</v>
      </c>
      <c r="FY13" s="331">
        <v>291616</v>
      </c>
      <c r="FZ13" s="332">
        <v>0</v>
      </c>
      <c r="GA13" s="327">
        <v>803704</v>
      </c>
      <c r="GB13" s="327">
        <v>2106072</v>
      </c>
      <c r="GC13" s="327">
        <v>1305096</v>
      </c>
      <c r="GD13" s="327">
        <v>1107632</v>
      </c>
      <c r="GE13" s="327">
        <v>752080</v>
      </c>
      <c r="GF13" s="328">
        <v>6074584</v>
      </c>
      <c r="GG13" s="334">
        <v>6366200</v>
      </c>
      <c r="GH13" s="333">
        <v>0</v>
      </c>
      <c r="GI13" s="327">
        <v>14080</v>
      </c>
      <c r="GJ13" s="331">
        <v>14080</v>
      </c>
      <c r="GK13" s="332">
        <v>0</v>
      </c>
      <c r="GL13" s="327">
        <v>49144</v>
      </c>
      <c r="GM13" s="327">
        <v>69432</v>
      </c>
      <c r="GN13" s="327">
        <v>91840</v>
      </c>
      <c r="GO13" s="327">
        <v>37224</v>
      </c>
      <c r="GP13" s="327">
        <v>47594</v>
      </c>
      <c r="GQ13" s="328">
        <v>295234</v>
      </c>
      <c r="GR13" s="330">
        <v>309314</v>
      </c>
      <c r="GS13" s="326">
        <v>160000</v>
      </c>
      <c r="GT13" s="327">
        <v>133600</v>
      </c>
      <c r="GU13" s="328">
        <v>293600</v>
      </c>
      <c r="GV13" s="326">
        <v>0</v>
      </c>
      <c r="GW13" s="327">
        <v>122080</v>
      </c>
      <c r="GX13" s="327">
        <v>0</v>
      </c>
      <c r="GY13" s="327">
        <v>252000</v>
      </c>
      <c r="GZ13" s="327">
        <v>160000</v>
      </c>
      <c r="HA13" s="327">
        <v>0</v>
      </c>
      <c r="HB13" s="331">
        <v>534080</v>
      </c>
      <c r="HC13" s="330">
        <v>827680</v>
      </c>
      <c r="HD13" s="326">
        <v>998568</v>
      </c>
      <c r="HE13" s="327">
        <v>924410</v>
      </c>
      <c r="HF13" s="331">
        <v>1922978</v>
      </c>
      <c r="HG13" s="332">
        <v>0</v>
      </c>
      <c r="HH13" s="327">
        <v>7369868</v>
      </c>
      <c r="HI13" s="327">
        <v>6954378</v>
      </c>
      <c r="HJ13" s="327">
        <v>5072772</v>
      </c>
      <c r="HK13" s="327">
        <v>6602714</v>
      </c>
      <c r="HL13" s="327">
        <v>3895089</v>
      </c>
      <c r="HM13" s="328">
        <v>29894821</v>
      </c>
      <c r="HN13" s="329">
        <v>31817799</v>
      </c>
      <c r="HO13" s="333">
        <v>0</v>
      </c>
      <c r="HP13" s="327">
        <v>0</v>
      </c>
      <c r="HQ13" s="328">
        <v>0</v>
      </c>
      <c r="HR13" s="326">
        <v>0</v>
      </c>
      <c r="HS13" s="327">
        <v>0</v>
      </c>
      <c r="HT13" s="327">
        <v>0</v>
      </c>
      <c r="HU13" s="327">
        <v>0</v>
      </c>
      <c r="HV13" s="327">
        <v>0</v>
      </c>
      <c r="HW13" s="327">
        <v>0</v>
      </c>
      <c r="HX13" s="331">
        <v>0</v>
      </c>
      <c r="HY13" s="330">
        <v>0</v>
      </c>
      <c r="HZ13" s="335">
        <v>0</v>
      </c>
      <c r="IA13" s="336">
        <v>0</v>
      </c>
      <c r="IB13" s="337">
        <v>0</v>
      </c>
      <c r="IC13" s="338">
        <v>0</v>
      </c>
      <c r="ID13" s="336">
        <v>5213858</v>
      </c>
      <c r="IE13" s="339">
        <v>7120247</v>
      </c>
      <c r="IF13" s="337">
        <v>4993359</v>
      </c>
      <c r="IG13" s="336">
        <v>2666428</v>
      </c>
      <c r="IH13" s="337">
        <v>2219439</v>
      </c>
      <c r="II13" s="340">
        <v>22213331</v>
      </c>
      <c r="IJ13" s="341">
        <v>22213331</v>
      </c>
      <c r="IK13" s="342">
        <v>0</v>
      </c>
      <c r="IL13" s="343">
        <v>0</v>
      </c>
      <c r="IM13" s="344">
        <v>0</v>
      </c>
      <c r="IN13" s="404">
        <v>0</v>
      </c>
      <c r="IO13" s="345">
        <v>107341</v>
      </c>
      <c r="IP13" s="345">
        <v>95000</v>
      </c>
      <c r="IQ13" s="345">
        <v>0</v>
      </c>
      <c r="IR13" s="345">
        <v>0</v>
      </c>
      <c r="IS13" s="345">
        <v>0</v>
      </c>
      <c r="IT13" s="346">
        <v>202341</v>
      </c>
      <c r="IU13" s="347">
        <v>202341</v>
      </c>
      <c r="IV13" s="348">
        <v>0</v>
      </c>
      <c r="IW13" s="345">
        <v>0</v>
      </c>
      <c r="IX13" s="349">
        <v>0</v>
      </c>
      <c r="IY13" s="404">
        <v>0</v>
      </c>
      <c r="IZ13" s="345">
        <v>0</v>
      </c>
      <c r="JA13" s="345">
        <v>0</v>
      </c>
      <c r="JB13" s="345">
        <v>0</v>
      </c>
      <c r="JC13" s="345">
        <v>0</v>
      </c>
      <c r="JD13" s="345">
        <v>0</v>
      </c>
      <c r="JE13" s="349">
        <v>0</v>
      </c>
      <c r="JF13" s="350">
        <v>0</v>
      </c>
      <c r="JG13" s="348">
        <v>0</v>
      </c>
      <c r="JH13" s="345">
        <v>0</v>
      </c>
      <c r="JI13" s="346">
        <v>0</v>
      </c>
      <c r="JJ13" s="351">
        <v>0</v>
      </c>
      <c r="JK13" s="345">
        <v>2703421</v>
      </c>
      <c r="JL13" s="345">
        <v>3232763</v>
      </c>
      <c r="JM13" s="345">
        <v>1212772</v>
      </c>
      <c r="JN13" s="345">
        <v>492670</v>
      </c>
      <c r="JO13" s="345">
        <v>217130</v>
      </c>
      <c r="JP13" s="349">
        <v>7858756</v>
      </c>
      <c r="JQ13" s="347">
        <v>7858756</v>
      </c>
      <c r="JR13" s="348">
        <v>0</v>
      </c>
      <c r="JS13" s="345">
        <v>0</v>
      </c>
      <c r="JT13" s="346">
        <v>0</v>
      </c>
      <c r="JU13" s="351">
        <v>0</v>
      </c>
      <c r="JV13" s="345">
        <v>704850</v>
      </c>
      <c r="JW13" s="345">
        <v>595257</v>
      </c>
      <c r="JX13" s="345">
        <v>692731</v>
      </c>
      <c r="JY13" s="345">
        <v>419303</v>
      </c>
      <c r="JZ13" s="345">
        <v>327183</v>
      </c>
      <c r="KA13" s="349">
        <v>2739324</v>
      </c>
      <c r="KB13" s="347">
        <v>2739324</v>
      </c>
      <c r="KC13" s="352">
        <v>0</v>
      </c>
      <c r="KD13" s="353">
        <v>0</v>
      </c>
      <c r="KE13" s="349">
        <v>0</v>
      </c>
      <c r="KF13" s="351">
        <v>0</v>
      </c>
      <c r="KG13" s="345">
        <v>380907</v>
      </c>
      <c r="KH13" s="345">
        <v>508078</v>
      </c>
      <c r="KI13" s="345">
        <v>444563</v>
      </c>
      <c r="KJ13" s="345">
        <v>0</v>
      </c>
      <c r="KK13" s="345">
        <v>0</v>
      </c>
      <c r="KL13" s="349">
        <v>1333548</v>
      </c>
      <c r="KM13" s="354">
        <v>1333548</v>
      </c>
      <c r="KN13" s="342">
        <v>0</v>
      </c>
      <c r="KO13" s="343">
        <v>0</v>
      </c>
      <c r="KP13" s="344">
        <v>0</v>
      </c>
      <c r="KQ13" s="404">
        <v>0</v>
      </c>
      <c r="KR13" s="345">
        <v>1365777</v>
      </c>
      <c r="KS13" s="345">
        <v>2484700</v>
      </c>
      <c r="KT13" s="345">
        <v>2127002</v>
      </c>
      <c r="KU13" s="345">
        <v>1622086</v>
      </c>
      <c r="KV13" s="345">
        <v>559285</v>
      </c>
      <c r="KW13" s="349">
        <v>8158850</v>
      </c>
      <c r="KX13" s="347">
        <v>8158850</v>
      </c>
      <c r="KY13" s="348">
        <v>0</v>
      </c>
      <c r="KZ13" s="345">
        <v>0</v>
      </c>
      <c r="LA13" s="349">
        <v>0</v>
      </c>
      <c r="LB13" s="404">
        <v>0</v>
      </c>
      <c r="LC13" s="345">
        <v>0</v>
      </c>
      <c r="LD13" s="345">
        <v>0</v>
      </c>
      <c r="LE13" s="345">
        <v>0</v>
      </c>
      <c r="LF13" s="345">
        <v>0</v>
      </c>
      <c r="LG13" s="345">
        <v>0</v>
      </c>
      <c r="LH13" s="349">
        <v>0</v>
      </c>
      <c r="LI13" s="350">
        <v>0</v>
      </c>
      <c r="LJ13" s="348">
        <v>0</v>
      </c>
      <c r="LK13" s="345">
        <v>0</v>
      </c>
      <c r="LL13" s="349">
        <v>0</v>
      </c>
      <c r="LM13" s="404">
        <v>0</v>
      </c>
      <c r="LN13" s="345">
        <v>0</v>
      </c>
      <c r="LO13" s="345">
        <v>0</v>
      </c>
      <c r="LP13" s="345">
        <v>0</v>
      </c>
      <c r="LQ13" s="345">
        <v>0</v>
      </c>
      <c r="LR13" s="345">
        <v>0</v>
      </c>
      <c r="LS13" s="349">
        <v>0</v>
      </c>
      <c r="LT13" s="347">
        <v>0</v>
      </c>
      <c r="LU13" s="348">
        <v>0</v>
      </c>
      <c r="LV13" s="345">
        <v>0</v>
      </c>
      <c r="LW13" s="349">
        <v>0</v>
      </c>
      <c r="LX13" s="404">
        <v>0</v>
      </c>
      <c r="LY13" s="345">
        <v>-48438</v>
      </c>
      <c r="LZ13" s="345">
        <v>204449</v>
      </c>
      <c r="MA13" s="345">
        <v>516291</v>
      </c>
      <c r="MB13" s="345">
        <v>132369</v>
      </c>
      <c r="MC13" s="345">
        <v>1115841</v>
      </c>
      <c r="MD13" s="349">
        <v>1920512</v>
      </c>
      <c r="ME13" s="350">
        <v>1920512</v>
      </c>
      <c r="MF13" s="348">
        <v>0</v>
      </c>
      <c r="MG13" s="345">
        <v>0</v>
      </c>
      <c r="MH13" s="349">
        <v>0</v>
      </c>
      <c r="MI13" s="404">
        <v>0</v>
      </c>
      <c r="MJ13" s="345">
        <v>3204767</v>
      </c>
      <c r="MK13" s="345">
        <v>3041327</v>
      </c>
      <c r="ML13" s="345">
        <v>11243036</v>
      </c>
      <c r="MM13" s="345">
        <v>15610823</v>
      </c>
      <c r="MN13" s="345">
        <v>8153470</v>
      </c>
      <c r="MO13" s="349">
        <v>41253423</v>
      </c>
      <c r="MP13" s="354">
        <v>41253423</v>
      </c>
      <c r="MQ13" s="348">
        <v>0</v>
      </c>
      <c r="MR13" s="345">
        <v>0</v>
      </c>
      <c r="MS13" s="349">
        <v>0</v>
      </c>
      <c r="MT13" s="404">
        <v>0</v>
      </c>
      <c r="MU13" s="345">
        <v>220032</v>
      </c>
      <c r="MV13" s="345">
        <v>241256</v>
      </c>
      <c r="MW13" s="345">
        <v>7396818</v>
      </c>
      <c r="MX13" s="345">
        <v>12060489</v>
      </c>
      <c r="MY13" s="345">
        <v>5972460</v>
      </c>
      <c r="MZ13" s="349">
        <v>25891055</v>
      </c>
      <c r="NA13" s="354">
        <v>25891055</v>
      </c>
      <c r="NB13" s="348">
        <v>0</v>
      </c>
      <c r="NC13" s="345">
        <v>0</v>
      </c>
      <c r="ND13" s="349">
        <v>0</v>
      </c>
      <c r="NE13" s="404">
        <v>0</v>
      </c>
      <c r="NF13" s="345">
        <v>2984735</v>
      </c>
      <c r="NG13" s="345">
        <v>2800071</v>
      </c>
      <c r="NH13" s="345">
        <v>3846218</v>
      </c>
      <c r="NI13" s="345">
        <v>4239240</v>
      </c>
      <c r="NJ13" s="345">
        <v>2181010</v>
      </c>
      <c r="NK13" s="349">
        <v>16051274</v>
      </c>
      <c r="NL13" s="347">
        <v>16051274</v>
      </c>
      <c r="NM13" s="348">
        <v>0</v>
      </c>
      <c r="NN13" s="345">
        <v>0</v>
      </c>
      <c r="NO13" s="349">
        <v>0</v>
      </c>
      <c r="NP13" s="404">
        <v>0</v>
      </c>
      <c r="NQ13" s="345">
        <v>0</v>
      </c>
      <c r="NR13" s="345">
        <v>0</v>
      </c>
      <c r="NS13" s="345">
        <v>0</v>
      </c>
      <c r="NT13" s="345">
        <v>0</v>
      </c>
      <c r="NU13" s="345">
        <v>0</v>
      </c>
      <c r="NV13" s="349">
        <v>0</v>
      </c>
      <c r="NW13" s="350">
        <v>0</v>
      </c>
      <c r="NX13" s="348">
        <v>0</v>
      </c>
      <c r="NY13" s="345">
        <v>0</v>
      </c>
      <c r="NZ13" s="349">
        <v>0</v>
      </c>
      <c r="OA13" s="404">
        <v>0</v>
      </c>
      <c r="OB13" s="345">
        <v>0</v>
      </c>
      <c r="OC13" s="345">
        <v>0</v>
      </c>
      <c r="OD13" s="345">
        <v>0</v>
      </c>
      <c r="OE13" s="345">
        <v>-688906</v>
      </c>
      <c r="OF13" s="345">
        <v>0</v>
      </c>
      <c r="OG13" s="349">
        <v>-688906</v>
      </c>
      <c r="OH13" s="350">
        <v>-688906</v>
      </c>
      <c r="OI13" s="348">
        <v>1693129</v>
      </c>
      <c r="OJ13" s="345">
        <v>1774131</v>
      </c>
      <c r="OK13" s="346">
        <v>3467260</v>
      </c>
      <c r="OL13" s="351">
        <v>0</v>
      </c>
      <c r="OM13" s="345">
        <v>32650211</v>
      </c>
      <c r="ON13" s="345">
        <v>35555023</v>
      </c>
      <c r="OO13" s="345">
        <v>35944698</v>
      </c>
      <c r="OP13" s="345">
        <v>36541851</v>
      </c>
      <c r="OQ13" s="345">
        <v>23475604</v>
      </c>
      <c r="OR13" s="349">
        <v>164167387</v>
      </c>
      <c r="OS13" s="354">
        <v>167634647</v>
      </c>
    </row>
    <row r="14" spans="1:409" s="70" customFormat="1" ht="21" customHeight="1" x14ac:dyDescent="0.2">
      <c r="B14" s="410" t="s">
        <v>8</v>
      </c>
      <c r="C14" s="326">
        <v>994683</v>
      </c>
      <c r="D14" s="327">
        <v>736173</v>
      </c>
      <c r="E14" s="328">
        <v>1730856</v>
      </c>
      <c r="F14" s="329">
        <v>0</v>
      </c>
      <c r="G14" s="327">
        <v>7926865</v>
      </c>
      <c r="H14" s="327">
        <v>9081573</v>
      </c>
      <c r="I14" s="327">
        <v>7673539</v>
      </c>
      <c r="J14" s="327">
        <v>7413629</v>
      </c>
      <c r="K14" s="327">
        <v>6133819</v>
      </c>
      <c r="L14" s="329">
        <v>38229425</v>
      </c>
      <c r="M14" s="330">
        <v>39960281</v>
      </c>
      <c r="N14" s="326">
        <v>201240</v>
      </c>
      <c r="O14" s="327">
        <v>197545</v>
      </c>
      <c r="P14" s="328">
        <v>398785</v>
      </c>
      <c r="Q14" s="326">
        <v>0</v>
      </c>
      <c r="R14" s="327">
        <v>2236368</v>
      </c>
      <c r="S14" s="327">
        <v>3015843</v>
      </c>
      <c r="T14" s="327">
        <v>3298566</v>
      </c>
      <c r="U14" s="327">
        <v>2685959</v>
      </c>
      <c r="V14" s="327">
        <v>3064013</v>
      </c>
      <c r="W14" s="328">
        <v>14300749</v>
      </c>
      <c r="X14" s="330">
        <v>14699534</v>
      </c>
      <c r="Y14" s="326">
        <v>0</v>
      </c>
      <c r="Z14" s="327">
        <v>0</v>
      </c>
      <c r="AA14" s="328">
        <v>0</v>
      </c>
      <c r="AB14" s="326">
        <v>0</v>
      </c>
      <c r="AC14" s="327">
        <v>809626</v>
      </c>
      <c r="AD14" s="327">
        <v>1170344</v>
      </c>
      <c r="AE14" s="327">
        <v>1892807</v>
      </c>
      <c r="AF14" s="327">
        <v>1542683</v>
      </c>
      <c r="AG14" s="327">
        <v>1986971</v>
      </c>
      <c r="AH14" s="328">
        <v>7402431</v>
      </c>
      <c r="AI14" s="330">
        <v>7402431</v>
      </c>
      <c r="AJ14" s="326">
        <v>0</v>
      </c>
      <c r="AK14" s="327">
        <v>0</v>
      </c>
      <c r="AL14" s="328">
        <v>0</v>
      </c>
      <c r="AM14" s="326">
        <v>0</v>
      </c>
      <c r="AN14" s="327">
        <v>0</v>
      </c>
      <c r="AO14" s="327">
        <v>94844</v>
      </c>
      <c r="AP14" s="327">
        <v>106699</v>
      </c>
      <c r="AQ14" s="327">
        <v>0</v>
      </c>
      <c r="AR14" s="327">
        <v>215931</v>
      </c>
      <c r="AS14" s="328">
        <v>417474</v>
      </c>
      <c r="AT14" s="330">
        <v>417474</v>
      </c>
      <c r="AU14" s="326">
        <v>98052</v>
      </c>
      <c r="AV14" s="327">
        <v>80649</v>
      </c>
      <c r="AW14" s="328">
        <v>178701</v>
      </c>
      <c r="AX14" s="326">
        <v>0</v>
      </c>
      <c r="AY14" s="327">
        <v>784970</v>
      </c>
      <c r="AZ14" s="327">
        <v>1176334</v>
      </c>
      <c r="BA14" s="327">
        <v>827641</v>
      </c>
      <c r="BB14" s="327">
        <v>702445</v>
      </c>
      <c r="BC14" s="327">
        <v>516923</v>
      </c>
      <c r="BD14" s="328">
        <v>4008313</v>
      </c>
      <c r="BE14" s="330">
        <v>4187014</v>
      </c>
      <c r="BF14" s="326">
        <v>27172</v>
      </c>
      <c r="BG14" s="327">
        <v>71840</v>
      </c>
      <c r="BH14" s="331">
        <v>99012</v>
      </c>
      <c r="BI14" s="332">
        <v>0</v>
      </c>
      <c r="BJ14" s="327">
        <v>138388</v>
      </c>
      <c r="BK14" s="327">
        <v>166721</v>
      </c>
      <c r="BL14" s="327">
        <v>88203</v>
      </c>
      <c r="BM14" s="327">
        <v>87799</v>
      </c>
      <c r="BN14" s="327">
        <v>28020</v>
      </c>
      <c r="BO14" s="328">
        <v>509131</v>
      </c>
      <c r="BP14" s="330">
        <v>608143</v>
      </c>
      <c r="BQ14" s="326">
        <v>76016</v>
      </c>
      <c r="BR14" s="327">
        <v>45056</v>
      </c>
      <c r="BS14" s="328">
        <v>121072</v>
      </c>
      <c r="BT14" s="326">
        <v>0</v>
      </c>
      <c r="BU14" s="327">
        <v>503384</v>
      </c>
      <c r="BV14" s="327">
        <v>407600</v>
      </c>
      <c r="BW14" s="327">
        <v>383216</v>
      </c>
      <c r="BX14" s="327">
        <v>353032</v>
      </c>
      <c r="BY14" s="327">
        <v>316168</v>
      </c>
      <c r="BZ14" s="328">
        <v>1963400</v>
      </c>
      <c r="CA14" s="330">
        <v>2084472</v>
      </c>
      <c r="CB14" s="326">
        <v>127146</v>
      </c>
      <c r="CC14" s="327">
        <v>114173</v>
      </c>
      <c r="CD14" s="328">
        <v>241319</v>
      </c>
      <c r="CE14" s="326">
        <v>0</v>
      </c>
      <c r="CF14" s="327">
        <v>2584999</v>
      </c>
      <c r="CG14" s="327">
        <v>2796459</v>
      </c>
      <c r="CH14" s="327">
        <v>1326704</v>
      </c>
      <c r="CI14" s="327">
        <v>1661089</v>
      </c>
      <c r="CJ14" s="327">
        <v>911521</v>
      </c>
      <c r="CK14" s="328">
        <v>9280772</v>
      </c>
      <c r="CL14" s="330">
        <v>9522091</v>
      </c>
      <c r="CM14" s="326">
        <v>0</v>
      </c>
      <c r="CN14" s="327">
        <v>0</v>
      </c>
      <c r="CO14" s="328">
        <v>0</v>
      </c>
      <c r="CP14" s="332">
        <v>0</v>
      </c>
      <c r="CQ14" s="327">
        <v>1937751</v>
      </c>
      <c r="CR14" s="327">
        <v>2252387</v>
      </c>
      <c r="CS14" s="327">
        <v>1021297</v>
      </c>
      <c r="CT14" s="327">
        <v>1567756</v>
      </c>
      <c r="CU14" s="327">
        <v>784188</v>
      </c>
      <c r="CV14" s="328">
        <v>7563379</v>
      </c>
      <c r="CW14" s="330">
        <v>7563379</v>
      </c>
      <c r="CX14" s="326">
        <v>127146</v>
      </c>
      <c r="CY14" s="327">
        <v>114173</v>
      </c>
      <c r="CZ14" s="328">
        <v>241319</v>
      </c>
      <c r="DA14" s="326">
        <v>0</v>
      </c>
      <c r="DB14" s="327">
        <v>647248</v>
      </c>
      <c r="DC14" s="327">
        <v>544072</v>
      </c>
      <c r="DD14" s="327">
        <v>305407</v>
      </c>
      <c r="DE14" s="327">
        <v>93333</v>
      </c>
      <c r="DF14" s="327">
        <v>127333</v>
      </c>
      <c r="DG14" s="328">
        <v>1717393</v>
      </c>
      <c r="DH14" s="330">
        <v>1958712</v>
      </c>
      <c r="DI14" s="326">
        <v>0</v>
      </c>
      <c r="DJ14" s="327">
        <v>62573</v>
      </c>
      <c r="DK14" s="331">
        <v>62573</v>
      </c>
      <c r="DL14" s="332">
        <v>0</v>
      </c>
      <c r="DM14" s="327">
        <v>158289</v>
      </c>
      <c r="DN14" s="327">
        <v>326685</v>
      </c>
      <c r="DO14" s="327">
        <v>995027</v>
      </c>
      <c r="DP14" s="327">
        <v>434990</v>
      </c>
      <c r="DQ14" s="327">
        <v>358176</v>
      </c>
      <c r="DR14" s="328">
        <v>2273167</v>
      </c>
      <c r="DS14" s="330">
        <v>2335740</v>
      </c>
      <c r="DT14" s="326">
        <v>0</v>
      </c>
      <c r="DU14" s="327">
        <v>62573</v>
      </c>
      <c r="DV14" s="328">
        <v>62573</v>
      </c>
      <c r="DW14" s="326">
        <v>0</v>
      </c>
      <c r="DX14" s="327">
        <v>158289</v>
      </c>
      <c r="DY14" s="327">
        <v>297008</v>
      </c>
      <c r="DZ14" s="327">
        <v>995027</v>
      </c>
      <c r="EA14" s="327">
        <v>434990</v>
      </c>
      <c r="EB14" s="327">
        <v>358176</v>
      </c>
      <c r="EC14" s="328">
        <v>2243490</v>
      </c>
      <c r="ED14" s="330">
        <v>2306063</v>
      </c>
      <c r="EE14" s="326">
        <v>0</v>
      </c>
      <c r="EF14" s="331">
        <v>0</v>
      </c>
      <c r="EG14" s="328">
        <v>0</v>
      </c>
      <c r="EH14" s="326">
        <v>0</v>
      </c>
      <c r="EI14" s="327">
        <v>0</v>
      </c>
      <c r="EJ14" s="327">
        <v>29677</v>
      </c>
      <c r="EK14" s="327">
        <v>0</v>
      </c>
      <c r="EL14" s="327">
        <v>0</v>
      </c>
      <c r="EM14" s="327">
        <v>0</v>
      </c>
      <c r="EN14" s="331">
        <v>29677</v>
      </c>
      <c r="EO14" s="330">
        <v>29677</v>
      </c>
      <c r="EP14" s="326">
        <v>0</v>
      </c>
      <c r="EQ14" s="327">
        <v>0</v>
      </c>
      <c r="ER14" s="331">
        <v>0</v>
      </c>
      <c r="ES14" s="332">
        <v>0</v>
      </c>
      <c r="ET14" s="327">
        <v>0</v>
      </c>
      <c r="EU14" s="327">
        <v>0</v>
      </c>
      <c r="EV14" s="327">
        <v>0</v>
      </c>
      <c r="EW14" s="327">
        <v>0</v>
      </c>
      <c r="EX14" s="327">
        <v>0</v>
      </c>
      <c r="EY14" s="328">
        <v>0</v>
      </c>
      <c r="EZ14" s="330">
        <v>0</v>
      </c>
      <c r="FA14" s="326">
        <v>0</v>
      </c>
      <c r="FB14" s="327">
        <v>0</v>
      </c>
      <c r="FC14" s="331">
        <v>0</v>
      </c>
      <c r="FD14" s="332">
        <v>0</v>
      </c>
      <c r="FE14" s="327">
        <v>0</v>
      </c>
      <c r="FF14" s="327">
        <v>0</v>
      </c>
      <c r="FG14" s="327">
        <v>0</v>
      </c>
      <c r="FH14" s="327">
        <v>0</v>
      </c>
      <c r="FI14" s="327">
        <v>0</v>
      </c>
      <c r="FJ14" s="328">
        <v>0</v>
      </c>
      <c r="FK14" s="330">
        <v>0</v>
      </c>
      <c r="FL14" s="326">
        <v>380649</v>
      </c>
      <c r="FM14" s="327">
        <v>165289</v>
      </c>
      <c r="FN14" s="328">
        <v>545938</v>
      </c>
      <c r="FO14" s="326">
        <v>0</v>
      </c>
      <c r="FP14" s="327">
        <v>453185</v>
      </c>
      <c r="FQ14" s="327">
        <v>1216592</v>
      </c>
      <c r="FR14" s="327">
        <v>876928</v>
      </c>
      <c r="FS14" s="327">
        <v>636818</v>
      </c>
      <c r="FT14" s="327">
        <v>337568</v>
      </c>
      <c r="FU14" s="328">
        <v>3521091</v>
      </c>
      <c r="FV14" s="330">
        <v>4067029</v>
      </c>
      <c r="FW14" s="333">
        <v>70928</v>
      </c>
      <c r="FX14" s="327">
        <v>150400</v>
      </c>
      <c r="FY14" s="331">
        <v>221328</v>
      </c>
      <c r="FZ14" s="332">
        <v>0</v>
      </c>
      <c r="GA14" s="327">
        <v>400744</v>
      </c>
      <c r="GB14" s="327">
        <v>1030192</v>
      </c>
      <c r="GC14" s="327">
        <v>774344</v>
      </c>
      <c r="GD14" s="327">
        <v>636818</v>
      </c>
      <c r="GE14" s="327">
        <v>337568</v>
      </c>
      <c r="GF14" s="328">
        <v>3179666</v>
      </c>
      <c r="GG14" s="334">
        <v>3400994</v>
      </c>
      <c r="GH14" s="333">
        <v>0</v>
      </c>
      <c r="GI14" s="327">
        <v>14889</v>
      </c>
      <c r="GJ14" s="331">
        <v>14889</v>
      </c>
      <c r="GK14" s="332">
        <v>0</v>
      </c>
      <c r="GL14" s="327">
        <v>0</v>
      </c>
      <c r="GM14" s="327">
        <v>26400</v>
      </c>
      <c r="GN14" s="327">
        <v>75944</v>
      </c>
      <c r="GO14" s="327">
        <v>0</v>
      </c>
      <c r="GP14" s="327">
        <v>0</v>
      </c>
      <c r="GQ14" s="328">
        <v>102344</v>
      </c>
      <c r="GR14" s="330">
        <v>117233</v>
      </c>
      <c r="GS14" s="326">
        <v>309721</v>
      </c>
      <c r="GT14" s="327">
        <v>0</v>
      </c>
      <c r="GU14" s="328">
        <v>309721</v>
      </c>
      <c r="GV14" s="326">
        <v>0</v>
      </c>
      <c r="GW14" s="327">
        <v>52441</v>
      </c>
      <c r="GX14" s="327">
        <v>160000</v>
      </c>
      <c r="GY14" s="327">
        <v>26640</v>
      </c>
      <c r="GZ14" s="327">
        <v>0</v>
      </c>
      <c r="HA14" s="327">
        <v>0</v>
      </c>
      <c r="HB14" s="331">
        <v>239081</v>
      </c>
      <c r="HC14" s="330">
        <v>548802</v>
      </c>
      <c r="HD14" s="326">
        <v>285648</v>
      </c>
      <c r="HE14" s="327">
        <v>196593</v>
      </c>
      <c r="HF14" s="331">
        <v>482241</v>
      </c>
      <c r="HG14" s="332">
        <v>0</v>
      </c>
      <c r="HH14" s="327">
        <v>2494024</v>
      </c>
      <c r="HI14" s="327">
        <v>1725994</v>
      </c>
      <c r="HJ14" s="327">
        <v>1176314</v>
      </c>
      <c r="HK14" s="327">
        <v>1994773</v>
      </c>
      <c r="HL14" s="327">
        <v>1462541</v>
      </c>
      <c r="HM14" s="328">
        <v>8853646</v>
      </c>
      <c r="HN14" s="329">
        <v>9335887</v>
      </c>
      <c r="HO14" s="333">
        <v>0</v>
      </c>
      <c r="HP14" s="327">
        <v>0</v>
      </c>
      <c r="HQ14" s="328">
        <v>0</v>
      </c>
      <c r="HR14" s="326">
        <v>0</v>
      </c>
      <c r="HS14" s="327">
        <v>0</v>
      </c>
      <c r="HT14" s="327">
        <v>0</v>
      </c>
      <c r="HU14" s="327">
        <v>0</v>
      </c>
      <c r="HV14" s="327">
        <v>0</v>
      </c>
      <c r="HW14" s="327">
        <v>0</v>
      </c>
      <c r="HX14" s="331">
        <v>0</v>
      </c>
      <c r="HY14" s="330">
        <v>0</v>
      </c>
      <c r="HZ14" s="335">
        <v>0</v>
      </c>
      <c r="IA14" s="336">
        <v>82812</v>
      </c>
      <c r="IB14" s="337">
        <v>82812</v>
      </c>
      <c r="IC14" s="355">
        <v>0</v>
      </c>
      <c r="ID14" s="356">
        <v>2396202</v>
      </c>
      <c r="IE14" s="357">
        <v>3152159</v>
      </c>
      <c r="IF14" s="358">
        <v>1572309</v>
      </c>
      <c r="IG14" s="356">
        <v>2343123</v>
      </c>
      <c r="IH14" s="358">
        <v>1135260</v>
      </c>
      <c r="II14" s="359">
        <v>10599053</v>
      </c>
      <c r="IJ14" s="341">
        <v>10681865</v>
      </c>
      <c r="IK14" s="342">
        <v>0</v>
      </c>
      <c r="IL14" s="343">
        <v>0</v>
      </c>
      <c r="IM14" s="344">
        <v>0</v>
      </c>
      <c r="IN14" s="404">
        <v>0</v>
      </c>
      <c r="IO14" s="345">
        <v>96231</v>
      </c>
      <c r="IP14" s="345">
        <v>0</v>
      </c>
      <c r="IQ14" s="345">
        <v>0</v>
      </c>
      <c r="IR14" s="345">
        <v>0</v>
      </c>
      <c r="IS14" s="345">
        <v>0</v>
      </c>
      <c r="IT14" s="346">
        <v>96231</v>
      </c>
      <c r="IU14" s="347">
        <v>96231</v>
      </c>
      <c r="IV14" s="348">
        <v>0</v>
      </c>
      <c r="IW14" s="345">
        <v>0</v>
      </c>
      <c r="IX14" s="349">
        <v>0</v>
      </c>
      <c r="IY14" s="404">
        <v>0</v>
      </c>
      <c r="IZ14" s="345">
        <v>0</v>
      </c>
      <c r="JA14" s="345">
        <v>0</v>
      </c>
      <c r="JB14" s="345">
        <v>0</v>
      </c>
      <c r="JC14" s="345">
        <v>0</v>
      </c>
      <c r="JD14" s="345">
        <v>0</v>
      </c>
      <c r="JE14" s="349">
        <v>0</v>
      </c>
      <c r="JF14" s="350">
        <v>0</v>
      </c>
      <c r="JG14" s="348">
        <v>0</v>
      </c>
      <c r="JH14" s="345">
        <v>0</v>
      </c>
      <c r="JI14" s="346">
        <v>0</v>
      </c>
      <c r="JJ14" s="351">
        <v>0</v>
      </c>
      <c r="JK14" s="345">
        <v>1042464</v>
      </c>
      <c r="JL14" s="345">
        <v>2442942</v>
      </c>
      <c r="JM14" s="345">
        <v>337046</v>
      </c>
      <c r="JN14" s="345">
        <v>483649</v>
      </c>
      <c r="JO14" s="345">
        <v>119146</v>
      </c>
      <c r="JP14" s="349">
        <v>4425247</v>
      </c>
      <c r="JQ14" s="347">
        <v>4425247</v>
      </c>
      <c r="JR14" s="348">
        <v>0</v>
      </c>
      <c r="JS14" s="345">
        <v>0</v>
      </c>
      <c r="JT14" s="346">
        <v>0</v>
      </c>
      <c r="JU14" s="351">
        <v>0</v>
      </c>
      <c r="JV14" s="345">
        <v>0</v>
      </c>
      <c r="JW14" s="345">
        <v>0</v>
      </c>
      <c r="JX14" s="345">
        <v>0</v>
      </c>
      <c r="JY14" s="345">
        <v>0</v>
      </c>
      <c r="JZ14" s="345">
        <v>0</v>
      </c>
      <c r="KA14" s="349">
        <v>0</v>
      </c>
      <c r="KB14" s="347">
        <v>0</v>
      </c>
      <c r="KC14" s="352">
        <v>0</v>
      </c>
      <c r="KD14" s="353">
        <v>82812</v>
      </c>
      <c r="KE14" s="349">
        <v>82812</v>
      </c>
      <c r="KF14" s="351">
        <v>0</v>
      </c>
      <c r="KG14" s="345">
        <v>330591</v>
      </c>
      <c r="KH14" s="345">
        <v>0</v>
      </c>
      <c r="KI14" s="345">
        <v>232402</v>
      </c>
      <c r="KJ14" s="345">
        <v>514130</v>
      </c>
      <c r="KK14" s="345">
        <v>0</v>
      </c>
      <c r="KL14" s="349">
        <v>1077123</v>
      </c>
      <c r="KM14" s="354">
        <v>1159935</v>
      </c>
      <c r="KN14" s="342">
        <v>0</v>
      </c>
      <c r="KO14" s="343">
        <v>0</v>
      </c>
      <c r="KP14" s="344">
        <v>0</v>
      </c>
      <c r="KQ14" s="404">
        <v>0</v>
      </c>
      <c r="KR14" s="345">
        <v>483734</v>
      </c>
      <c r="KS14" s="345">
        <v>506548</v>
      </c>
      <c r="KT14" s="345">
        <v>727568</v>
      </c>
      <c r="KU14" s="345">
        <v>736914</v>
      </c>
      <c r="KV14" s="345">
        <v>269952</v>
      </c>
      <c r="KW14" s="349">
        <v>2724716</v>
      </c>
      <c r="KX14" s="347">
        <v>2724716</v>
      </c>
      <c r="KY14" s="348">
        <v>0</v>
      </c>
      <c r="KZ14" s="345">
        <v>0</v>
      </c>
      <c r="LA14" s="349">
        <v>0</v>
      </c>
      <c r="LB14" s="404">
        <v>0</v>
      </c>
      <c r="LC14" s="345">
        <v>0</v>
      </c>
      <c r="LD14" s="345">
        <v>0</v>
      </c>
      <c r="LE14" s="345">
        <v>275293</v>
      </c>
      <c r="LF14" s="345">
        <v>0</v>
      </c>
      <c r="LG14" s="345">
        <v>746162</v>
      </c>
      <c r="LH14" s="349">
        <v>1021455</v>
      </c>
      <c r="LI14" s="350">
        <v>1021455</v>
      </c>
      <c r="LJ14" s="348">
        <v>0</v>
      </c>
      <c r="LK14" s="345">
        <v>0</v>
      </c>
      <c r="LL14" s="349">
        <v>0</v>
      </c>
      <c r="LM14" s="404">
        <v>0</v>
      </c>
      <c r="LN14" s="345">
        <v>0</v>
      </c>
      <c r="LO14" s="345">
        <v>0</v>
      </c>
      <c r="LP14" s="345">
        <v>0</v>
      </c>
      <c r="LQ14" s="345">
        <v>0</v>
      </c>
      <c r="LR14" s="345">
        <v>0</v>
      </c>
      <c r="LS14" s="349">
        <v>0</v>
      </c>
      <c r="LT14" s="347">
        <v>0</v>
      </c>
      <c r="LU14" s="348">
        <v>0</v>
      </c>
      <c r="LV14" s="345">
        <v>0</v>
      </c>
      <c r="LW14" s="349">
        <v>0</v>
      </c>
      <c r="LX14" s="404">
        <v>0</v>
      </c>
      <c r="LY14" s="345">
        <v>443182</v>
      </c>
      <c r="LZ14" s="345">
        <v>202669</v>
      </c>
      <c r="MA14" s="345">
        <v>0</v>
      </c>
      <c r="MB14" s="345">
        <v>608430</v>
      </c>
      <c r="MC14" s="345">
        <v>0</v>
      </c>
      <c r="MD14" s="349">
        <v>1254281</v>
      </c>
      <c r="ME14" s="350">
        <v>1254281</v>
      </c>
      <c r="MF14" s="348">
        <v>0</v>
      </c>
      <c r="MG14" s="345">
        <v>0</v>
      </c>
      <c r="MH14" s="349">
        <v>0</v>
      </c>
      <c r="MI14" s="404">
        <v>0</v>
      </c>
      <c r="MJ14" s="345">
        <v>854616</v>
      </c>
      <c r="MK14" s="345">
        <v>447719</v>
      </c>
      <c r="ML14" s="345">
        <v>6302898</v>
      </c>
      <c r="MM14" s="345">
        <v>3698255</v>
      </c>
      <c r="MN14" s="345">
        <v>3693761</v>
      </c>
      <c r="MO14" s="349">
        <v>14997249</v>
      </c>
      <c r="MP14" s="354">
        <v>14997249</v>
      </c>
      <c r="MQ14" s="348">
        <v>0</v>
      </c>
      <c r="MR14" s="345">
        <v>0</v>
      </c>
      <c r="MS14" s="349">
        <v>0</v>
      </c>
      <c r="MT14" s="404">
        <v>0</v>
      </c>
      <c r="MU14" s="345">
        <v>225895</v>
      </c>
      <c r="MV14" s="345">
        <v>219040</v>
      </c>
      <c r="MW14" s="345">
        <v>4104366</v>
      </c>
      <c r="MX14" s="345">
        <v>3210392</v>
      </c>
      <c r="MY14" s="345">
        <v>2439205</v>
      </c>
      <c r="MZ14" s="349">
        <v>10198898</v>
      </c>
      <c r="NA14" s="354">
        <v>10198898</v>
      </c>
      <c r="NB14" s="348">
        <v>0</v>
      </c>
      <c r="NC14" s="345">
        <v>0</v>
      </c>
      <c r="ND14" s="349">
        <v>0</v>
      </c>
      <c r="NE14" s="404">
        <v>0</v>
      </c>
      <c r="NF14" s="345">
        <v>628721</v>
      </c>
      <c r="NG14" s="345">
        <v>228679</v>
      </c>
      <c r="NH14" s="345">
        <v>2198532</v>
      </c>
      <c r="NI14" s="345">
        <v>487863</v>
      </c>
      <c r="NJ14" s="345">
        <v>1254556</v>
      </c>
      <c r="NK14" s="349">
        <v>4798351</v>
      </c>
      <c r="NL14" s="347">
        <v>4798351</v>
      </c>
      <c r="NM14" s="348">
        <v>0</v>
      </c>
      <c r="NN14" s="345">
        <v>0</v>
      </c>
      <c r="NO14" s="349">
        <v>0</v>
      </c>
      <c r="NP14" s="404">
        <v>0</v>
      </c>
      <c r="NQ14" s="345">
        <v>0</v>
      </c>
      <c r="NR14" s="345">
        <v>0</v>
      </c>
      <c r="NS14" s="345">
        <v>0</v>
      </c>
      <c r="NT14" s="345">
        <v>0</v>
      </c>
      <c r="NU14" s="345">
        <v>0</v>
      </c>
      <c r="NV14" s="349">
        <v>0</v>
      </c>
      <c r="NW14" s="350">
        <v>0</v>
      </c>
      <c r="NX14" s="348">
        <v>0</v>
      </c>
      <c r="NY14" s="345">
        <v>0</v>
      </c>
      <c r="NZ14" s="349">
        <v>0</v>
      </c>
      <c r="OA14" s="404">
        <v>0</v>
      </c>
      <c r="OB14" s="345">
        <v>0</v>
      </c>
      <c r="OC14" s="345">
        <v>0</v>
      </c>
      <c r="OD14" s="345">
        <v>0</v>
      </c>
      <c r="OE14" s="345">
        <v>0</v>
      </c>
      <c r="OF14" s="345">
        <v>0</v>
      </c>
      <c r="OG14" s="349">
        <v>0</v>
      </c>
      <c r="OH14" s="350">
        <v>0</v>
      </c>
      <c r="OI14" s="348">
        <v>994683</v>
      </c>
      <c r="OJ14" s="345">
        <v>818985</v>
      </c>
      <c r="OK14" s="346">
        <v>1813668</v>
      </c>
      <c r="OL14" s="351">
        <v>0</v>
      </c>
      <c r="OM14" s="345">
        <v>11177683</v>
      </c>
      <c r="ON14" s="345">
        <v>12681451</v>
      </c>
      <c r="OO14" s="345">
        <v>15548746</v>
      </c>
      <c r="OP14" s="345">
        <v>13455007</v>
      </c>
      <c r="OQ14" s="345">
        <v>10962840</v>
      </c>
      <c r="OR14" s="349">
        <v>63825727</v>
      </c>
      <c r="OS14" s="354">
        <v>65639395</v>
      </c>
    </row>
    <row r="15" spans="1:409" s="70" customFormat="1" ht="21" customHeight="1" x14ac:dyDescent="0.2">
      <c r="B15" s="410" t="s">
        <v>9</v>
      </c>
      <c r="C15" s="326">
        <v>1146125</v>
      </c>
      <c r="D15" s="327">
        <v>935082</v>
      </c>
      <c r="E15" s="328">
        <v>2081207</v>
      </c>
      <c r="F15" s="332">
        <v>0</v>
      </c>
      <c r="G15" s="327">
        <v>11956896</v>
      </c>
      <c r="H15" s="327">
        <v>9122232</v>
      </c>
      <c r="I15" s="327">
        <v>12573458</v>
      </c>
      <c r="J15" s="327">
        <v>13413890</v>
      </c>
      <c r="K15" s="327">
        <v>5639503</v>
      </c>
      <c r="L15" s="329">
        <v>52705979</v>
      </c>
      <c r="M15" s="330">
        <v>54787186</v>
      </c>
      <c r="N15" s="326">
        <v>364704</v>
      </c>
      <c r="O15" s="327">
        <v>367065</v>
      </c>
      <c r="P15" s="328">
        <v>731769</v>
      </c>
      <c r="Q15" s="326">
        <v>0</v>
      </c>
      <c r="R15" s="327">
        <v>4108628</v>
      </c>
      <c r="S15" s="327">
        <v>3178050</v>
      </c>
      <c r="T15" s="327">
        <v>4868417</v>
      </c>
      <c r="U15" s="327">
        <v>5603065</v>
      </c>
      <c r="V15" s="327">
        <v>3429061</v>
      </c>
      <c r="W15" s="328">
        <v>21187221</v>
      </c>
      <c r="X15" s="330">
        <v>21918990</v>
      </c>
      <c r="Y15" s="326">
        <v>0</v>
      </c>
      <c r="Z15" s="327">
        <v>0</v>
      </c>
      <c r="AA15" s="328">
        <v>0</v>
      </c>
      <c r="AB15" s="326">
        <v>0</v>
      </c>
      <c r="AC15" s="327">
        <v>1713578</v>
      </c>
      <c r="AD15" s="327">
        <v>1599219</v>
      </c>
      <c r="AE15" s="327">
        <v>2707773</v>
      </c>
      <c r="AF15" s="327">
        <v>3576444</v>
      </c>
      <c r="AG15" s="327">
        <v>1996418</v>
      </c>
      <c r="AH15" s="328">
        <v>11593432</v>
      </c>
      <c r="AI15" s="330">
        <v>11593432</v>
      </c>
      <c r="AJ15" s="326">
        <v>0</v>
      </c>
      <c r="AK15" s="327">
        <v>0</v>
      </c>
      <c r="AL15" s="328">
        <v>0</v>
      </c>
      <c r="AM15" s="326">
        <v>0</v>
      </c>
      <c r="AN15" s="327">
        <v>0</v>
      </c>
      <c r="AO15" s="327">
        <v>48973</v>
      </c>
      <c r="AP15" s="327">
        <v>0</v>
      </c>
      <c r="AQ15" s="327">
        <v>12243</v>
      </c>
      <c r="AR15" s="327">
        <v>355056</v>
      </c>
      <c r="AS15" s="328">
        <v>416272</v>
      </c>
      <c r="AT15" s="330">
        <v>416272</v>
      </c>
      <c r="AU15" s="326">
        <v>226552</v>
      </c>
      <c r="AV15" s="327">
        <v>260836</v>
      </c>
      <c r="AW15" s="328">
        <v>487388</v>
      </c>
      <c r="AX15" s="326">
        <v>0</v>
      </c>
      <c r="AY15" s="327">
        <v>1458004</v>
      </c>
      <c r="AZ15" s="327">
        <v>804756</v>
      </c>
      <c r="BA15" s="327">
        <v>1328880</v>
      </c>
      <c r="BB15" s="327">
        <v>1228238</v>
      </c>
      <c r="BC15" s="327">
        <v>772545</v>
      </c>
      <c r="BD15" s="328">
        <v>5592423</v>
      </c>
      <c r="BE15" s="330">
        <v>6079811</v>
      </c>
      <c r="BF15" s="326">
        <v>0</v>
      </c>
      <c r="BG15" s="327">
        <v>31109</v>
      </c>
      <c r="BH15" s="331">
        <v>31109</v>
      </c>
      <c r="BI15" s="332">
        <v>0</v>
      </c>
      <c r="BJ15" s="327">
        <v>105558</v>
      </c>
      <c r="BK15" s="327">
        <v>59798</v>
      </c>
      <c r="BL15" s="327">
        <v>0</v>
      </c>
      <c r="BM15" s="327">
        <v>88556</v>
      </c>
      <c r="BN15" s="327">
        <v>60706</v>
      </c>
      <c r="BO15" s="328">
        <v>314618</v>
      </c>
      <c r="BP15" s="330">
        <v>345727</v>
      </c>
      <c r="BQ15" s="326">
        <v>138152</v>
      </c>
      <c r="BR15" s="327">
        <v>75120</v>
      </c>
      <c r="BS15" s="328">
        <v>213272</v>
      </c>
      <c r="BT15" s="326">
        <v>0</v>
      </c>
      <c r="BU15" s="327">
        <v>831488</v>
      </c>
      <c r="BV15" s="327">
        <v>665304</v>
      </c>
      <c r="BW15" s="327">
        <v>831764</v>
      </c>
      <c r="BX15" s="327">
        <v>697584</v>
      </c>
      <c r="BY15" s="327">
        <v>244336</v>
      </c>
      <c r="BZ15" s="328">
        <v>3270476</v>
      </c>
      <c r="CA15" s="330">
        <v>3483748</v>
      </c>
      <c r="CB15" s="326">
        <v>112233</v>
      </c>
      <c r="CC15" s="327">
        <v>118851</v>
      </c>
      <c r="CD15" s="328">
        <v>231084</v>
      </c>
      <c r="CE15" s="326">
        <v>0</v>
      </c>
      <c r="CF15" s="327">
        <v>3296044</v>
      </c>
      <c r="CG15" s="327">
        <v>2149829</v>
      </c>
      <c r="CH15" s="327">
        <v>2934153</v>
      </c>
      <c r="CI15" s="327">
        <v>1742475</v>
      </c>
      <c r="CJ15" s="327">
        <v>381225</v>
      </c>
      <c r="CK15" s="328">
        <v>10503726</v>
      </c>
      <c r="CL15" s="330">
        <v>10734810</v>
      </c>
      <c r="CM15" s="326">
        <v>0</v>
      </c>
      <c r="CN15" s="327">
        <v>0</v>
      </c>
      <c r="CO15" s="328">
        <v>0</v>
      </c>
      <c r="CP15" s="332">
        <v>0</v>
      </c>
      <c r="CQ15" s="327">
        <v>2678975</v>
      </c>
      <c r="CR15" s="327">
        <v>1372221</v>
      </c>
      <c r="CS15" s="327">
        <v>2232066</v>
      </c>
      <c r="CT15" s="327">
        <v>706773</v>
      </c>
      <c r="CU15" s="327">
        <v>343460</v>
      </c>
      <c r="CV15" s="328">
        <v>7333495</v>
      </c>
      <c r="CW15" s="330">
        <v>7333495</v>
      </c>
      <c r="CX15" s="326">
        <v>112233</v>
      </c>
      <c r="CY15" s="327">
        <v>118851</v>
      </c>
      <c r="CZ15" s="328">
        <v>231084</v>
      </c>
      <c r="DA15" s="326">
        <v>0</v>
      </c>
      <c r="DB15" s="327">
        <v>617069</v>
      </c>
      <c r="DC15" s="327">
        <v>777608</v>
      </c>
      <c r="DD15" s="327">
        <v>702087</v>
      </c>
      <c r="DE15" s="327">
        <v>1035702</v>
      </c>
      <c r="DF15" s="327">
        <v>37765</v>
      </c>
      <c r="DG15" s="328">
        <v>3170231</v>
      </c>
      <c r="DH15" s="330">
        <v>3401315</v>
      </c>
      <c r="DI15" s="326">
        <v>0</v>
      </c>
      <c r="DJ15" s="327">
        <v>0</v>
      </c>
      <c r="DK15" s="331">
        <v>0</v>
      </c>
      <c r="DL15" s="332">
        <v>0</v>
      </c>
      <c r="DM15" s="327">
        <v>499698</v>
      </c>
      <c r="DN15" s="327">
        <v>314313</v>
      </c>
      <c r="DO15" s="327">
        <v>1079553</v>
      </c>
      <c r="DP15" s="327">
        <v>417559</v>
      </c>
      <c r="DQ15" s="327">
        <v>332945</v>
      </c>
      <c r="DR15" s="328">
        <v>2644068</v>
      </c>
      <c r="DS15" s="330">
        <v>2644068</v>
      </c>
      <c r="DT15" s="326">
        <v>0</v>
      </c>
      <c r="DU15" s="327">
        <v>0</v>
      </c>
      <c r="DV15" s="328">
        <v>0</v>
      </c>
      <c r="DW15" s="326">
        <v>0</v>
      </c>
      <c r="DX15" s="327">
        <v>428527</v>
      </c>
      <c r="DY15" s="327">
        <v>314313</v>
      </c>
      <c r="DZ15" s="327">
        <v>797202</v>
      </c>
      <c r="EA15" s="327">
        <v>319466</v>
      </c>
      <c r="EB15" s="327">
        <v>282322</v>
      </c>
      <c r="EC15" s="328">
        <v>2141830</v>
      </c>
      <c r="ED15" s="330">
        <v>2141830</v>
      </c>
      <c r="EE15" s="326">
        <v>0</v>
      </c>
      <c r="EF15" s="331">
        <v>0</v>
      </c>
      <c r="EG15" s="328">
        <v>0</v>
      </c>
      <c r="EH15" s="326">
        <v>0</v>
      </c>
      <c r="EI15" s="327">
        <v>71171</v>
      </c>
      <c r="EJ15" s="327">
        <v>0</v>
      </c>
      <c r="EK15" s="327">
        <v>282351</v>
      </c>
      <c r="EL15" s="327">
        <v>98093</v>
      </c>
      <c r="EM15" s="327">
        <v>50623</v>
      </c>
      <c r="EN15" s="331">
        <v>502238</v>
      </c>
      <c r="EO15" s="330">
        <v>502238</v>
      </c>
      <c r="EP15" s="326">
        <v>0</v>
      </c>
      <c r="EQ15" s="327">
        <v>0</v>
      </c>
      <c r="ER15" s="331">
        <v>0</v>
      </c>
      <c r="ES15" s="332">
        <v>0</v>
      </c>
      <c r="ET15" s="327">
        <v>0</v>
      </c>
      <c r="EU15" s="327">
        <v>0</v>
      </c>
      <c r="EV15" s="327">
        <v>0</v>
      </c>
      <c r="EW15" s="327">
        <v>0</v>
      </c>
      <c r="EX15" s="327">
        <v>0</v>
      </c>
      <c r="EY15" s="328">
        <v>0</v>
      </c>
      <c r="EZ15" s="330">
        <v>0</v>
      </c>
      <c r="FA15" s="326">
        <v>0</v>
      </c>
      <c r="FB15" s="327">
        <v>0</v>
      </c>
      <c r="FC15" s="331">
        <v>0</v>
      </c>
      <c r="FD15" s="332">
        <v>0</v>
      </c>
      <c r="FE15" s="327">
        <v>0</v>
      </c>
      <c r="FF15" s="327">
        <v>0</v>
      </c>
      <c r="FG15" s="327">
        <v>0</v>
      </c>
      <c r="FH15" s="327">
        <v>0</v>
      </c>
      <c r="FI15" s="327">
        <v>0</v>
      </c>
      <c r="FJ15" s="328">
        <v>0</v>
      </c>
      <c r="FK15" s="330">
        <v>0</v>
      </c>
      <c r="FL15" s="326">
        <v>323408</v>
      </c>
      <c r="FM15" s="327">
        <v>160828</v>
      </c>
      <c r="FN15" s="328">
        <v>484236</v>
      </c>
      <c r="FO15" s="326">
        <v>0</v>
      </c>
      <c r="FP15" s="327">
        <v>505688</v>
      </c>
      <c r="FQ15" s="327">
        <v>811256</v>
      </c>
      <c r="FR15" s="327">
        <v>987656</v>
      </c>
      <c r="FS15" s="327">
        <v>921696</v>
      </c>
      <c r="FT15" s="327">
        <v>415970</v>
      </c>
      <c r="FU15" s="328">
        <v>3642266</v>
      </c>
      <c r="FV15" s="330">
        <v>4126502</v>
      </c>
      <c r="FW15" s="333">
        <v>145728</v>
      </c>
      <c r="FX15" s="327">
        <v>96272</v>
      </c>
      <c r="FY15" s="331">
        <v>242000</v>
      </c>
      <c r="FZ15" s="332">
        <v>0</v>
      </c>
      <c r="GA15" s="327">
        <v>505688</v>
      </c>
      <c r="GB15" s="327">
        <v>811256</v>
      </c>
      <c r="GC15" s="327">
        <v>841784</v>
      </c>
      <c r="GD15" s="327">
        <v>876816</v>
      </c>
      <c r="GE15" s="327">
        <v>415970</v>
      </c>
      <c r="GF15" s="328">
        <v>3451514</v>
      </c>
      <c r="GG15" s="334">
        <v>3693514</v>
      </c>
      <c r="GH15" s="333">
        <v>44880</v>
      </c>
      <c r="GI15" s="327">
        <v>64556</v>
      </c>
      <c r="GJ15" s="331">
        <v>109436</v>
      </c>
      <c r="GK15" s="332">
        <v>0</v>
      </c>
      <c r="GL15" s="327">
        <v>0</v>
      </c>
      <c r="GM15" s="327">
        <v>0</v>
      </c>
      <c r="GN15" s="327">
        <v>113872</v>
      </c>
      <c r="GO15" s="327">
        <v>44880</v>
      </c>
      <c r="GP15" s="327">
        <v>0</v>
      </c>
      <c r="GQ15" s="328">
        <v>158752</v>
      </c>
      <c r="GR15" s="330">
        <v>268188</v>
      </c>
      <c r="GS15" s="326">
        <v>132800</v>
      </c>
      <c r="GT15" s="327">
        <v>0</v>
      </c>
      <c r="GU15" s="328">
        <v>132800</v>
      </c>
      <c r="GV15" s="326">
        <v>0</v>
      </c>
      <c r="GW15" s="327">
        <v>0</v>
      </c>
      <c r="GX15" s="327">
        <v>0</v>
      </c>
      <c r="GY15" s="327">
        <v>32000</v>
      </c>
      <c r="GZ15" s="327">
        <v>0</v>
      </c>
      <c r="HA15" s="327">
        <v>0</v>
      </c>
      <c r="HB15" s="331">
        <v>32000</v>
      </c>
      <c r="HC15" s="330">
        <v>164800</v>
      </c>
      <c r="HD15" s="326">
        <v>345780</v>
      </c>
      <c r="HE15" s="327">
        <v>288338</v>
      </c>
      <c r="HF15" s="331">
        <v>634118</v>
      </c>
      <c r="HG15" s="332">
        <v>0</v>
      </c>
      <c r="HH15" s="327">
        <v>3546838</v>
      </c>
      <c r="HI15" s="327">
        <v>2668784</v>
      </c>
      <c r="HJ15" s="327">
        <v>2703679</v>
      </c>
      <c r="HK15" s="327">
        <v>4729095</v>
      </c>
      <c r="HL15" s="327">
        <v>1080302</v>
      </c>
      <c r="HM15" s="328">
        <v>14728698</v>
      </c>
      <c r="HN15" s="329">
        <v>15362816</v>
      </c>
      <c r="HO15" s="333">
        <v>0</v>
      </c>
      <c r="HP15" s="327">
        <v>0</v>
      </c>
      <c r="HQ15" s="328">
        <v>0</v>
      </c>
      <c r="HR15" s="326">
        <v>0</v>
      </c>
      <c r="HS15" s="327">
        <v>0</v>
      </c>
      <c r="HT15" s="327">
        <v>0</v>
      </c>
      <c r="HU15" s="327">
        <v>0</v>
      </c>
      <c r="HV15" s="327">
        <v>0</v>
      </c>
      <c r="HW15" s="327">
        <v>0</v>
      </c>
      <c r="HX15" s="331">
        <v>0</v>
      </c>
      <c r="HY15" s="330">
        <v>0</v>
      </c>
      <c r="HZ15" s="360">
        <v>0</v>
      </c>
      <c r="IA15" s="361">
        <v>0</v>
      </c>
      <c r="IB15" s="362">
        <v>0</v>
      </c>
      <c r="IC15" s="338">
        <v>0</v>
      </c>
      <c r="ID15" s="336">
        <v>2302014</v>
      </c>
      <c r="IE15" s="339">
        <v>2981260</v>
      </c>
      <c r="IF15" s="337">
        <v>4778032</v>
      </c>
      <c r="IG15" s="336">
        <v>1801906</v>
      </c>
      <c r="IH15" s="337">
        <v>834763</v>
      </c>
      <c r="II15" s="340">
        <v>12697975</v>
      </c>
      <c r="IJ15" s="363">
        <v>12697975</v>
      </c>
      <c r="IK15" s="342">
        <v>0</v>
      </c>
      <c r="IL15" s="343">
        <v>0</v>
      </c>
      <c r="IM15" s="344">
        <v>0</v>
      </c>
      <c r="IN15" s="404">
        <v>0</v>
      </c>
      <c r="IO15" s="345">
        <v>0</v>
      </c>
      <c r="IP15" s="345">
        <v>0</v>
      </c>
      <c r="IQ15" s="345">
        <v>556051</v>
      </c>
      <c r="IR15" s="345">
        <v>0</v>
      </c>
      <c r="IS15" s="345">
        <v>0</v>
      </c>
      <c r="IT15" s="346">
        <v>556051</v>
      </c>
      <c r="IU15" s="347">
        <v>556051</v>
      </c>
      <c r="IV15" s="348">
        <v>0</v>
      </c>
      <c r="IW15" s="345">
        <v>0</v>
      </c>
      <c r="IX15" s="349">
        <v>0</v>
      </c>
      <c r="IY15" s="404">
        <v>0</v>
      </c>
      <c r="IZ15" s="345">
        <v>0</v>
      </c>
      <c r="JA15" s="345">
        <v>0</v>
      </c>
      <c r="JB15" s="345">
        <v>0</v>
      </c>
      <c r="JC15" s="345">
        <v>0</v>
      </c>
      <c r="JD15" s="345">
        <v>0</v>
      </c>
      <c r="JE15" s="349">
        <v>0</v>
      </c>
      <c r="JF15" s="350">
        <v>0</v>
      </c>
      <c r="JG15" s="348">
        <v>0</v>
      </c>
      <c r="JH15" s="345">
        <v>0</v>
      </c>
      <c r="JI15" s="346">
        <v>0</v>
      </c>
      <c r="JJ15" s="351">
        <v>0</v>
      </c>
      <c r="JK15" s="345">
        <v>1670082</v>
      </c>
      <c r="JL15" s="345">
        <v>1065173</v>
      </c>
      <c r="JM15" s="345">
        <v>1001387</v>
      </c>
      <c r="JN15" s="345">
        <v>534039</v>
      </c>
      <c r="JO15" s="345">
        <v>680501</v>
      </c>
      <c r="JP15" s="349">
        <v>4951182</v>
      </c>
      <c r="JQ15" s="347">
        <v>4951182</v>
      </c>
      <c r="JR15" s="348">
        <v>0</v>
      </c>
      <c r="JS15" s="345">
        <v>0</v>
      </c>
      <c r="JT15" s="346">
        <v>0</v>
      </c>
      <c r="JU15" s="351">
        <v>0</v>
      </c>
      <c r="JV15" s="345">
        <v>0</v>
      </c>
      <c r="JW15" s="345">
        <v>0</v>
      </c>
      <c r="JX15" s="345">
        <v>0</v>
      </c>
      <c r="JY15" s="345">
        <v>0</v>
      </c>
      <c r="JZ15" s="345">
        <v>154262</v>
      </c>
      <c r="KA15" s="349">
        <v>154262</v>
      </c>
      <c r="KB15" s="347">
        <v>154262</v>
      </c>
      <c r="KC15" s="352">
        <v>0</v>
      </c>
      <c r="KD15" s="353">
        <v>0</v>
      </c>
      <c r="KE15" s="349">
        <v>0</v>
      </c>
      <c r="KF15" s="351">
        <v>0</v>
      </c>
      <c r="KG15" s="345">
        <v>134204</v>
      </c>
      <c r="KH15" s="345">
        <v>671509</v>
      </c>
      <c r="KI15" s="345">
        <v>652250</v>
      </c>
      <c r="KJ15" s="345">
        <v>0</v>
      </c>
      <c r="KK15" s="345">
        <v>0</v>
      </c>
      <c r="KL15" s="349">
        <v>1457963</v>
      </c>
      <c r="KM15" s="354">
        <v>1457963</v>
      </c>
      <c r="KN15" s="342">
        <v>0</v>
      </c>
      <c r="KO15" s="343">
        <v>0</v>
      </c>
      <c r="KP15" s="344">
        <v>0</v>
      </c>
      <c r="KQ15" s="404">
        <v>0</v>
      </c>
      <c r="KR15" s="345">
        <v>497728</v>
      </c>
      <c r="KS15" s="345">
        <v>776732</v>
      </c>
      <c r="KT15" s="345">
        <v>2397838</v>
      </c>
      <c r="KU15" s="345">
        <v>979157</v>
      </c>
      <c r="KV15" s="345">
        <v>0</v>
      </c>
      <c r="KW15" s="349">
        <v>4651455</v>
      </c>
      <c r="KX15" s="347">
        <v>4651455</v>
      </c>
      <c r="KY15" s="348">
        <v>0</v>
      </c>
      <c r="KZ15" s="345">
        <v>0</v>
      </c>
      <c r="LA15" s="349">
        <v>0</v>
      </c>
      <c r="LB15" s="404">
        <v>0</v>
      </c>
      <c r="LC15" s="345">
        <v>0</v>
      </c>
      <c r="LD15" s="345">
        <v>185618</v>
      </c>
      <c r="LE15" s="345">
        <v>0</v>
      </c>
      <c r="LF15" s="345">
        <v>0</v>
      </c>
      <c r="LG15" s="345">
        <v>0</v>
      </c>
      <c r="LH15" s="349">
        <v>185618</v>
      </c>
      <c r="LI15" s="350">
        <v>185618</v>
      </c>
      <c r="LJ15" s="348">
        <v>0</v>
      </c>
      <c r="LK15" s="345">
        <v>0</v>
      </c>
      <c r="LL15" s="349">
        <v>0</v>
      </c>
      <c r="LM15" s="404">
        <v>0</v>
      </c>
      <c r="LN15" s="345">
        <v>0</v>
      </c>
      <c r="LO15" s="345">
        <v>0</v>
      </c>
      <c r="LP15" s="345">
        <v>0</v>
      </c>
      <c r="LQ15" s="345">
        <v>0</v>
      </c>
      <c r="LR15" s="345">
        <v>0</v>
      </c>
      <c r="LS15" s="349">
        <v>0</v>
      </c>
      <c r="LT15" s="347">
        <v>0</v>
      </c>
      <c r="LU15" s="348">
        <v>0</v>
      </c>
      <c r="LV15" s="345">
        <v>0</v>
      </c>
      <c r="LW15" s="349">
        <v>0</v>
      </c>
      <c r="LX15" s="404">
        <v>0</v>
      </c>
      <c r="LY15" s="345">
        <v>0</v>
      </c>
      <c r="LZ15" s="345">
        <v>282228</v>
      </c>
      <c r="MA15" s="345">
        <v>170506</v>
      </c>
      <c r="MB15" s="345">
        <v>288710</v>
      </c>
      <c r="MC15" s="345">
        <v>0</v>
      </c>
      <c r="MD15" s="349">
        <v>741444</v>
      </c>
      <c r="ME15" s="350">
        <v>741444</v>
      </c>
      <c r="MF15" s="348">
        <v>0</v>
      </c>
      <c r="MG15" s="345">
        <v>0</v>
      </c>
      <c r="MH15" s="349">
        <v>0</v>
      </c>
      <c r="MI15" s="404">
        <v>0</v>
      </c>
      <c r="MJ15" s="345">
        <v>216657</v>
      </c>
      <c r="MK15" s="345">
        <v>1047475</v>
      </c>
      <c r="ML15" s="345">
        <v>5337587</v>
      </c>
      <c r="MM15" s="345">
        <v>9664136</v>
      </c>
      <c r="MN15" s="345">
        <v>3148206</v>
      </c>
      <c r="MO15" s="349">
        <v>19414061</v>
      </c>
      <c r="MP15" s="354">
        <v>19414061</v>
      </c>
      <c r="MQ15" s="348">
        <v>0</v>
      </c>
      <c r="MR15" s="345">
        <v>0</v>
      </c>
      <c r="MS15" s="349">
        <v>0</v>
      </c>
      <c r="MT15" s="404">
        <v>0</v>
      </c>
      <c r="MU15" s="345">
        <v>0</v>
      </c>
      <c r="MV15" s="345">
        <v>0</v>
      </c>
      <c r="MW15" s="345">
        <v>2938039</v>
      </c>
      <c r="MX15" s="345">
        <v>6549355</v>
      </c>
      <c r="MY15" s="345">
        <v>2216149</v>
      </c>
      <c r="MZ15" s="349">
        <v>11703543</v>
      </c>
      <c r="NA15" s="354">
        <v>11703543</v>
      </c>
      <c r="NB15" s="348">
        <v>0</v>
      </c>
      <c r="NC15" s="345">
        <v>0</v>
      </c>
      <c r="ND15" s="349">
        <v>0</v>
      </c>
      <c r="NE15" s="404">
        <v>0</v>
      </c>
      <c r="NF15" s="345">
        <v>216657</v>
      </c>
      <c r="NG15" s="345">
        <v>1047475</v>
      </c>
      <c r="NH15" s="345">
        <v>2399548</v>
      </c>
      <c r="NI15" s="345">
        <v>3114781</v>
      </c>
      <c r="NJ15" s="345">
        <v>932057</v>
      </c>
      <c r="NK15" s="349">
        <v>7710518</v>
      </c>
      <c r="NL15" s="347">
        <v>7710518</v>
      </c>
      <c r="NM15" s="348">
        <v>0</v>
      </c>
      <c r="NN15" s="345">
        <v>0</v>
      </c>
      <c r="NO15" s="349">
        <v>0</v>
      </c>
      <c r="NP15" s="404">
        <v>0</v>
      </c>
      <c r="NQ15" s="345">
        <v>0</v>
      </c>
      <c r="NR15" s="345">
        <v>0</v>
      </c>
      <c r="NS15" s="345">
        <v>0</v>
      </c>
      <c r="NT15" s="345">
        <v>0</v>
      </c>
      <c r="NU15" s="345">
        <v>0</v>
      </c>
      <c r="NV15" s="349">
        <v>0</v>
      </c>
      <c r="NW15" s="350">
        <v>0</v>
      </c>
      <c r="NX15" s="348">
        <v>0</v>
      </c>
      <c r="NY15" s="345">
        <v>0</v>
      </c>
      <c r="NZ15" s="349">
        <v>0</v>
      </c>
      <c r="OA15" s="404">
        <v>0</v>
      </c>
      <c r="OB15" s="345">
        <v>0</v>
      </c>
      <c r="OC15" s="345">
        <v>0</v>
      </c>
      <c r="OD15" s="345">
        <v>0</v>
      </c>
      <c r="OE15" s="345">
        <v>0</v>
      </c>
      <c r="OF15" s="345">
        <v>0</v>
      </c>
      <c r="OG15" s="349">
        <v>0</v>
      </c>
      <c r="OH15" s="350">
        <v>0</v>
      </c>
      <c r="OI15" s="348">
        <v>1146125</v>
      </c>
      <c r="OJ15" s="345">
        <v>935082</v>
      </c>
      <c r="OK15" s="346">
        <v>2081207</v>
      </c>
      <c r="OL15" s="351">
        <v>0</v>
      </c>
      <c r="OM15" s="345">
        <v>14475567</v>
      </c>
      <c r="ON15" s="345">
        <v>13150967</v>
      </c>
      <c r="OO15" s="345">
        <v>22689077</v>
      </c>
      <c r="OP15" s="345">
        <v>24879932</v>
      </c>
      <c r="OQ15" s="345">
        <v>9622472</v>
      </c>
      <c r="OR15" s="349">
        <v>84818015</v>
      </c>
      <c r="OS15" s="354">
        <v>86899222</v>
      </c>
    </row>
    <row r="16" spans="1:409" s="70" customFormat="1" ht="21" customHeight="1" x14ac:dyDescent="0.2">
      <c r="B16" s="410" t="s">
        <v>10</v>
      </c>
      <c r="C16" s="326">
        <v>1779827</v>
      </c>
      <c r="D16" s="327">
        <v>1786114</v>
      </c>
      <c r="E16" s="328">
        <v>3565941</v>
      </c>
      <c r="F16" s="364">
        <v>0</v>
      </c>
      <c r="G16" s="327">
        <v>20203212</v>
      </c>
      <c r="H16" s="327">
        <v>16012776</v>
      </c>
      <c r="I16" s="327">
        <v>12163496</v>
      </c>
      <c r="J16" s="327">
        <v>17094674</v>
      </c>
      <c r="K16" s="327">
        <v>12139252</v>
      </c>
      <c r="L16" s="329">
        <v>77613410</v>
      </c>
      <c r="M16" s="330">
        <v>81179351</v>
      </c>
      <c r="N16" s="326">
        <v>635539</v>
      </c>
      <c r="O16" s="327">
        <v>701678</v>
      </c>
      <c r="P16" s="328">
        <v>1337217</v>
      </c>
      <c r="Q16" s="326">
        <v>0</v>
      </c>
      <c r="R16" s="327">
        <v>6439990</v>
      </c>
      <c r="S16" s="327">
        <v>5416641</v>
      </c>
      <c r="T16" s="327">
        <v>4439778</v>
      </c>
      <c r="U16" s="327">
        <v>7776828</v>
      </c>
      <c r="V16" s="327">
        <v>7231271</v>
      </c>
      <c r="W16" s="328">
        <v>31304508</v>
      </c>
      <c r="X16" s="330">
        <v>32641725</v>
      </c>
      <c r="Y16" s="326">
        <v>0</v>
      </c>
      <c r="Z16" s="327">
        <v>0</v>
      </c>
      <c r="AA16" s="328">
        <v>0</v>
      </c>
      <c r="AB16" s="326">
        <v>0</v>
      </c>
      <c r="AC16" s="327">
        <v>2886811</v>
      </c>
      <c r="AD16" s="327">
        <v>2784038</v>
      </c>
      <c r="AE16" s="327">
        <v>2221440</v>
      </c>
      <c r="AF16" s="327">
        <v>4744436</v>
      </c>
      <c r="AG16" s="327">
        <v>4545101</v>
      </c>
      <c r="AH16" s="328">
        <v>17181826</v>
      </c>
      <c r="AI16" s="330">
        <v>17181826</v>
      </c>
      <c r="AJ16" s="326">
        <v>0</v>
      </c>
      <c r="AK16" s="327">
        <v>0</v>
      </c>
      <c r="AL16" s="328">
        <v>0</v>
      </c>
      <c r="AM16" s="326">
        <v>0</v>
      </c>
      <c r="AN16" s="327">
        <v>0</v>
      </c>
      <c r="AO16" s="327">
        <v>49984</v>
      </c>
      <c r="AP16" s="327">
        <v>157161</v>
      </c>
      <c r="AQ16" s="327">
        <v>217162</v>
      </c>
      <c r="AR16" s="327">
        <v>862948</v>
      </c>
      <c r="AS16" s="328">
        <v>1287255</v>
      </c>
      <c r="AT16" s="330">
        <v>1287255</v>
      </c>
      <c r="AU16" s="326">
        <v>354678</v>
      </c>
      <c r="AV16" s="327">
        <v>471665</v>
      </c>
      <c r="AW16" s="328">
        <v>826343</v>
      </c>
      <c r="AX16" s="326">
        <v>0</v>
      </c>
      <c r="AY16" s="327">
        <v>2280918</v>
      </c>
      <c r="AZ16" s="327">
        <v>1301098</v>
      </c>
      <c r="BA16" s="327">
        <v>1160429</v>
      </c>
      <c r="BB16" s="327">
        <v>1375964</v>
      </c>
      <c r="BC16" s="327">
        <v>803638</v>
      </c>
      <c r="BD16" s="328">
        <v>6922047</v>
      </c>
      <c r="BE16" s="330">
        <v>7748390</v>
      </c>
      <c r="BF16" s="326">
        <v>31109</v>
      </c>
      <c r="BG16" s="327">
        <v>65773</v>
      </c>
      <c r="BH16" s="331">
        <v>96882</v>
      </c>
      <c r="BI16" s="332">
        <v>0</v>
      </c>
      <c r="BJ16" s="327">
        <v>156389</v>
      </c>
      <c r="BK16" s="327">
        <v>231521</v>
      </c>
      <c r="BL16" s="327">
        <v>100524</v>
      </c>
      <c r="BM16" s="327">
        <v>141722</v>
      </c>
      <c r="BN16" s="327">
        <v>201480</v>
      </c>
      <c r="BO16" s="328">
        <v>831636</v>
      </c>
      <c r="BP16" s="330">
        <v>928518</v>
      </c>
      <c r="BQ16" s="326">
        <v>249752</v>
      </c>
      <c r="BR16" s="327">
        <v>164240</v>
      </c>
      <c r="BS16" s="328">
        <v>413992</v>
      </c>
      <c r="BT16" s="326">
        <v>0</v>
      </c>
      <c r="BU16" s="327">
        <v>1115872</v>
      </c>
      <c r="BV16" s="327">
        <v>1050000</v>
      </c>
      <c r="BW16" s="327">
        <v>800224</v>
      </c>
      <c r="BX16" s="327">
        <v>1297544</v>
      </c>
      <c r="BY16" s="327">
        <v>818104</v>
      </c>
      <c r="BZ16" s="328">
        <v>5081744</v>
      </c>
      <c r="CA16" s="330">
        <v>5495736</v>
      </c>
      <c r="CB16" s="326">
        <v>60784</v>
      </c>
      <c r="CC16" s="327">
        <v>117327</v>
      </c>
      <c r="CD16" s="328">
        <v>178111</v>
      </c>
      <c r="CE16" s="326">
        <v>0</v>
      </c>
      <c r="CF16" s="327">
        <v>7383391</v>
      </c>
      <c r="CG16" s="327">
        <v>3995817</v>
      </c>
      <c r="CH16" s="327">
        <v>2836248</v>
      </c>
      <c r="CI16" s="327">
        <v>1674528</v>
      </c>
      <c r="CJ16" s="327">
        <v>1033743</v>
      </c>
      <c r="CK16" s="328">
        <v>16923727</v>
      </c>
      <c r="CL16" s="330">
        <v>17101838</v>
      </c>
      <c r="CM16" s="326">
        <v>0</v>
      </c>
      <c r="CN16" s="327">
        <v>0</v>
      </c>
      <c r="CO16" s="328">
        <v>0</v>
      </c>
      <c r="CP16" s="332">
        <v>0</v>
      </c>
      <c r="CQ16" s="327">
        <v>6082994</v>
      </c>
      <c r="CR16" s="327">
        <v>3410938</v>
      </c>
      <c r="CS16" s="327">
        <v>1937718</v>
      </c>
      <c r="CT16" s="327">
        <v>1539054</v>
      </c>
      <c r="CU16" s="327">
        <v>741371</v>
      </c>
      <c r="CV16" s="328">
        <v>13712075</v>
      </c>
      <c r="CW16" s="330">
        <v>13712075</v>
      </c>
      <c r="CX16" s="326">
        <v>60784</v>
      </c>
      <c r="CY16" s="327">
        <v>117327</v>
      </c>
      <c r="CZ16" s="328">
        <v>178111</v>
      </c>
      <c r="DA16" s="326">
        <v>0</v>
      </c>
      <c r="DB16" s="327">
        <v>1300397</v>
      </c>
      <c r="DC16" s="327">
        <v>584879</v>
      </c>
      <c r="DD16" s="327">
        <v>898530</v>
      </c>
      <c r="DE16" s="327">
        <v>135474</v>
      </c>
      <c r="DF16" s="327">
        <v>292372</v>
      </c>
      <c r="DG16" s="328">
        <v>3211652</v>
      </c>
      <c r="DH16" s="330">
        <v>3389763</v>
      </c>
      <c r="DI16" s="326">
        <v>0</v>
      </c>
      <c r="DJ16" s="327">
        <v>56599</v>
      </c>
      <c r="DK16" s="331">
        <v>56599</v>
      </c>
      <c r="DL16" s="332">
        <v>0</v>
      </c>
      <c r="DM16" s="327">
        <v>1012238</v>
      </c>
      <c r="DN16" s="327">
        <v>899992</v>
      </c>
      <c r="DO16" s="327">
        <v>1333098</v>
      </c>
      <c r="DP16" s="327">
        <v>1046428</v>
      </c>
      <c r="DQ16" s="327">
        <v>434154</v>
      </c>
      <c r="DR16" s="328">
        <v>4725910</v>
      </c>
      <c r="DS16" s="330">
        <v>4782509</v>
      </c>
      <c r="DT16" s="326">
        <v>0</v>
      </c>
      <c r="DU16" s="327">
        <v>56599</v>
      </c>
      <c r="DV16" s="328">
        <v>56599</v>
      </c>
      <c r="DW16" s="326">
        <v>0</v>
      </c>
      <c r="DX16" s="327">
        <v>1012238</v>
      </c>
      <c r="DY16" s="327">
        <v>697163</v>
      </c>
      <c r="DZ16" s="327">
        <v>1084948</v>
      </c>
      <c r="EA16" s="327">
        <v>1046428</v>
      </c>
      <c r="EB16" s="327">
        <v>404061</v>
      </c>
      <c r="EC16" s="328">
        <v>4244838</v>
      </c>
      <c r="ED16" s="330">
        <v>4301437</v>
      </c>
      <c r="EE16" s="326">
        <v>0</v>
      </c>
      <c r="EF16" s="331">
        <v>0</v>
      </c>
      <c r="EG16" s="328">
        <v>0</v>
      </c>
      <c r="EH16" s="326">
        <v>0</v>
      </c>
      <c r="EI16" s="327">
        <v>0</v>
      </c>
      <c r="EJ16" s="327">
        <v>202829</v>
      </c>
      <c r="EK16" s="327">
        <v>248150</v>
      </c>
      <c r="EL16" s="327">
        <v>0</v>
      </c>
      <c r="EM16" s="327">
        <v>30093</v>
      </c>
      <c r="EN16" s="331">
        <v>481072</v>
      </c>
      <c r="EO16" s="330">
        <v>481072</v>
      </c>
      <c r="EP16" s="326">
        <v>0</v>
      </c>
      <c r="EQ16" s="327">
        <v>0</v>
      </c>
      <c r="ER16" s="331">
        <v>0</v>
      </c>
      <c r="ES16" s="332">
        <v>0</v>
      </c>
      <c r="ET16" s="327">
        <v>0</v>
      </c>
      <c r="EU16" s="327">
        <v>0</v>
      </c>
      <c r="EV16" s="327">
        <v>0</v>
      </c>
      <c r="EW16" s="327">
        <v>0</v>
      </c>
      <c r="EX16" s="327">
        <v>0</v>
      </c>
      <c r="EY16" s="328">
        <v>0</v>
      </c>
      <c r="EZ16" s="330">
        <v>0</v>
      </c>
      <c r="FA16" s="326">
        <v>0</v>
      </c>
      <c r="FB16" s="327">
        <v>0</v>
      </c>
      <c r="FC16" s="331">
        <v>0</v>
      </c>
      <c r="FD16" s="332">
        <v>0</v>
      </c>
      <c r="FE16" s="327">
        <v>0</v>
      </c>
      <c r="FF16" s="327">
        <v>0</v>
      </c>
      <c r="FG16" s="327">
        <v>0</v>
      </c>
      <c r="FH16" s="327">
        <v>0</v>
      </c>
      <c r="FI16" s="327">
        <v>0</v>
      </c>
      <c r="FJ16" s="328">
        <v>0</v>
      </c>
      <c r="FK16" s="330">
        <v>0</v>
      </c>
      <c r="FL16" s="326">
        <v>512256</v>
      </c>
      <c r="FM16" s="327">
        <v>716684</v>
      </c>
      <c r="FN16" s="328">
        <v>1228940</v>
      </c>
      <c r="FO16" s="326">
        <v>0</v>
      </c>
      <c r="FP16" s="327">
        <v>1137398</v>
      </c>
      <c r="FQ16" s="327">
        <v>1567256</v>
      </c>
      <c r="FR16" s="327">
        <v>1054146</v>
      </c>
      <c r="FS16" s="327">
        <v>947112</v>
      </c>
      <c r="FT16" s="327">
        <v>753132</v>
      </c>
      <c r="FU16" s="328">
        <v>5459044</v>
      </c>
      <c r="FV16" s="330">
        <v>6687984</v>
      </c>
      <c r="FW16" s="333">
        <v>333936</v>
      </c>
      <c r="FX16" s="327">
        <v>409344</v>
      </c>
      <c r="FY16" s="331">
        <v>743280</v>
      </c>
      <c r="FZ16" s="332">
        <v>0</v>
      </c>
      <c r="GA16" s="327">
        <v>823512</v>
      </c>
      <c r="GB16" s="327">
        <v>1364856</v>
      </c>
      <c r="GC16" s="327">
        <v>897448</v>
      </c>
      <c r="GD16" s="327">
        <v>888712</v>
      </c>
      <c r="GE16" s="327">
        <v>753132</v>
      </c>
      <c r="GF16" s="328">
        <v>4727660</v>
      </c>
      <c r="GG16" s="334">
        <v>5470940</v>
      </c>
      <c r="GH16" s="333">
        <v>68720</v>
      </c>
      <c r="GI16" s="327">
        <v>22540</v>
      </c>
      <c r="GJ16" s="331">
        <v>91260</v>
      </c>
      <c r="GK16" s="332">
        <v>0</v>
      </c>
      <c r="GL16" s="327">
        <v>209904</v>
      </c>
      <c r="GM16" s="327">
        <v>42400</v>
      </c>
      <c r="GN16" s="327">
        <v>0</v>
      </c>
      <c r="GO16" s="327">
        <v>0</v>
      </c>
      <c r="GP16" s="327">
        <v>0</v>
      </c>
      <c r="GQ16" s="328">
        <v>252304</v>
      </c>
      <c r="GR16" s="330">
        <v>343564</v>
      </c>
      <c r="GS16" s="326">
        <v>109600</v>
      </c>
      <c r="GT16" s="327">
        <v>284800</v>
      </c>
      <c r="GU16" s="328">
        <v>394400</v>
      </c>
      <c r="GV16" s="326">
        <v>0</v>
      </c>
      <c r="GW16" s="327">
        <v>103982</v>
      </c>
      <c r="GX16" s="327">
        <v>160000</v>
      </c>
      <c r="GY16" s="327">
        <v>156698</v>
      </c>
      <c r="GZ16" s="327">
        <v>58400</v>
      </c>
      <c r="HA16" s="327">
        <v>0</v>
      </c>
      <c r="HB16" s="331">
        <v>479080</v>
      </c>
      <c r="HC16" s="330">
        <v>873480</v>
      </c>
      <c r="HD16" s="326">
        <v>571248</v>
      </c>
      <c r="HE16" s="327">
        <v>193826</v>
      </c>
      <c r="HF16" s="331">
        <v>765074</v>
      </c>
      <c r="HG16" s="332">
        <v>0</v>
      </c>
      <c r="HH16" s="327">
        <v>4230195</v>
      </c>
      <c r="HI16" s="327">
        <v>4133070</v>
      </c>
      <c r="HJ16" s="327">
        <v>2500226</v>
      </c>
      <c r="HK16" s="327">
        <v>5649778</v>
      </c>
      <c r="HL16" s="327">
        <v>2686952</v>
      </c>
      <c r="HM16" s="328">
        <v>19200221</v>
      </c>
      <c r="HN16" s="329">
        <v>19965295</v>
      </c>
      <c r="HO16" s="333">
        <v>0</v>
      </c>
      <c r="HP16" s="327">
        <v>0</v>
      </c>
      <c r="HQ16" s="328">
        <v>0</v>
      </c>
      <c r="HR16" s="326">
        <v>0</v>
      </c>
      <c r="HS16" s="327">
        <v>0</v>
      </c>
      <c r="HT16" s="327">
        <v>0</v>
      </c>
      <c r="HU16" s="327">
        <v>0</v>
      </c>
      <c r="HV16" s="327">
        <v>0</v>
      </c>
      <c r="HW16" s="327">
        <v>0</v>
      </c>
      <c r="HX16" s="331">
        <v>0</v>
      </c>
      <c r="HY16" s="330">
        <v>0</v>
      </c>
      <c r="HZ16" s="358">
        <v>0</v>
      </c>
      <c r="IA16" s="356">
        <v>0</v>
      </c>
      <c r="IB16" s="358">
        <v>0</v>
      </c>
      <c r="IC16" s="355">
        <v>0</v>
      </c>
      <c r="ID16" s="356">
        <v>4781367</v>
      </c>
      <c r="IE16" s="357">
        <v>3716999</v>
      </c>
      <c r="IF16" s="358">
        <v>3946848</v>
      </c>
      <c r="IG16" s="356">
        <v>5320323</v>
      </c>
      <c r="IH16" s="358">
        <v>4398129</v>
      </c>
      <c r="II16" s="359">
        <v>22163666</v>
      </c>
      <c r="IJ16" s="358">
        <v>22163666</v>
      </c>
      <c r="IK16" s="342">
        <v>0</v>
      </c>
      <c r="IL16" s="343">
        <v>0</v>
      </c>
      <c r="IM16" s="344">
        <v>0</v>
      </c>
      <c r="IN16" s="404">
        <v>0</v>
      </c>
      <c r="IO16" s="345">
        <v>66158</v>
      </c>
      <c r="IP16" s="345">
        <v>125812</v>
      </c>
      <c r="IQ16" s="345">
        <v>200479</v>
      </c>
      <c r="IR16" s="345">
        <v>0</v>
      </c>
      <c r="IS16" s="345">
        <v>0</v>
      </c>
      <c r="IT16" s="346">
        <v>392449</v>
      </c>
      <c r="IU16" s="347">
        <v>392449</v>
      </c>
      <c r="IV16" s="348">
        <v>0</v>
      </c>
      <c r="IW16" s="345">
        <v>0</v>
      </c>
      <c r="IX16" s="349">
        <v>0</v>
      </c>
      <c r="IY16" s="404">
        <v>0</v>
      </c>
      <c r="IZ16" s="345">
        <v>21002</v>
      </c>
      <c r="JA16" s="345">
        <v>0</v>
      </c>
      <c r="JB16" s="345">
        <v>10501</v>
      </c>
      <c r="JC16" s="345">
        <v>0</v>
      </c>
      <c r="JD16" s="345">
        <v>0</v>
      </c>
      <c r="JE16" s="349">
        <v>31503</v>
      </c>
      <c r="JF16" s="350">
        <v>31503</v>
      </c>
      <c r="JG16" s="348">
        <v>0</v>
      </c>
      <c r="JH16" s="345">
        <v>0</v>
      </c>
      <c r="JI16" s="346">
        <v>0</v>
      </c>
      <c r="JJ16" s="351">
        <v>0</v>
      </c>
      <c r="JK16" s="345">
        <v>1669856</v>
      </c>
      <c r="JL16" s="345">
        <v>781548</v>
      </c>
      <c r="JM16" s="345">
        <v>383854</v>
      </c>
      <c r="JN16" s="345">
        <v>538638</v>
      </c>
      <c r="JO16" s="345">
        <v>334319</v>
      </c>
      <c r="JP16" s="349">
        <v>3708215</v>
      </c>
      <c r="JQ16" s="347">
        <v>3708215</v>
      </c>
      <c r="JR16" s="348">
        <v>0</v>
      </c>
      <c r="JS16" s="345">
        <v>0</v>
      </c>
      <c r="JT16" s="346">
        <v>0</v>
      </c>
      <c r="JU16" s="351">
        <v>0</v>
      </c>
      <c r="JV16" s="345">
        <v>312214</v>
      </c>
      <c r="JW16" s="345">
        <v>56437</v>
      </c>
      <c r="JX16" s="345">
        <v>116960</v>
      </c>
      <c r="JY16" s="345">
        <v>0</v>
      </c>
      <c r="JZ16" s="345">
        <v>0</v>
      </c>
      <c r="KA16" s="349">
        <v>485611</v>
      </c>
      <c r="KB16" s="347">
        <v>485611</v>
      </c>
      <c r="KC16" s="352">
        <v>0</v>
      </c>
      <c r="KD16" s="353">
        <v>0</v>
      </c>
      <c r="KE16" s="349">
        <v>0</v>
      </c>
      <c r="KF16" s="351">
        <v>0</v>
      </c>
      <c r="KG16" s="345">
        <v>645744</v>
      </c>
      <c r="KH16" s="345">
        <v>168184</v>
      </c>
      <c r="KI16" s="345">
        <v>256240</v>
      </c>
      <c r="KJ16" s="345">
        <v>547471</v>
      </c>
      <c r="KK16" s="345">
        <v>0</v>
      </c>
      <c r="KL16" s="349">
        <v>1617639</v>
      </c>
      <c r="KM16" s="354">
        <v>1617639</v>
      </c>
      <c r="KN16" s="342">
        <v>0</v>
      </c>
      <c r="KO16" s="343">
        <v>0</v>
      </c>
      <c r="KP16" s="344">
        <v>0</v>
      </c>
      <c r="KQ16" s="404">
        <v>0</v>
      </c>
      <c r="KR16" s="345">
        <v>1523933</v>
      </c>
      <c r="KS16" s="345">
        <v>1547823</v>
      </c>
      <c r="KT16" s="345">
        <v>1901731</v>
      </c>
      <c r="KU16" s="345">
        <v>2104687</v>
      </c>
      <c r="KV16" s="345">
        <v>1103550</v>
      </c>
      <c r="KW16" s="349">
        <v>8181724</v>
      </c>
      <c r="KX16" s="347">
        <v>8181724</v>
      </c>
      <c r="KY16" s="348">
        <v>0</v>
      </c>
      <c r="KZ16" s="345">
        <v>0</v>
      </c>
      <c r="LA16" s="349">
        <v>0</v>
      </c>
      <c r="LB16" s="404">
        <v>0</v>
      </c>
      <c r="LC16" s="345">
        <v>360584</v>
      </c>
      <c r="LD16" s="345">
        <v>247183</v>
      </c>
      <c r="LE16" s="345">
        <v>202502</v>
      </c>
      <c r="LF16" s="345">
        <v>670104</v>
      </c>
      <c r="LG16" s="345">
        <v>483624</v>
      </c>
      <c r="LH16" s="349">
        <v>1963997</v>
      </c>
      <c r="LI16" s="350">
        <v>1963997</v>
      </c>
      <c r="LJ16" s="348">
        <v>0</v>
      </c>
      <c r="LK16" s="345">
        <v>0</v>
      </c>
      <c r="LL16" s="349">
        <v>0</v>
      </c>
      <c r="LM16" s="404">
        <v>0</v>
      </c>
      <c r="LN16" s="345">
        <v>0</v>
      </c>
      <c r="LO16" s="345">
        <v>221778</v>
      </c>
      <c r="LP16" s="345">
        <v>275396</v>
      </c>
      <c r="LQ16" s="345">
        <v>795861</v>
      </c>
      <c r="LR16" s="345">
        <v>1780616</v>
      </c>
      <c r="LS16" s="349">
        <v>3073651</v>
      </c>
      <c r="LT16" s="347">
        <v>3073651</v>
      </c>
      <c r="LU16" s="348">
        <v>0</v>
      </c>
      <c r="LV16" s="345">
        <v>0</v>
      </c>
      <c r="LW16" s="349">
        <v>0</v>
      </c>
      <c r="LX16" s="404">
        <v>0</v>
      </c>
      <c r="LY16" s="345">
        <v>181876</v>
      </c>
      <c r="LZ16" s="345">
        <v>568234</v>
      </c>
      <c r="MA16" s="345">
        <v>599185</v>
      </c>
      <c r="MB16" s="345">
        <v>663562</v>
      </c>
      <c r="MC16" s="345">
        <v>696020</v>
      </c>
      <c r="MD16" s="349">
        <v>2708877</v>
      </c>
      <c r="ME16" s="350">
        <v>2708877</v>
      </c>
      <c r="MF16" s="348">
        <v>0</v>
      </c>
      <c r="MG16" s="345">
        <v>0</v>
      </c>
      <c r="MH16" s="349">
        <v>0</v>
      </c>
      <c r="MI16" s="404">
        <v>0</v>
      </c>
      <c r="MJ16" s="345">
        <v>691236</v>
      </c>
      <c r="MK16" s="345">
        <v>1755472</v>
      </c>
      <c r="ML16" s="345">
        <v>5051450</v>
      </c>
      <c r="MM16" s="345">
        <v>11586556</v>
      </c>
      <c r="MN16" s="345">
        <v>6430461</v>
      </c>
      <c r="MO16" s="349">
        <v>25515175</v>
      </c>
      <c r="MP16" s="354">
        <v>25515175</v>
      </c>
      <c r="MQ16" s="348">
        <v>0</v>
      </c>
      <c r="MR16" s="345">
        <v>0</v>
      </c>
      <c r="MS16" s="349">
        <v>0</v>
      </c>
      <c r="MT16" s="404">
        <v>0</v>
      </c>
      <c r="MU16" s="345">
        <v>223448</v>
      </c>
      <c r="MV16" s="345">
        <v>0</v>
      </c>
      <c r="MW16" s="345">
        <v>3518352</v>
      </c>
      <c r="MX16" s="345">
        <v>8441960</v>
      </c>
      <c r="MY16" s="345">
        <v>4083434</v>
      </c>
      <c r="MZ16" s="349">
        <v>16267194</v>
      </c>
      <c r="NA16" s="354">
        <v>16267194</v>
      </c>
      <c r="NB16" s="348">
        <v>0</v>
      </c>
      <c r="NC16" s="345">
        <v>0</v>
      </c>
      <c r="ND16" s="349">
        <v>0</v>
      </c>
      <c r="NE16" s="404">
        <v>0</v>
      </c>
      <c r="NF16" s="345">
        <v>467788</v>
      </c>
      <c r="NG16" s="345">
        <v>1755472</v>
      </c>
      <c r="NH16" s="345">
        <v>1533098</v>
      </c>
      <c r="NI16" s="345">
        <v>2789488</v>
      </c>
      <c r="NJ16" s="345">
        <v>1957998</v>
      </c>
      <c r="NK16" s="349">
        <v>8503844</v>
      </c>
      <c r="NL16" s="347">
        <v>8503844</v>
      </c>
      <c r="NM16" s="348">
        <v>0</v>
      </c>
      <c r="NN16" s="345">
        <v>0</v>
      </c>
      <c r="NO16" s="349">
        <v>0</v>
      </c>
      <c r="NP16" s="404">
        <v>0</v>
      </c>
      <c r="NQ16" s="345">
        <v>0</v>
      </c>
      <c r="NR16" s="345">
        <v>0</v>
      </c>
      <c r="NS16" s="345">
        <v>0</v>
      </c>
      <c r="NT16" s="345">
        <v>0</v>
      </c>
      <c r="NU16" s="345">
        <v>0</v>
      </c>
      <c r="NV16" s="349">
        <v>0</v>
      </c>
      <c r="NW16" s="350">
        <v>0</v>
      </c>
      <c r="NX16" s="348">
        <v>0</v>
      </c>
      <c r="NY16" s="345">
        <v>0</v>
      </c>
      <c r="NZ16" s="349">
        <v>0</v>
      </c>
      <c r="OA16" s="404">
        <v>0</v>
      </c>
      <c r="OB16" s="345">
        <v>0</v>
      </c>
      <c r="OC16" s="345">
        <v>0</v>
      </c>
      <c r="OD16" s="345">
        <v>0</v>
      </c>
      <c r="OE16" s="345">
        <v>355108</v>
      </c>
      <c r="OF16" s="345">
        <v>389029</v>
      </c>
      <c r="OG16" s="349">
        <v>744137</v>
      </c>
      <c r="OH16" s="350">
        <v>744137</v>
      </c>
      <c r="OI16" s="348">
        <v>1779827</v>
      </c>
      <c r="OJ16" s="345">
        <v>1786114</v>
      </c>
      <c r="OK16" s="346">
        <v>3565941</v>
      </c>
      <c r="OL16" s="351">
        <v>0</v>
      </c>
      <c r="OM16" s="345">
        <v>25675815</v>
      </c>
      <c r="ON16" s="345">
        <v>21485247</v>
      </c>
      <c r="OO16" s="345">
        <v>21161794</v>
      </c>
      <c r="OP16" s="345">
        <v>34001553</v>
      </c>
      <c r="OQ16" s="345">
        <v>22967842</v>
      </c>
      <c r="OR16" s="349">
        <v>125292251</v>
      </c>
      <c r="OS16" s="354">
        <v>128858192</v>
      </c>
    </row>
    <row r="17" spans="2:409" s="70" customFormat="1" ht="21" customHeight="1" x14ac:dyDescent="0.2">
      <c r="B17" s="410" t="s">
        <v>11</v>
      </c>
      <c r="C17" s="326">
        <v>567076</v>
      </c>
      <c r="D17" s="327">
        <v>548132</v>
      </c>
      <c r="E17" s="365">
        <v>1115208</v>
      </c>
      <c r="F17" s="332">
        <v>0</v>
      </c>
      <c r="G17" s="327">
        <v>8278909</v>
      </c>
      <c r="H17" s="327">
        <v>6877395</v>
      </c>
      <c r="I17" s="327">
        <v>6542347</v>
      </c>
      <c r="J17" s="327">
        <v>9237583</v>
      </c>
      <c r="K17" s="327">
        <v>3566678</v>
      </c>
      <c r="L17" s="329">
        <v>34502912</v>
      </c>
      <c r="M17" s="330">
        <v>35618120</v>
      </c>
      <c r="N17" s="326">
        <v>115420</v>
      </c>
      <c r="O17" s="327">
        <v>151664</v>
      </c>
      <c r="P17" s="328">
        <v>267084</v>
      </c>
      <c r="Q17" s="326">
        <v>0</v>
      </c>
      <c r="R17" s="327">
        <v>1750820</v>
      </c>
      <c r="S17" s="327">
        <v>1578141</v>
      </c>
      <c r="T17" s="327">
        <v>1803174</v>
      </c>
      <c r="U17" s="327">
        <v>2887780</v>
      </c>
      <c r="V17" s="327">
        <v>1720987</v>
      </c>
      <c r="W17" s="328">
        <v>9740902</v>
      </c>
      <c r="X17" s="330">
        <v>10007986</v>
      </c>
      <c r="Y17" s="326">
        <v>0</v>
      </c>
      <c r="Z17" s="327">
        <v>0</v>
      </c>
      <c r="AA17" s="328">
        <v>0</v>
      </c>
      <c r="AB17" s="326">
        <v>0</v>
      </c>
      <c r="AC17" s="327">
        <v>876392</v>
      </c>
      <c r="AD17" s="327">
        <v>577279</v>
      </c>
      <c r="AE17" s="327">
        <v>710064</v>
      </c>
      <c r="AF17" s="327">
        <v>1536305</v>
      </c>
      <c r="AG17" s="327">
        <v>905889</v>
      </c>
      <c r="AH17" s="328">
        <v>4605929</v>
      </c>
      <c r="AI17" s="330">
        <v>4605929</v>
      </c>
      <c r="AJ17" s="326">
        <v>0</v>
      </c>
      <c r="AK17" s="327">
        <v>0</v>
      </c>
      <c r="AL17" s="328">
        <v>0</v>
      </c>
      <c r="AM17" s="326">
        <v>0</v>
      </c>
      <c r="AN17" s="327">
        <v>0</v>
      </c>
      <c r="AO17" s="327">
        <v>106700</v>
      </c>
      <c r="AP17" s="327">
        <v>0</v>
      </c>
      <c r="AQ17" s="327">
        <v>225254</v>
      </c>
      <c r="AR17" s="327">
        <v>369548</v>
      </c>
      <c r="AS17" s="328">
        <v>701502</v>
      </c>
      <c r="AT17" s="330">
        <v>701502</v>
      </c>
      <c r="AU17" s="326">
        <v>78628</v>
      </c>
      <c r="AV17" s="327">
        <v>101492</v>
      </c>
      <c r="AW17" s="328">
        <v>180120</v>
      </c>
      <c r="AX17" s="326">
        <v>0</v>
      </c>
      <c r="AY17" s="327">
        <v>503369</v>
      </c>
      <c r="AZ17" s="327">
        <v>529601</v>
      </c>
      <c r="BA17" s="327">
        <v>711760</v>
      </c>
      <c r="BB17" s="327">
        <v>706910</v>
      </c>
      <c r="BC17" s="327">
        <v>266035</v>
      </c>
      <c r="BD17" s="328">
        <v>2717675</v>
      </c>
      <c r="BE17" s="330">
        <v>2897795</v>
      </c>
      <c r="BF17" s="326">
        <v>0</v>
      </c>
      <c r="BG17" s="327">
        <v>37100</v>
      </c>
      <c r="BH17" s="331">
        <v>37100</v>
      </c>
      <c r="BI17" s="332">
        <v>0</v>
      </c>
      <c r="BJ17" s="327">
        <v>36747</v>
      </c>
      <c r="BK17" s="327">
        <v>31209</v>
      </c>
      <c r="BL17" s="327">
        <v>99742</v>
      </c>
      <c r="BM17" s="327">
        <v>75519</v>
      </c>
      <c r="BN17" s="327">
        <v>36747</v>
      </c>
      <c r="BO17" s="328">
        <v>279964</v>
      </c>
      <c r="BP17" s="330">
        <v>317064</v>
      </c>
      <c r="BQ17" s="326">
        <v>36792</v>
      </c>
      <c r="BR17" s="327">
        <v>13072</v>
      </c>
      <c r="BS17" s="328">
        <v>49864</v>
      </c>
      <c r="BT17" s="326">
        <v>0</v>
      </c>
      <c r="BU17" s="327">
        <v>334312</v>
      </c>
      <c r="BV17" s="327">
        <v>333352</v>
      </c>
      <c r="BW17" s="327">
        <v>281608</v>
      </c>
      <c r="BX17" s="327">
        <v>343792</v>
      </c>
      <c r="BY17" s="327">
        <v>142768</v>
      </c>
      <c r="BZ17" s="328">
        <v>1435832</v>
      </c>
      <c r="CA17" s="330">
        <v>1485696</v>
      </c>
      <c r="CB17" s="326">
        <v>182837</v>
      </c>
      <c r="CC17" s="327">
        <v>186226</v>
      </c>
      <c r="CD17" s="328">
        <v>369063</v>
      </c>
      <c r="CE17" s="326">
        <v>0</v>
      </c>
      <c r="CF17" s="327">
        <v>2973720</v>
      </c>
      <c r="CG17" s="327">
        <v>1832195</v>
      </c>
      <c r="CH17" s="327">
        <v>2057123</v>
      </c>
      <c r="CI17" s="327">
        <v>1316758</v>
      </c>
      <c r="CJ17" s="327">
        <v>135973</v>
      </c>
      <c r="CK17" s="328">
        <v>8315769</v>
      </c>
      <c r="CL17" s="330">
        <v>8684832</v>
      </c>
      <c r="CM17" s="326">
        <v>0</v>
      </c>
      <c r="CN17" s="327">
        <v>0</v>
      </c>
      <c r="CO17" s="328">
        <v>0</v>
      </c>
      <c r="CP17" s="332">
        <v>0</v>
      </c>
      <c r="CQ17" s="327">
        <v>2029384</v>
      </c>
      <c r="CR17" s="327">
        <v>1449770</v>
      </c>
      <c r="CS17" s="327">
        <v>1686560</v>
      </c>
      <c r="CT17" s="327">
        <v>726334</v>
      </c>
      <c r="CU17" s="327">
        <v>135973</v>
      </c>
      <c r="CV17" s="328">
        <v>6028021</v>
      </c>
      <c r="CW17" s="330">
        <v>6028021</v>
      </c>
      <c r="CX17" s="326">
        <v>182837</v>
      </c>
      <c r="CY17" s="327">
        <v>186226</v>
      </c>
      <c r="CZ17" s="328">
        <v>369063</v>
      </c>
      <c r="DA17" s="326">
        <v>0</v>
      </c>
      <c r="DB17" s="327">
        <v>944336</v>
      </c>
      <c r="DC17" s="327">
        <v>382425</v>
      </c>
      <c r="DD17" s="327">
        <v>370563</v>
      </c>
      <c r="DE17" s="327">
        <v>590424</v>
      </c>
      <c r="DF17" s="327">
        <v>0</v>
      </c>
      <c r="DG17" s="328">
        <v>2287748</v>
      </c>
      <c r="DH17" s="330">
        <v>2656811</v>
      </c>
      <c r="DI17" s="326">
        <v>33742</v>
      </c>
      <c r="DJ17" s="327">
        <v>0</v>
      </c>
      <c r="DK17" s="331">
        <v>33742</v>
      </c>
      <c r="DL17" s="332">
        <v>0</v>
      </c>
      <c r="DM17" s="327">
        <v>393961</v>
      </c>
      <c r="DN17" s="327">
        <v>613497</v>
      </c>
      <c r="DO17" s="327">
        <v>587493</v>
      </c>
      <c r="DP17" s="327">
        <v>277119</v>
      </c>
      <c r="DQ17" s="327">
        <v>0</v>
      </c>
      <c r="DR17" s="328">
        <v>1872070</v>
      </c>
      <c r="DS17" s="330">
        <v>1905812</v>
      </c>
      <c r="DT17" s="326">
        <v>33742</v>
      </c>
      <c r="DU17" s="327">
        <v>0</v>
      </c>
      <c r="DV17" s="328">
        <v>33742</v>
      </c>
      <c r="DW17" s="326">
        <v>0</v>
      </c>
      <c r="DX17" s="327">
        <v>289495</v>
      </c>
      <c r="DY17" s="327">
        <v>613497</v>
      </c>
      <c r="DZ17" s="327">
        <v>468456</v>
      </c>
      <c r="EA17" s="327">
        <v>200718</v>
      </c>
      <c r="EB17" s="327">
        <v>0</v>
      </c>
      <c r="EC17" s="328">
        <v>1572166</v>
      </c>
      <c r="ED17" s="330">
        <v>1605908</v>
      </c>
      <c r="EE17" s="326">
        <v>0</v>
      </c>
      <c r="EF17" s="331">
        <v>0</v>
      </c>
      <c r="EG17" s="328">
        <v>0</v>
      </c>
      <c r="EH17" s="326">
        <v>0</v>
      </c>
      <c r="EI17" s="327">
        <v>104466</v>
      </c>
      <c r="EJ17" s="327">
        <v>0</v>
      </c>
      <c r="EK17" s="327">
        <v>119037</v>
      </c>
      <c r="EL17" s="327">
        <v>76401</v>
      </c>
      <c r="EM17" s="327">
        <v>0</v>
      </c>
      <c r="EN17" s="331">
        <v>299904</v>
      </c>
      <c r="EO17" s="330">
        <v>299904</v>
      </c>
      <c r="EP17" s="326">
        <v>0</v>
      </c>
      <c r="EQ17" s="327">
        <v>0</v>
      </c>
      <c r="ER17" s="331">
        <v>0</v>
      </c>
      <c r="ES17" s="332">
        <v>0</v>
      </c>
      <c r="ET17" s="327">
        <v>0</v>
      </c>
      <c r="EU17" s="327">
        <v>0</v>
      </c>
      <c r="EV17" s="327">
        <v>0</v>
      </c>
      <c r="EW17" s="327">
        <v>0</v>
      </c>
      <c r="EX17" s="327">
        <v>0</v>
      </c>
      <c r="EY17" s="328">
        <v>0</v>
      </c>
      <c r="EZ17" s="330">
        <v>0</v>
      </c>
      <c r="FA17" s="326">
        <v>0</v>
      </c>
      <c r="FB17" s="327">
        <v>0</v>
      </c>
      <c r="FC17" s="331">
        <v>0</v>
      </c>
      <c r="FD17" s="332">
        <v>0</v>
      </c>
      <c r="FE17" s="327">
        <v>0</v>
      </c>
      <c r="FF17" s="327">
        <v>0</v>
      </c>
      <c r="FG17" s="327">
        <v>0</v>
      </c>
      <c r="FH17" s="327">
        <v>0</v>
      </c>
      <c r="FI17" s="327">
        <v>0</v>
      </c>
      <c r="FJ17" s="328">
        <v>0</v>
      </c>
      <c r="FK17" s="330">
        <v>0</v>
      </c>
      <c r="FL17" s="326">
        <v>116960</v>
      </c>
      <c r="FM17" s="327">
        <v>112080</v>
      </c>
      <c r="FN17" s="328">
        <v>229040</v>
      </c>
      <c r="FO17" s="326">
        <v>0</v>
      </c>
      <c r="FP17" s="327">
        <v>493560</v>
      </c>
      <c r="FQ17" s="327">
        <v>700776</v>
      </c>
      <c r="FR17" s="327">
        <v>447492</v>
      </c>
      <c r="FS17" s="327">
        <v>483360</v>
      </c>
      <c r="FT17" s="327">
        <v>245528</v>
      </c>
      <c r="FU17" s="328">
        <v>2370716</v>
      </c>
      <c r="FV17" s="330">
        <v>2599756</v>
      </c>
      <c r="FW17" s="333">
        <v>72960</v>
      </c>
      <c r="FX17" s="327">
        <v>112080</v>
      </c>
      <c r="FY17" s="331">
        <v>185040</v>
      </c>
      <c r="FZ17" s="332">
        <v>0</v>
      </c>
      <c r="GA17" s="327">
        <v>274360</v>
      </c>
      <c r="GB17" s="327">
        <v>700776</v>
      </c>
      <c r="GC17" s="327">
        <v>422544</v>
      </c>
      <c r="GD17" s="327">
        <v>470160</v>
      </c>
      <c r="GE17" s="327">
        <v>245528</v>
      </c>
      <c r="GF17" s="328">
        <v>2113368</v>
      </c>
      <c r="GG17" s="334">
        <v>2298408</v>
      </c>
      <c r="GH17" s="333">
        <v>0</v>
      </c>
      <c r="GI17" s="327">
        <v>0</v>
      </c>
      <c r="GJ17" s="331">
        <v>0</v>
      </c>
      <c r="GK17" s="332">
        <v>0</v>
      </c>
      <c r="GL17" s="327">
        <v>0</v>
      </c>
      <c r="GM17" s="327">
        <v>0</v>
      </c>
      <c r="GN17" s="327">
        <v>24948</v>
      </c>
      <c r="GO17" s="327">
        <v>0</v>
      </c>
      <c r="GP17" s="327">
        <v>0</v>
      </c>
      <c r="GQ17" s="328">
        <v>24948</v>
      </c>
      <c r="GR17" s="330">
        <v>24948</v>
      </c>
      <c r="GS17" s="326">
        <v>44000</v>
      </c>
      <c r="GT17" s="327">
        <v>0</v>
      </c>
      <c r="GU17" s="328">
        <v>44000</v>
      </c>
      <c r="GV17" s="326">
        <v>0</v>
      </c>
      <c r="GW17" s="327">
        <v>219200</v>
      </c>
      <c r="GX17" s="327">
        <v>0</v>
      </c>
      <c r="GY17" s="327">
        <v>0</v>
      </c>
      <c r="GZ17" s="327">
        <v>13200</v>
      </c>
      <c r="HA17" s="327">
        <v>0</v>
      </c>
      <c r="HB17" s="331">
        <v>232400</v>
      </c>
      <c r="HC17" s="330">
        <v>276400</v>
      </c>
      <c r="HD17" s="326">
        <v>118117</v>
      </c>
      <c r="HE17" s="327">
        <v>98162</v>
      </c>
      <c r="HF17" s="331">
        <v>216279</v>
      </c>
      <c r="HG17" s="332">
        <v>0</v>
      </c>
      <c r="HH17" s="327">
        <v>2666848</v>
      </c>
      <c r="HI17" s="327">
        <v>2152786</v>
      </c>
      <c r="HJ17" s="327">
        <v>1647065</v>
      </c>
      <c r="HK17" s="327">
        <v>4272566</v>
      </c>
      <c r="HL17" s="327">
        <v>1464190</v>
      </c>
      <c r="HM17" s="328">
        <v>12203455</v>
      </c>
      <c r="HN17" s="329">
        <v>12419734</v>
      </c>
      <c r="HO17" s="333">
        <v>0</v>
      </c>
      <c r="HP17" s="327">
        <v>0</v>
      </c>
      <c r="HQ17" s="328">
        <v>0</v>
      </c>
      <c r="HR17" s="326">
        <v>0</v>
      </c>
      <c r="HS17" s="327">
        <v>0</v>
      </c>
      <c r="HT17" s="327">
        <v>0</v>
      </c>
      <c r="HU17" s="327">
        <v>0</v>
      </c>
      <c r="HV17" s="327">
        <v>0</v>
      </c>
      <c r="HW17" s="327">
        <v>0</v>
      </c>
      <c r="HX17" s="331">
        <v>0</v>
      </c>
      <c r="HY17" s="330">
        <v>0</v>
      </c>
      <c r="HZ17" s="335">
        <v>0</v>
      </c>
      <c r="IA17" s="336">
        <v>0</v>
      </c>
      <c r="IB17" s="337">
        <v>0</v>
      </c>
      <c r="IC17" s="338">
        <v>0</v>
      </c>
      <c r="ID17" s="336">
        <v>1841629</v>
      </c>
      <c r="IE17" s="339">
        <v>1479325</v>
      </c>
      <c r="IF17" s="337">
        <v>1517701</v>
      </c>
      <c r="IG17" s="336">
        <v>710838</v>
      </c>
      <c r="IH17" s="337">
        <v>836221</v>
      </c>
      <c r="II17" s="340">
        <v>6385714</v>
      </c>
      <c r="IJ17" s="341">
        <v>6385714</v>
      </c>
      <c r="IK17" s="342">
        <v>0</v>
      </c>
      <c r="IL17" s="343">
        <v>0</v>
      </c>
      <c r="IM17" s="344">
        <v>0</v>
      </c>
      <c r="IN17" s="404">
        <v>0</v>
      </c>
      <c r="IO17" s="345">
        <v>151031</v>
      </c>
      <c r="IP17" s="345">
        <v>0</v>
      </c>
      <c r="IQ17" s="345">
        <v>0</v>
      </c>
      <c r="IR17" s="345">
        <v>0</v>
      </c>
      <c r="IS17" s="345">
        <v>0</v>
      </c>
      <c r="IT17" s="346">
        <v>151031</v>
      </c>
      <c r="IU17" s="347">
        <v>151031</v>
      </c>
      <c r="IV17" s="348">
        <v>0</v>
      </c>
      <c r="IW17" s="345">
        <v>0</v>
      </c>
      <c r="IX17" s="349">
        <v>0</v>
      </c>
      <c r="IY17" s="404">
        <v>0</v>
      </c>
      <c r="IZ17" s="345">
        <v>0</v>
      </c>
      <c r="JA17" s="345">
        <v>16751</v>
      </c>
      <c r="JB17" s="345">
        <v>0</v>
      </c>
      <c r="JC17" s="345">
        <v>0</v>
      </c>
      <c r="JD17" s="345">
        <v>0</v>
      </c>
      <c r="JE17" s="349">
        <v>16751</v>
      </c>
      <c r="JF17" s="350">
        <v>16751</v>
      </c>
      <c r="JG17" s="348">
        <v>0</v>
      </c>
      <c r="JH17" s="345">
        <v>0</v>
      </c>
      <c r="JI17" s="346">
        <v>0</v>
      </c>
      <c r="JJ17" s="351">
        <v>0</v>
      </c>
      <c r="JK17" s="345">
        <v>1026374</v>
      </c>
      <c r="JL17" s="345">
        <v>292734</v>
      </c>
      <c r="JM17" s="345">
        <v>226018</v>
      </c>
      <c r="JN17" s="345">
        <v>178559</v>
      </c>
      <c r="JO17" s="345">
        <v>142295</v>
      </c>
      <c r="JP17" s="349">
        <v>1865980</v>
      </c>
      <c r="JQ17" s="347">
        <v>1865980</v>
      </c>
      <c r="JR17" s="348">
        <v>0</v>
      </c>
      <c r="JS17" s="345">
        <v>0</v>
      </c>
      <c r="JT17" s="346">
        <v>0</v>
      </c>
      <c r="JU17" s="351">
        <v>0</v>
      </c>
      <c r="JV17" s="345">
        <v>81555</v>
      </c>
      <c r="JW17" s="345">
        <v>28948</v>
      </c>
      <c r="JX17" s="345">
        <v>196398</v>
      </c>
      <c r="JY17" s="345">
        <v>0</v>
      </c>
      <c r="JZ17" s="345">
        <v>0</v>
      </c>
      <c r="KA17" s="349">
        <v>306901</v>
      </c>
      <c r="KB17" s="347">
        <v>306901</v>
      </c>
      <c r="KC17" s="352">
        <v>0</v>
      </c>
      <c r="KD17" s="353">
        <v>0</v>
      </c>
      <c r="KE17" s="349">
        <v>0</v>
      </c>
      <c r="KF17" s="351">
        <v>0</v>
      </c>
      <c r="KG17" s="345">
        <v>168073</v>
      </c>
      <c r="KH17" s="345">
        <v>181054</v>
      </c>
      <c r="KI17" s="345">
        <v>253402</v>
      </c>
      <c r="KJ17" s="345">
        <v>0</v>
      </c>
      <c r="KK17" s="345">
        <v>0</v>
      </c>
      <c r="KL17" s="349">
        <v>602529</v>
      </c>
      <c r="KM17" s="354">
        <v>602529</v>
      </c>
      <c r="KN17" s="342">
        <v>0</v>
      </c>
      <c r="KO17" s="343">
        <v>0</v>
      </c>
      <c r="KP17" s="344">
        <v>0</v>
      </c>
      <c r="KQ17" s="404">
        <v>0</v>
      </c>
      <c r="KR17" s="345">
        <v>246134</v>
      </c>
      <c r="KS17" s="345">
        <v>765356</v>
      </c>
      <c r="KT17" s="345">
        <v>267712</v>
      </c>
      <c r="KU17" s="345">
        <v>532279</v>
      </c>
      <c r="KV17" s="345">
        <v>0</v>
      </c>
      <c r="KW17" s="349">
        <v>1811481</v>
      </c>
      <c r="KX17" s="347">
        <v>1811481</v>
      </c>
      <c r="KY17" s="348">
        <v>0</v>
      </c>
      <c r="KZ17" s="345">
        <v>0</v>
      </c>
      <c r="LA17" s="349">
        <v>0</v>
      </c>
      <c r="LB17" s="404">
        <v>0</v>
      </c>
      <c r="LC17" s="345">
        <v>0</v>
      </c>
      <c r="LD17" s="345">
        <v>0</v>
      </c>
      <c r="LE17" s="345">
        <v>0</v>
      </c>
      <c r="LF17" s="345">
        <v>0</v>
      </c>
      <c r="LG17" s="345">
        <v>0</v>
      </c>
      <c r="LH17" s="349">
        <v>0</v>
      </c>
      <c r="LI17" s="350">
        <v>0</v>
      </c>
      <c r="LJ17" s="348">
        <v>0</v>
      </c>
      <c r="LK17" s="345">
        <v>0</v>
      </c>
      <c r="LL17" s="349">
        <v>0</v>
      </c>
      <c r="LM17" s="404">
        <v>0</v>
      </c>
      <c r="LN17" s="345">
        <v>0</v>
      </c>
      <c r="LO17" s="345">
        <v>0</v>
      </c>
      <c r="LP17" s="345">
        <v>0</v>
      </c>
      <c r="LQ17" s="345">
        <v>0</v>
      </c>
      <c r="LR17" s="345">
        <v>0</v>
      </c>
      <c r="LS17" s="349">
        <v>0</v>
      </c>
      <c r="LT17" s="347">
        <v>0</v>
      </c>
      <c r="LU17" s="348">
        <v>0</v>
      </c>
      <c r="LV17" s="345">
        <v>0</v>
      </c>
      <c r="LW17" s="349">
        <v>0</v>
      </c>
      <c r="LX17" s="404">
        <v>0</v>
      </c>
      <c r="LY17" s="345">
        <v>168462</v>
      </c>
      <c r="LZ17" s="345">
        <v>194482</v>
      </c>
      <c r="MA17" s="345">
        <v>574171</v>
      </c>
      <c r="MB17" s="345">
        <v>0</v>
      </c>
      <c r="MC17" s="345">
        <v>693926</v>
      </c>
      <c r="MD17" s="349">
        <v>1631041</v>
      </c>
      <c r="ME17" s="350">
        <v>1631041</v>
      </c>
      <c r="MF17" s="348">
        <v>0</v>
      </c>
      <c r="MG17" s="345">
        <v>0</v>
      </c>
      <c r="MH17" s="349">
        <v>0</v>
      </c>
      <c r="MI17" s="404">
        <v>0</v>
      </c>
      <c r="MJ17" s="345">
        <v>0</v>
      </c>
      <c r="MK17" s="345">
        <v>536022</v>
      </c>
      <c r="ML17" s="345">
        <v>2614965</v>
      </c>
      <c r="MM17" s="345">
        <v>6082555</v>
      </c>
      <c r="MN17" s="345">
        <v>3906972</v>
      </c>
      <c r="MO17" s="349">
        <v>13140514</v>
      </c>
      <c r="MP17" s="354">
        <v>13140514</v>
      </c>
      <c r="MQ17" s="348">
        <v>0</v>
      </c>
      <c r="MR17" s="345">
        <v>0</v>
      </c>
      <c r="MS17" s="349">
        <v>0</v>
      </c>
      <c r="MT17" s="404">
        <v>0</v>
      </c>
      <c r="MU17" s="345">
        <v>0</v>
      </c>
      <c r="MV17" s="345">
        <v>0</v>
      </c>
      <c r="MW17" s="345">
        <v>701669</v>
      </c>
      <c r="MX17" s="345">
        <v>4042683</v>
      </c>
      <c r="MY17" s="345">
        <v>1439040</v>
      </c>
      <c r="MZ17" s="349">
        <v>6183392</v>
      </c>
      <c r="NA17" s="354">
        <v>6183392</v>
      </c>
      <c r="NB17" s="348">
        <v>0</v>
      </c>
      <c r="NC17" s="345">
        <v>0</v>
      </c>
      <c r="ND17" s="349">
        <v>0</v>
      </c>
      <c r="NE17" s="404">
        <v>0</v>
      </c>
      <c r="NF17" s="345">
        <v>0</v>
      </c>
      <c r="NG17" s="345">
        <v>536022</v>
      </c>
      <c r="NH17" s="345">
        <v>1913296</v>
      </c>
      <c r="NI17" s="345">
        <v>1708190</v>
      </c>
      <c r="NJ17" s="345">
        <v>2467932</v>
      </c>
      <c r="NK17" s="349">
        <v>6625440</v>
      </c>
      <c r="NL17" s="347">
        <v>6625440</v>
      </c>
      <c r="NM17" s="348">
        <v>0</v>
      </c>
      <c r="NN17" s="345">
        <v>0</v>
      </c>
      <c r="NO17" s="349">
        <v>0</v>
      </c>
      <c r="NP17" s="404">
        <v>0</v>
      </c>
      <c r="NQ17" s="345">
        <v>0</v>
      </c>
      <c r="NR17" s="345">
        <v>0</v>
      </c>
      <c r="NS17" s="345">
        <v>0</v>
      </c>
      <c r="NT17" s="345">
        <v>0</v>
      </c>
      <c r="NU17" s="345">
        <v>0</v>
      </c>
      <c r="NV17" s="349">
        <v>0</v>
      </c>
      <c r="NW17" s="350">
        <v>0</v>
      </c>
      <c r="NX17" s="348">
        <v>0</v>
      </c>
      <c r="NY17" s="345">
        <v>0</v>
      </c>
      <c r="NZ17" s="349">
        <v>0</v>
      </c>
      <c r="OA17" s="404">
        <v>0</v>
      </c>
      <c r="OB17" s="345">
        <v>0</v>
      </c>
      <c r="OC17" s="345">
        <v>0</v>
      </c>
      <c r="OD17" s="345">
        <v>0</v>
      </c>
      <c r="OE17" s="345">
        <v>331682</v>
      </c>
      <c r="OF17" s="345">
        <v>0</v>
      </c>
      <c r="OG17" s="349">
        <v>331682</v>
      </c>
      <c r="OH17" s="350">
        <v>331682</v>
      </c>
      <c r="OI17" s="348">
        <v>567076</v>
      </c>
      <c r="OJ17" s="345">
        <v>548132</v>
      </c>
      <c r="OK17" s="346">
        <v>1115208</v>
      </c>
      <c r="OL17" s="351">
        <v>0</v>
      </c>
      <c r="OM17" s="345">
        <v>10120538</v>
      </c>
      <c r="ON17" s="345">
        <v>8892742</v>
      </c>
      <c r="OO17" s="345">
        <v>10675013</v>
      </c>
      <c r="OP17" s="345">
        <v>16030976</v>
      </c>
      <c r="OQ17" s="345">
        <v>8309871</v>
      </c>
      <c r="OR17" s="349">
        <v>54029140</v>
      </c>
      <c r="OS17" s="354">
        <v>55144348</v>
      </c>
    </row>
    <row r="18" spans="2:409" s="70" customFormat="1" ht="21" customHeight="1" x14ac:dyDescent="0.2">
      <c r="B18" s="410" t="s">
        <v>12</v>
      </c>
      <c r="C18" s="326">
        <v>976070</v>
      </c>
      <c r="D18" s="327">
        <v>3128514</v>
      </c>
      <c r="E18" s="328">
        <v>4104584</v>
      </c>
      <c r="F18" s="329">
        <v>0</v>
      </c>
      <c r="G18" s="327">
        <v>7860430</v>
      </c>
      <c r="H18" s="366">
        <v>13526527</v>
      </c>
      <c r="I18" s="366">
        <v>9208903</v>
      </c>
      <c r="J18" s="366">
        <v>9879801</v>
      </c>
      <c r="K18" s="366">
        <v>4589857</v>
      </c>
      <c r="L18" s="331">
        <v>45065518</v>
      </c>
      <c r="M18" s="330">
        <v>49170102</v>
      </c>
      <c r="N18" s="326">
        <v>277668</v>
      </c>
      <c r="O18" s="327">
        <v>860216</v>
      </c>
      <c r="P18" s="328">
        <v>1137884</v>
      </c>
      <c r="Q18" s="326">
        <v>0</v>
      </c>
      <c r="R18" s="327">
        <v>1934363</v>
      </c>
      <c r="S18" s="327">
        <v>4764776</v>
      </c>
      <c r="T18" s="327">
        <v>3145048</v>
      </c>
      <c r="U18" s="327">
        <v>3908158</v>
      </c>
      <c r="V18" s="327">
        <v>1847619</v>
      </c>
      <c r="W18" s="328">
        <v>15599964</v>
      </c>
      <c r="X18" s="330">
        <v>16737848</v>
      </c>
      <c r="Y18" s="326">
        <v>0</v>
      </c>
      <c r="Z18" s="327">
        <v>0</v>
      </c>
      <c r="AA18" s="328">
        <v>0</v>
      </c>
      <c r="AB18" s="326">
        <v>0</v>
      </c>
      <c r="AC18" s="327">
        <v>1145734</v>
      </c>
      <c r="AD18" s="327">
        <v>2418794</v>
      </c>
      <c r="AE18" s="327">
        <v>1429075</v>
      </c>
      <c r="AF18" s="327">
        <v>2567376</v>
      </c>
      <c r="AG18" s="327">
        <v>1075198</v>
      </c>
      <c r="AH18" s="328">
        <v>8636177</v>
      </c>
      <c r="AI18" s="330">
        <v>8636177</v>
      </c>
      <c r="AJ18" s="326">
        <v>0</v>
      </c>
      <c r="AK18" s="327">
        <v>0</v>
      </c>
      <c r="AL18" s="328">
        <v>0</v>
      </c>
      <c r="AM18" s="326">
        <v>0</v>
      </c>
      <c r="AN18" s="327">
        <v>0</v>
      </c>
      <c r="AO18" s="327">
        <v>0</v>
      </c>
      <c r="AP18" s="327">
        <v>193478</v>
      </c>
      <c r="AQ18" s="327">
        <v>180792</v>
      </c>
      <c r="AR18" s="327">
        <v>82987</v>
      </c>
      <c r="AS18" s="328">
        <v>457257</v>
      </c>
      <c r="AT18" s="330">
        <v>457257</v>
      </c>
      <c r="AU18" s="326">
        <v>202708</v>
      </c>
      <c r="AV18" s="327">
        <v>647495</v>
      </c>
      <c r="AW18" s="328">
        <v>850203</v>
      </c>
      <c r="AX18" s="326">
        <v>0</v>
      </c>
      <c r="AY18" s="327">
        <v>519589</v>
      </c>
      <c r="AZ18" s="327">
        <v>1771596</v>
      </c>
      <c r="BA18" s="327">
        <v>1137245</v>
      </c>
      <c r="BB18" s="327">
        <v>572627</v>
      </c>
      <c r="BC18" s="327">
        <v>483426</v>
      </c>
      <c r="BD18" s="328">
        <v>4484483</v>
      </c>
      <c r="BE18" s="330">
        <v>5334686</v>
      </c>
      <c r="BF18" s="326">
        <v>0</v>
      </c>
      <c r="BG18" s="327">
        <v>33521</v>
      </c>
      <c r="BH18" s="331">
        <v>33521</v>
      </c>
      <c r="BI18" s="332">
        <v>0</v>
      </c>
      <c r="BJ18" s="327">
        <v>9848</v>
      </c>
      <c r="BK18" s="327">
        <v>79890</v>
      </c>
      <c r="BL18" s="327">
        <v>38106</v>
      </c>
      <c r="BM18" s="327">
        <v>79155</v>
      </c>
      <c r="BN18" s="327">
        <v>0</v>
      </c>
      <c r="BO18" s="328">
        <v>206999</v>
      </c>
      <c r="BP18" s="330">
        <v>240520</v>
      </c>
      <c r="BQ18" s="326">
        <v>74960</v>
      </c>
      <c r="BR18" s="327">
        <v>179200</v>
      </c>
      <c r="BS18" s="328">
        <v>254160</v>
      </c>
      <c r="BT18" s="326">
        <v>0</v>
      </c>
      <c r="BU18" s="327">
        <v>259192</v>
      </c>
      <c r="BV18" s="327">
        <v>494496</v>
      </c>
      <c r="BW18" s="327">
        <v>347144</v>
      </c>
      <c r="BX18" s="327">
        <v>508208</v>
      </c>
      <c r="BY18" s="327">
        <v>206008</v>
      </c>
      <c r="BZ18" s="328">
        <v>1815048</v>
      </c>
      <c r="CA18" s="330">
        <v>2069208</v>
      </c>
      <c r="CB18" s="326">
        <v>220646</v>
      </c>
      <c r="CC18" s="327">
        <v>672192</v>
      </c>
      <c r="CD18" s="328">
        <v>892838</v>
      </c>
      <c r="CE18" s="326">
        <v>0</v>
      </c>
      <c r="CF18" s="327">
        <v>3383758</v>
      </c>
      <c r="CG18" s="327">
        <v>4298093</v>
      </c>
      <c r="CH18" s="327">
        <v>2753998</v>
      </c>
      <c r="CI18" s="327">
        <v>1300866</v>
      </c>
      <c r="CJ18" s="327">
        <v>212524</v>
      </c>
      <c r="CK18" s="328">
        <v>11949239</v>
      </c>
      <c r="CL18" s="330">
        <v>12842077</v>
      </c>
      <c r="CM18" s="326">
        <v>0</v>
      </c>
      <c r="CN18" s="327">
        <v>0</v>
      </c>
      <c r="CO18" s="328">
        <v>0</v>
      </c>
      <c r="CP18" s="332">
        <v>0</v>
      </c>
      <c r="CQ18" s="327">
        <v>3094802</v>
      </c>
      <c r="CR18" s="327">
        <v>3039032</v>
      </c>
      <c r="CS18" s="327">
        <v>1736740</v>
      </c>
      <c r="CT18" s="327">
        <v>950313</v>
      </c>
      <c r="CU18" s="327">
        <v>105853</v>
      </c>
      <c r="CV18" s="328">
        <v>8926740</v>
      </c>
      <c r="CW18" s="330">
        <v>8926740</v>
      </c>
      <c r="CX18" s="326">
        <v>220646</v>
      </c>
      <c r="CY18" s="327">
        <v>672192</v>
      </c>
      <c r="CZ18" s="328">
        <v>892838</v>
      </c>
      <c r="DA18" s="326">
        <v>0</v>
      </c>
      <c r="DB18" s="327">
        <v>288956</v>
      </c>
      <c r="DC18" s="327">
        <v>1259061</v>
      </c>
      <c r="DD18" s="327">
        <v>1017258</v>
      </c>
      <c r="DE18" s="327">
        <v>350553</v>
      </c>
      <c r="DF18" s="327">
        <v>106671</v>
      </c>
      <c r="DG18" s="328">
        <v>3022499</v>
      </c>
      <c r="DH18" s="330">
        <v>3915337</v>
      </c>
      <c r="DI18" s="326">
        <v>0</v>
      </c>
      <c r="DJ18" s="327">
        <v>78660</v>
      </c>
      <c r="DK18" s="331">
        <v>78660</v>
      </c>
      <c r="DL18" s="332">
        <v>0</v>
      </c>
      <c r="DM18" s="327">
        <v>232286</v>
      </c>
      <c r="DN18" s="327">
        <v>529833</v>
      </c>
      <c r="DO18" s="327">
        <v>80744</v>
      </c>
      <c r="DP18" s="327">
        <v>1332647</v>
      </c>
      <c r="DQ18" s="327">
        <v>513259</v>
      </c>
      <c r="DR18" s="328">
        <v>2688769</v>
      </c>
      <c r="DS18" s="330">
        <v>2767429</v>
      </c>
      <c r="DT18" s="326">
        <v>0</v>
      </c>
      <c r="DU18" s="327">
        <v>78660</v>
      </c>
      <c r="DV18" s="328">
        <v>78660</v>
      </c>
      <c r="DW18" s="326">
        <v>0</v>
      </c>
      <c r="DX18" s="327">
        <v>232286</v>
      </c>
      <c r="DY18" s="327">
        <v>403071</v>
      </c>
      <c r="DZ18" s="327">
        <v>80744</v>
      </c>
      <c r="EA18" s="327">
        <v>1246431</v>
      </c>
      <c r="EB18" s="327">
        <v>513259</v>
      </c>
      <c r="EC18" s="328">
        <v>2475791</v>
      </c>
      <c r="ED18" s="330">
        <v>2554451</v>
      </c>
      <c r="EE18" s="326">
        <v>0</v>
      </c>
      <c r="EF18" s="331">
        <v>0</v>
      </c>
      <c r="EG18" s="328">
        <v>0</v>
      </c>
      <c r="EH18" s="326">
        <v>0</v>
      </c>
      <c r="EI18" s="327">
        <v>0</v>
      </c>
      <c r="EJ18" s="327">
        <v>126762</v>
      </c>
      <c r="EK18" s="327">
        <v>0</v>
      </c>
      <c r="EL18" s="327">
        <v>86216</v>
      </c>
      <c r="EM18" s="327">
        <v>0</v>
      </c>
      <c r="EN18" s="331">
        <v>212978</v>
      </c>
      <c r="EO18" s="330">
        <v>212978</v>
      </c>
      <c r="EP18" s="326">
        <v>0</v>
      </c>
      <c r="EQ18" s="327">
        <v>0</v>
      </c>
      <c r="ER18" s="331">
        <v>0</v>
      </c>
      <c r="ES18" s="332">
        <v>0</v>
      </c>
      <c r="ET18" s="327">
        <v>0</v>
      </c>
      <c r="EU18" s="327">
        <v>0</v>
      </c>
      <c r="EV18" s="327">
        <v>0</v>
      </c>
      <c r="EW18" s="327">
        <v>0</v>
      </c>
      <c r="EX18" s="327">
        <v>0</v>
      </c>
      <c r="EY18" s="328">
        <v>0</v>
      </c>
      <c r="EZ18" s="330">
        <v>0</v>
      </c>
      <c r="FA18" s="326">
        <v>0</v>
      </c>
      <c r="FB18" s="327">
        <v>0</v>
      </c>
      <c r="FC18" s="331">
        <v>0</v>
      </c>
      <c r="FD18" s="332">
        <v>0</v>
      </c>
      <c r="FE18" s="327">
        <v>0</v>
      </c>
      <c r="FF18" s="327">
        <v>0</v>
      </c>
      <c r="FG18" s="327">
        <v>0</v>
      </c>
      <c r="FH18" s="327">
        <v>0</v>
      </c>
      <c r="FI18" s="327">
        <v>0</v>
      </c>
      <c r="FJ18" s="328">
        <v>0</v>
      </c>
      <c r="FK18" s="330">
        <v>0</v>
      </c>
      <c r="FL18" s="326">
        <v>192352</v>
      </c>
      <c r="FM18" s="327">
        <v>933480</v>
      </c>
      <c r="FN18" s="328">
        <v>1125832</v>
      </c>
      <c r="FO18" s="326">
        <v>0</v>
      </c>
      <c r="FP18" s="327">
        <v>337312</v>
      </c>
      <c r="FQ18" s="327">
        <v>1198791</v>
      </c>
      <c r="FR18" s="327">
        <v>944328</v>
      </c>
      <c r="FS18" s="327">
        <v>657056</v>
      </c>
      <c r="FT18" s="327">
        <v>395584</v>
      </c>
      <c r="FU18" s="328">
        <v>3533071</v>
      </c>
      <c r="FV18" s="330">
        <v>4658903</v>
      </c>
      <c r="FW18" s="333">
        <v>136352</v>
      </c>
      <c r="FX18" s="327">
        <v>360360</v>
      </c>
      <c r="FY18" s="331">
        <v>496712</v>
      </c>
      <c r="FZ18" s="332">
        <v>0</v>
      </c>
      <c r="GA18" s="327">
        <v>171008</v>
      </c>
      <c r="GB18" s="327">
        <v>1013120</v>
      </c>
      <c r="GC18" s="327">
        <v>819448</v>
      </c>
      <c r="GD18" s="327">
        <v>634656</v>
      </c>
      <c r="GE18" s="327">
        <v>395584</v>
      </c>
      <c r="GF18" s="328">
        <v>3033816</v>
      </c>
      <c r="GG18" s="334">
        <v>3530528</v>
      </c>
      <c r="GH18" s="333">
        <v>0</v>
      </c>
      <c r="GI18" s="327">
        <v>30960</v>
      </c>
      <c r="GJ18" s="331">
        <v>30960</v>
      </c>
      <c r="GK18" s="332">
        <v>0</v>
      </c>
      <c r="GL18" s="327">
        <v>98304</v>
      </c>
      <c r="GM18" s="327">
        <v>21375</v>
      </c>
      <c r="GN18" s="327">
        <v>41680</v>
      </c>
      <c r="GO18" s="327">
        <v>0</v>
      </c>
      <c r="GP18" s="327">
        <v>0</v>
      </c>
      <c r="GQ18" s="328">
        <v>161359</v>
      </c>
      <c r="GR18" s="330">
        <v>192319</v>
      </c>
      <c r="GS18" s="326">
        <v>56000</v>
      </c>
      <c r="GT18" s="327">
        <v>542160</v>
      </c>
      <c r="GU18" s="328">
        <v>598160</v>
      </c>
      <c r="GV18" s="326">
        <v>0</v>
      </c>
      <c r="GW18" s="327">
        <v>68000</v>
      </c>
      <c r="GX18" s="327">
        <v>164296</v>
      </c>
      <c r="GY18" s="327">
        <v>83200</v>
      </c>
      <c r="GZ18" s="327">
        <v>22400</v>
      </c>
      <c r="HA18" s="327">
        <v>0</v>
      </c>
      <c r="HB18" s="331">
        <v>337896</v>
      </c>
      <c r="HC18" s="330">
        <v>936056</v>
      </c>
      <c r="HD18" s="326">
        <v>285404</v>
      </c>
      <c r="HE18" s="327">
        <v>583966</v>
      </c>
      <c r="HF18" s="331">
        <v>869370</v>
      </c>
      <c r="HG18" s="332">
        <v>0</v>
      </c>
      <c r="HH18" s="327">
        <v>1972711</v>
      </c>
      <c r="HI18" s="327">
        <v>2735034</v>
      </c>
      <c r="HJ18" s="327">
        <v>2284785</v>
      </c>
      <c r="HK18" s="327">
        <v>2681074</v>
      </c>
      <c r="HL18" s="327">
        <v>1620871</v>
      </c>
      <c r="HM18" s="328">
        <v>11294475</v>
      </c>
      <c r="HN18" s="329">
        <v>12163845</v>
      </c>
      <c r="HO18" s="333">
        <v>0</v>
      </c>
      <c r="HP18" s="327">
        <v>0</v>
      </c>
      <c r="HQ18" s="328">
        <v>0</v>
      </c>
      <c r="HR18" s="326">
        <v>0</v>
      </c>
      <c r="HS18" s="327">
        <v>0</v>
      </c>
      <c r="HT18" s="327">
        <v>0</v>
      </c>
      <c r="HU18" s="327">
        <v>0</v>
      </c>
      <c r="HV18" s="327">
        <v>0</v>
      </c>
      <c r="HW18" s="327">
        <v>0</v>
      </c>
      <c r="HX18" s="331">
        <v>0</v>
      </c>
      <c r="HY18" s="330">
        <v>0</v>
      </c>
      <c r="HZ18" s="358">
        <v>0</v>
      </c>
      <c r="IA18" s="356">
        <v>0</v>
      </c>
      <c r="IB18" s="358">
        <v>0</v>
      </c>
      <c r="IC18" s="355">
        <v>0</v>
      </c>
      <c r="ID18" s="356">
        <v>1614280</v>
      </c>
      <c r="IE18" s="357">
        <v>2614448</v>
      </c>
      <c r="IF18" s="358">
        <v>1252490</v>
      </c>
      <c r="IG18" s="356">
        <v>4887355</v>
      </c>
      <c r="IH18" s="358">
        <v>2186977</v>
      </c>
      <c r="II18" s="359">
        <v>12555550</v>
      </c>
      <c r="IJ18" s="358">
        <v>12555550</v>
      </c>
      <c r="IK18" s="342">
        <v>0</v>
      </c>
      <c r="IL18" s="343">
        <v>0</v>
      </c>
      <c r="IM18" s="344">
        <v>0</v>
      </c>
      <c r="IN18" s="404">
        <v>0</v>
      </c>
      <c r="IO18" s="345">
        <v>0</v>
      </c>
      <c r="IP18" s="345">
        <v>0</v>
      </c>
      <c r="IQ18" s="345">
        <v>0</v>
      </c>
      <c r="IR18" s="345">
        <v>0</v>
      </c>
      <c r="IS18" s="345">
        <v>0</v>
      </c>
      <c r="IT18" s="346">
        <v>0</v>
      </c>
      <c r="IU18" s="347">
        <v>0</v>
      </c>
      <c r="IV18" s="348">
        <v>0</v>
      </c>
      <c r="IW18" s="345">
        <v>0</v>
      </c>
      <c r="IX18" s="349">
        <v>0</v>
      </c>
      <c r="IY18" s="404">
        <v>0</v>
      </c>
      <c r="IZ18" s="345">
        <v>0</v>
      </c>
      <c r="JA18" s="345">
        <v>0</v>
      </c>
      <c r="JB18" s="345">
        <v>0</v>
      </c>
      <c r="JC18" s="345">
        <v>0</v>
      </c>
      <c r="JD18" s="345">
        <v>0</v>
      </c>
      <c r="JE18" s="349">
        <v>0</v>
      </c>
      <c r="JF18" s="350">
        <v>0</v>
      </c>
      <c r="JG18" s="348">
        <v>0</v>
      </c>
      <c r="JH18" s="345">
        <v>0</v>
      </c>
      <c r="JI18" s="346">
        <v>0</v>
      </c>
      <c r="JJ18" s="351">
        <v>0</v>
      </c>
      <c r="JK18" s="345">
        <v>992451</v>
      </c>
      <c r="JL18" s="345">
        <v>1552496</v>
      </c>
      <c r="JM18" s="345">
        <v>311222</v>
      </c>
      <c r="JN18" s="345">
        <v>636641</v>
      </c>
      <c r="JO18" s="345">
        <v>235867</v>
      </c>
      <c r="JP18" s="349">
        <v>3728677</v>
      </c>
      <c r="JQ18" s="347">
        <v>3728677</v>
      </c>
      <c r="JR18" s="348">
        <v>0</v>
      </c>
      <c r="JS18" s="345">
        <v>0</v>
      </c>
      <c r="JT18" s="346">
        <v>0</v>
      </c>
      <c r="JU18" s="351">
        <v>0</v>
      </c>
      <c r="JV18" s="345">
        <v>0</v>
      </c>
      <c r="JW18" s="345">
        <v>0</v>
      </c>
      <c r="JX18" s="345">
        <v>0</v>
      </c>
      <c r="JY18" s="345">
        <v>0</v>
      </c>
      <c r="JZ18" s="345">
        <v>0</v>
      </c>
      <c r="KA18" s="349">
        <v>0</v>
      </c>
      <c r="KB18" s="347">
        <v>0</v>
      </c>
      <c r="KC18" s="352">
        <v>0</v>
      </c>
      <c r="KD18" s="353">
        <v>0</v>
      </c>
      <c r="KE18" s="349">
        <v>0</v>
      </c>
      <c r="KF18" s="351">
        <v>0</v>
      </c>
      <c r="KG18" s="345">
        <v>377442</v>
      </c>
      <c r="KH18" s="345">
        <v>178303</v>
      </c>
      <c r="KI18" s="345">
        <v>673214</v>
      </c>
      <c r="KJ18" s="345">
        <v>1643652</v>
      </c>
      <c r="KK18" s="345">
        <v>1198663</v>
      </c>
      <c r="KL18" s="349">
        <v>4071274</v>
      </c>
      <c r="KM18" s="354">
        <v>4071274</v>
      </c>
      <c r="KN18" s="342">
        <v>0</v>
      </c>
      <c r="KO18" s="343">
        <v>0</v>
      </c>
      <c r="KP18" s="344">
        <v>0</v>
      </c>
      <c r="KQ18" s="404">
        <v>0</v>
      </c>
      <c r="KR18" s="345">
        <v>244387</v>
      </c>
      <c r="KS18" s="345">
        <v>102242</v>
      </c>
      <c r="KT18" s="345">
        <v>268054</v>
      </c>
      <c r="KU18" s="345">
        <v>265061</v>
      </c>
      <c r="KV18" s="345">
        <v>272476</v>
      </c>
      <c r="KW18" s="349">
        <v>1152220</v>
      </c>
      <c r="KX18" s="347">
        <v>1152220</v>
      </c>
      <c r="KY18" s="348">
        <v>0</v>
      </c>
      <c r="KZ18" s="345">
        <v>0</v>
      </c>
      <c r="LA18" s="349">
        <v>0</v>
      </c>
      <c r="LB18" s="404">
        <v>0</v>
      </c>
      <c r="LC18" s="345">
        <v>0</v>
      </c>
      <c r="LD18" s="345">
        <v>575784</v>
      </c>
      <c r="LE18" s="345">
        <v>0</v>
      </c>
      <c r="LF18" s="345">
        <v>695064</v>
      </c>
      <c r="LG18" s="345">
        <v>160319</v>
      </c>
      <c r="LH18" s="349">
        <v>1431167</v>
      </c>
      <c r="LI18" s="350">
        <v>1431167</v>
      </c>
      <c r="LJ18" s="348">
        <v>0</v>
      </c>
      <c r="LK18" s="345">
        <v>0</v>
      </c>
      <c r="LL18" s="349">
        <v>0</v>
      </c>
      <c r="LM18" s="404">
        <v>0</v>
      </c>
      <c r="LN18" s="345">
        <v>0</v>
      </c>
      <c r="LO18" s="345">
        <v>0</v>
      </c>
      <c r="LP18" s="345">
        <v>0</v>
      </c>
      <c r="LQ18" s="345">
        <v>302113</v>
      </c>
      <c r="LR18" s="345">
        <v>319652</v>
      </c>
      <c r="LS18" s="349">
        <v>621765</v>
      </c>
      <c r="LT18" s="347">
        <v>621765</v>
      </c>
      <c r="LU18" s="348">
        <v>0</v>
      </c>
      <c r="LV18" s="345">
        <v>0</v>
      </c>
      <c r="LW18" s="349">
        <v>0</v>
      </c>
      <c r="LX18" s="404">
        <v>0</v>
      </c>
      <c r="LY18" s="345">
        <v>0</v>
      </c>
      <c r="LZ18" s="345">
        <v>205623</v>
      </c>
      <c r="MA18" s="345">
        <v>0</v>
      </c>
      <c r="MB18" s="345">
        <v>1344824</v>
      </c>
      <c r="MC18" s="345">
        <v>0</v>
      </c>
      <c r="MD18" s="349">
        <v>1550447</v>
      </c>
      <c r="ME18" s="350">
        <v>1550447</v>
      </c>
      <c r="MF18" s="348">
        <v>0</v>
      </c>
      <c r="MG18" s="345">
        <v>0</v>
      </c>
      <c r="MH18" s="349">
        <v>0</v>
      </c>
      <c r="MI18" s="404">
        <v>0</v>
      </c>
      <c r="MJ18" s="345">
        <v>218204</v>
      </c>
      <c r="MK18" s="345">
        <v>477990</v>
      </c>
      <c r="ML18" s="345">
        <v>4853777</v>
      </c>
      <c r="MM18" s="345">
        <v>5079378</v>
      </c>
      <c r="MN18" s="345">
        <v>2166884</v>
      </c>
      <c r="MO18" s="349">
        <v>12796233</v>
      </c>
      <c r="MP18" s="354">
        <v>12796233</v>
      </c>
      <c r="MQ18" s="348">
        <v>0</v>
      </c>
      <c r="MR18" s="345">
        <v>0</v>
      </c>
      <c r="MS18" s="349">
        <v>0</v>
      </c>
      <c r="MT18" s="404">
        <v>0</v>
      </c>
      <c r="MU18" s="345">
        <v>0</v>
      </c>
      <c r="MV18" s="345">
        <v>0</v>
      </c>
      <c r="MW18" s="345">
        <v>1609152</v>
      </c>
      <c r="MX18" s="345">
        <v>1850065</v>
      </c>
      <c r="MY18" s="345">
        <v>1530073</v>
      </c>
      <c r="MZ18" s="349">
        <v>4989290</v>
      </c>
      <c r="NA18" s="354">
        <v>4989290</v>
      </c>
      <c r="NB18" s="348">
        <v>0</v>
      </c>
      <c r="NC18" s="345">
        <v>0</v>
      </c>
      <c r="ND18" s="349">
        <v>0</v>
      </c>
      <c r="NE18" s="404">
        <v>0</v>
      </c>
      <c r="NF18" s="345">
        <v>218204</v>
      </c>
      <c r="NG18" s="345">
        <v>477990</v>
      </c>
      <c r="NH18" s="345">
        <v>3244625</v>
      </c>
      <c r="NI18" s="345">
        <v>3229313</v>
      </c>
      <c r="NJ18" s="345">
        <v>636811</v>
      </c>
      <c r="NK18" s="349">
        <v>7806943</v>
      </c>
      <c r="NL18" s="347">
        <v>7806943</v>
      </c>
      <c r="NM18" s="348">
        <v>0</v>
      </c>
      <c r="NN18" s="345">
        <v>0</v>
      </c>
      <c r="NO18" s="349">
        <v>0</v>
      </c>
      <c r="NP18" s="404">
        <v>0</v>
      </c>
      <c r="NQ18" s="345">
        <v>0</v>
      </c>
      <c r="NR18" s="345">
        <v>0</v>
      </c>
      <c r="NS18" s="345">
        <v>0</v>
      </c>
      <c r="NT18" s="345">
        <v>0</v>
      </c>
      <c r="NU18" s="345">
        <v>0</v>
      </c>
      <c r="NV18" s="349">
        <v>0</v>
      </c>
      <c r="NW18" s="350">
        <v>0</v>
      </c>
      <c r="NX18" s="348">
        <v>0</v>
      </c>
      <c r="NY18" s="345">
        <v>0</v>
      </c>
      <c r="NZ18" s="349">
        <v>0</v>
      </c>
      <c r="OA18" s="404">
        <v>0</v>
      </c>
      <c r="OB18" s="345">
        <v>0</v>
      </c>
      <c r="OC18" s="345">
        <v>0</v>
      </c>
      <c r="OD18" s="345">
        <v>0</v>
      </c>
      <c r="OE18" s="345">
        <v>0</v>
      </c>
      <c r="OF18" s="345">
        <v>0</v>
      </c>
      <c r="OG18" s="349">
        <v>0</v>
      </c>
      <c r="OH18" s="350">
        <v>0</v>
      </c>
      <c r="OI18" s="348">
        <v>976070</v>
      </c>
      <c r="OJ18" s="345">
        <v>3128514</v>
      </c>
      <c r="OK18" s="346">
        <v>4104584</v>
      </c>
      <c r="OL18" s="351">
        <v>0</v>
      </c>
      <c r="OM18" s="345">
        <v>9692914</v>
      </c>
      <c r="ON18" s="345">
        <v>16618965</v>
      </c>
      <c r="OO18" s="345">
        <v>15315170</v>
      </c>
      <c r="OP18" s="345">
        <v>19846534</v>
      </c>
      <c r="OQ18" s="345">
        <v>8943718</v>
      </c>
      <c r="OR18" s="349">
        <v>70417301</v>
      </c>
      <c r="OS18" s="354">
        <v>74521885</v>
      </c>
    </row>
    <row r="19" spans="2:409" s="70" customFormat="1" ht="21" customHeight="1" x14ac:dyDescent="0.2">
      <c r="B19" s="410" t="s">
        <v>13</v>
      </c>
      <c r="C19" s="326">
        <v>34624</v>
      </c>
      <c r="D19" s="327">
        <v>323268</v>
      </c>
      <c r="E19" s="328">
        <v>357892</v>
      </c>
      <c r="F19" s="326">
        <v>0</v>
      </c>
      <c r="G19" s="366">
        <v>3479218</v>
      </c>
      <c r="H19" s="327">
        <v>5739240</v>
      </c>
      <c r="I19" s="327">
        <v>4311842</v>
      </c>
      <c r="J19" s="327">
        <v>5000597</v>
      </c>
      <c r="K19" s="327">
        <v>4720763</v>
      </c>
      <c r="L19" s="331">
        <v>23251660</v>
      </c>
      <c r="M19" s="330">
        <v>23609552</v>
      </c>
      <c r="N19" s="326">
        <v>21504</v>
      </c>
      <c r="O19" s="327">
        <v>66734</v>
      </c>
      <c r="P19" s="328">
        <v>88238</v>
      </c>
      <c r="Q19" s="326">
        <v>0</v>
      </c>
      <c r="R19" s="327">
        <v>1213677</v>
      </c>
      <c r="S19" s="327">
        <v>2114519</v>
      </c>
      <c r="T19" s="327">
        <v>1801470</v>
      </c>
      <c r="U19" s="327">
        <v>1450854</v>
      </c>
      <c r="V19" s="327">
        <v>2994406</v>
      </c>
      <c r="W19" s="328">
        <v>9574926</v>
      </c>
      <c r="X19" s="330">
        <v>9663164</v>
      </c>
      <c r="Y19" s="326">
        <v>0</v>
      </c>
      <c r="Z19" s="327">
        <v>0</v>
      </c>
      <c r="AA19" s="328">
        <v>0</v>
      </c>
      <c r="AB19" s="326">
        <v>0</v>
      </c>
      <c r="AC19" s="327">
        <v>442408</v>
      </c>
      <c r="AD19" s="327">
        <v>611849</v>
      </c>
      <c r="AE19" s="327">
        <v>1049831</v>
      </c>
      <c r="AF19" s="327">
        <v>926423</v>
      </c>
      <c r="AG19" s="327">
        <v>2040302</v>
      </c>
      <c r="AH19" s="328">
        <v>5070813</v>
      </c>
      <c r="AI19" s="330">
        <v>5070813</v>
      </c>
      <c r="AJ19" s="326">
        <v>0</v>
      </c>
      <c r="AK19" s="327">
        <v>0</v>
      </c>
      <c r="AL19" s="328">
        <v>0</v>
      </c>
      <c r="AM19" s="326">
        <v>0</v>
      </c>
      <c r="AN19" s="327">
        <v>0</v>
      </c>
      <c r="AO19" s="327">
        <v>0</v>
      </c>
      <c r="AP19" s="327">
        <v>60053</v>
      </c>
      <c r="AQ19" s="327">
        <v>36032</v>
      </c>
      <c r="AR19" s="327">
        <v>277365</v>
      </c>
      <c r="AS19" s="328">
        <v>373450</v>
      </c>
      <c r="AT19" s="330">
        <v>373450</v>
      </c>
      <c r="AU19" s="326">
        <v>0</v>
      </c>
      <c r="AV19" s="327">
        <v>45422</v>
      </c>
      <c r="AW19" s="328">
        <v>45422</v>
      </c>
      <c r="AX19" s="326">
        <v>0</v>
      </c>
      <c r="AY19" s="327">
        <v>490737</v>
      </c>
      <c r="AZ19" s="327">
        <v>1113422</v>
      </c>
      <c r="BA19" s="327">
        <v>326864</v>
      </c>
      <c r="BB19" s="327">
        <v>251743</v>
      </c>
      <c r="BC19" s="327">
        <v>486403</v>
      </c>
      <c r="BD19" s="328">
        <v>2669169</v>
      </c>
      <c r="BE19" s="330">
        <v>2714591</v>
      </c>
      <c r="BF19" s="326">
        <v>0</v>
      </c>
      <c r="BG19" s="327">
        <v>0</v>
      </c>
      <c r="BH19" s="331">
        <v>0</v>
      </c>
      <c r="BI19" s="332">
        <v>0</v>
      </c>
      <c r="BJ19" s="327">
        <v>52796</v>
      </c>
      <c r="BK19" s="327">
        <v>45640</v>
      </c>
      <c r="BL19" s="327">
        <v>53426</v>
      </c>
      <c r="BM19" s="327">
        <v>0</v>
      </c>
      <c r="BN19" s="327">
        <v>0</v>
      </c>
      <c r="BO19" s="328">
        <v>151862</v>
      </c>
      <c r="BP19" s="330">
        <v>151862</v>
      </c>
      <c r="BQ19" s="326">
        <v>21504</v>
      </c>
      <c r="BR19" s="327">
        <v>21312</v>
      </c>
      <c r="BS19" s="328">
        <v>42816</v>
      </c>
      <c r="BT19" s="326">
        <v>0</v>
      </c>
      <c r="BU19" s="327">
        <v>227736</v>
      </c>
      <c r="BV19" s="327">
        <v>343608</v>
      </c>
      <c r="BW19" s="327">
        <v>311296</v>
      </c>
      <c r="BX19" s="327">
        <v>236656</v>
      </c>
      <c r="BY19" s="327">
        <v>190336</v>
      </c>
      <c r="BZ19" s="328">
        <v>1309632</v>
      </c>
      <c r="CA19" s="330">
        <v>1352448</v>
      </c>
      <c r="CB19" s="326">
        <v>0</v>
      </c>
      <c r="CC19" s="327">
        <v>40857</v>
      </c>
      <c r="CD19" s="328">
        <v>40857</v>
      </c>
      <c r="CE19" s="326">
        <v>0</v>
      </c>
      <c r="CF19" s="327">
        <v>772608</v>
      </c>
      <c r="CG19" s="327">
        <v>890377</v>
      </c>
      <c r="CH19" s="327">
        <v>367947</v>
      </c>
      <c r="CI19" s="327">
        <v>1148014</v>
      </c>
      <c r="CJ19" s="327">
        <v>225467</v>
      </c>
      <c r="CK19" s="328">
        <v>3404413</v>
      </c>
      <c r="CL19" s="330">
        <v>3445270</v>
      </c>
      <c r="CM19" s="326">
        <v>0</v>
      </c>
      <c r="CN19" s="327">
        <v>0</v>
      </c>
      <c r="CO19" s="328">
        <v>0</v>
      </c>
      <c r="CP19" s="332">
        <v>0</v>
      </c>
      <c r="CQ19" s="327">
        <v>694424</v>
      </c>
      <c r="CR19" s="327">
        <v>827493</v>
      </c>
      <c r="CS19" s="327">
        <v>294528</v>
      </c>
      <c r="CT19" s="327">
        <v>997052</v>
      </c>
      <c r="CU19" s="327">
        <v>175899</v>
      </c>
      <c r="CV19" s="328">
        <v>2989396</v>
      </c>
      <c r="CW19" s="330">
        <v>2989396</v>
      </c>
      <c r="CX19" s="326">
        <v>0</v>
      </c>
      <c r="CY19" s="327">
        <v>40857</v>
      </c>
      <c r="CZ19" s="328">
        <v>40857</v>
      </c>
      <c r="DA19" s="326">
        <v>0</v>
      </c>
      <c r="DB19" s="327">
        <v>78184</v>
      </c>
      <c r="DC19" s="327">
        <v>62884</v>
      </c>
      <c r="DD19" s="327">
        <v>73419</v>
      </c>
      <c r="DE19" s="327">
        <v>150962</v>
      </c>
      <c r="DF19" s="327">
        <v>49568</v>
      </c>
      <c r="DG19" s="328">
        <v>415017</v>
      </c>
      <c r="DH19" s="330">
        <v>455874</v>
      </c>
      <c r="DI19" s="326">
        <v>0</v>
      </c>
      <c r="DJ19" s="327">
        <v>0</v>
      </c>
      <c r="DK19" s="331">
        <v>0</v>
      </c>
      <c r="DL19" s="332">
        <v>0</v>
      </c>
      <c r="DM19" s="327">
        <v>169720</v>
      </c>
      <c r="DN19" s="327">
        <v>192628</v>
      </c>
      <c r="DO19" s="327">
        <v>189148</v>
      </c>
      <c r="DP19" s="327">
        <v>122876</v>
      </c>
      <c r="DQ19" s="327">
        <v>0</v>
      </c>
      <c r="DR19" s="328">
        <v>674372</v>
      </c>
      <c r="DS19" s="330">
        <v>674372</v>
      </c>
      <c r="DT19" s="326">
        <v>0</v>
      </c>
      <c r="DU19" s="327">
        <v>0</v>
      </c>
      <c r="DV19" s="328">
        <v>0</v>
      </c>
      <c r="DW19" s="326">
        <v>0</v>
      </c>
      <c r="DX19" s="327">
        <v>169720</v>
      </c>
      <c r="DY19" s="327">
        <v>192628</v>
      </c>
      <c r="DZ19" s="327">
        <v>189148</v>
      </c>
      <c r="EA19" s="327">
        <v>122876</v>
      </c>
      <c r="EB19" s="327">
        <v>0</v>
      </c>
      <c r="EC19" s="328">
        <v>674372</v>
      </c>
      <c r="ED19" s="330">
        <v>674372</v>
      </c>
      <c r="EE19" s="326">
        <v>0</v>
      </c>
      <c r="EF19" s="331">
        <v>0</v>
      </c>
      <c r="EG19" s="328">
        <v>0</v>
      </c>
      <c r="EH19" s="326">
        <v>0</v>
      </c>
      <c r="EI19" s="327">
        <v>0</v>
      </c>
      <c r="EJ19" s="327">
        <v>0</v>
      </c>
      <c r="EK19" s="327">
        <v>0</v>
      </c>
      <c r="EL19" s="327">
        <v>0</v>
      </c>
      <c r="EM19" s="327">
        <v>0</v>
      </c>
      <c r="EN19" s="331">
        <v>0</v>
      </c>
      <c r="EO19" s="330">
        <v>0</v>
      </c>
      <c r="EP19" s="326">
        <v>0</v>
      </c>
      <c r="EQ19" s="327">
        <v>0</v>
      </c>
      <c r="ER19" s="331">
        <v>0</v>
      </c>
      <c r="ES19" s="332">
        <v>0</v>
      </c>
      <c r="ET19" s="327">
        <v>0</v>
      </c>
      <c r="EU19" s="327">
        <v>0</v>
      </c>
      <c r="EV19" s="327">
        <v>0</v>
      </c>
      <c r="EW19" s="327">
        <v>0</v>
      </c>
      <c r="EX19" s="327">
        <v>0</v>
      </c>
      <c r="EY19" s="328">
        <v>0</v>
      </c>
      <c r="EZ19" s="330">
        <v>0</v>
      </c>
      <c r="FA19" s="326">
        <v>0</v>
      </c>
      <c r="FB19" s="327">
        <v>0</v>
      </c>
      <c r="FC19" s="331">
        <v>0</v>
      </c>
      <c r="FD19" s="332">
        <v>0</v>
      </c>
      <c r="FE19" s="327">
        <v>0</v>
      </c>
      <c r="FF19" s="327">
        <v>0</v>
      </c>
      <c r="FG19" s="327">
        <v>0</v>
      </c>
      <c r="FH19" s="327">
        <v>0</v>
      </c>
      <c r="FI19" s="327">
        <v>0</v>
      </c>
      <c r="FJ19" s="328">
        <v>0</v>
      </c>
      <c r="FK19" s="330">
        <v>0</v>
      </c>
      <c r="FL19" s="326">
        <v>13120</v>
      </c>
      <c r="FM19" s="327">
        <v>13696</v>
      </c>
      <c r="FN19" s="328">
        <v>26816</v>
      </c>
      <c r="FO19" s="326">
        <v>0</v>
      </c>
      <c r="FP19" s="327">
        <v>155024</v>
      </c>
      <c r="FQ19" s="327">
        <v>492736</v>
      </c>
      <c r="FR19" s="327">
        <v>184792</v>
      </c>
      <c r="FS19" s="327">
        <v>258576</v>
      </c>
      <c r="FT19" s="327">
        <v>295288</v>
      </c>
      <c r="FU19" s="328">
        <v>1386416</v>
      </c>
      <c r="FV19" s="330">
        <v>1413232</v>
      </c>
      <c r="FW19" s="333">
        <v>13120</v>
      </c>
      <c r="FX19" s="327">
        <v>13696</v>
      </c>
      <c r="FY19" s="331">
        <v>26816</v>
      </c>
      <c r="FZ19" s="332">
        <v>0</v>
      </c>
      <c r="GA19" s="327">
        <v>120944</v>
      </c>
      <c r="GB19" s="327">
        <v>463872</v>
      </c>
      <c r="GC19" s="327">
        <v>184792</v>
      </c>
      <c r="GD19" s="327">
        <v>258576</v>
      </c>
      <c r="GE19" s="327">
        <v>295288</v>
      </c>
      <c r="GF19" s="328">
        <v>1323472</v>
      </c>
      <c r="GG19" s="334">
        <v>1350288</v>
      </c>
      <c r="GH19" s="333">
        <v>0</v>
      </c>
      <c r="GI19" s="327">
        <v>0</v>
      </c>
      <c r="GJ19" s="331">
        <v>0</v>
      </c>
      <c r="GK19" s="332">
        <v>0</v>
      </c>
      <c r="GL19" s="327">
        <v>14080</v>
      </c>
      <c r="GM19" s="327">
        <v>28864</v>
      </c>
      <c r="GN19" s="327">
        <v>0</v>
      </c>
      <c r="GO19" s="327">
        <v>0</v>
      </c>
      <c r="GP19" s="327">
        <v>0</v>
      </c>
      <c r="GQ19" s="328">
        <v>42944</v>
      </c>
      <c r="GR19" s="330">
        <v>42944</v>
      </c>
      <c r="GS19" s="326">
        <v>0</v>
      </c>
      <c r="GT19" s="327">
        <v>0</v>
      </c>
      <c r="GU19" s="328">
        <v>0</v>
      </c>
      <c r="GV19" s="326">
        <v>0</v>
      </c>
      <c r="GW19" s="327">
        <v>20000</v>
      </c>
      <c r="GX19" s="327">
        <v>0</v>
      </c>
      <c r="GY19" s="327">
        <v>0</v>
      </c>
      <c r="GZ19" s="327">
        <v>0</v>
      </c>
      <c r="HA19" s="327">
        <v>0</v>
      </c>
      <c r="HB19" s="331">
        <v>20000</v>
      </c>
      <c r="HC19" s="330">
        <v>20000</v>
      </c>
      <c r="HD19" s="326">
        <v>0</v>
      </c>
      <c r="HE19" s="327">
        <v>201981</v>
      </c>
      <c r="HF19" s="331">
        <v>201981</v>
      </c>
      <c r="HG19" s="332">
        <v>0</v>
      </c>
      <c r="HH19" s="327">
        <v>1168189</v>
      </c>
      <c r="HI19" s="327">
        <v>2048980</v>
      </c>
      <c r="HJ19" s="327">
        <v>1768485</v>
      </c>
      <c r="HK19" s="327">
        <v>2020277</v>
      </c>
      <c r="HL19" s="327">
        <v>1205602</v>
      </c>
      <c r="HM19" s="328">
        <v>8211533</v>
      </c>
      <c r="HN19" s="329">
        <v>8413514</v>
      </c>
      <c r="HO19" s="333">
        <v>0</v>
      </c>
      <c r="HP19" s="327">
        <v>0</v>
      </c>
      <c r="HQ19" s="328">
        <v>0</v>
      </c>
      <c r="HR19" s="326">
        <v>0</v>
      </c>
      <c r="HS19" s="327">
        <v>0</v>
      </c>
      <c r="HT19" s="327">
        <v>0</v>
      </c>
      <c r="HU19" s="327">
        <v>0</v>
      </c>
      <c r="HV19" s="327">
        <v>0</v>
      </c>
      <c r="HW19" s="327">
        <v>0</v>
      </c>
      <c r="HX19" s="331">
        <v>0</v>
      </c>
      <c r="HY19" s="330">
        <v>0</v>
      </c>
      <c r="HZ19" s="335">
        <v>0</v>
      </c>
      <c r="IA19" s="336">
        <v>0</v>
      </c>
      <c r="IB19" s="337">
        <v>0</v>
      </c>
      <c r="IC19" s="338">
        <v>0</v>
      </c>
      <c r="ID19" s="336">
        <v>535128</v>
      </c>
      <c r="IE19" s="339">
        <v>1205512</v>
      </c>
      <c r="IF19" s="337">
        <v>940968</v>
      </c>
      <c r="IG19" s="336">
        <v>679382</v>
      </c>
      <c r="IH19" s="337">
        <v>755906</v>
      </c>
      <c r="II19" s="340">
        <v>4116896</v>
      </c>
      <c r="IJ19" s="341">
        <v>4116896</v>
      </c>
      <c r="IK19" s="342">
        <v>0</v>
      </c>
      <c r="IL19" s="343">
        <v>0</v>
      </c>
      <c r="IM19" s="344">
        <v>0</v>
      </c>
      <c r="IN19" s="404">
        <v>0</v>
      </c>
      <c r="IO19" s="345">
        <v>0</v>
      </c>
      <c r="IP19" s="345">
        <v>0</v>
      </c>
      <c r="IQ19" s="345">
        <v>0</v>
      </c>
      <c r="IR19" s="345">
        <v>0</v>
      </c>
      <c r="IS19" s="345">
        <v>0</v>
      </c>
      <c r="IT19" s="346">
        <v>0</v>
      </c>
      <c r="IU19" s="347">
        <v>0</v>
      </c>
      <c r="IV19" s="348">
        <v>0</v>
      </c>
      <c r="IW19" s="345">
        <v>0</v>
      </c>
      <c r="IX19" s="349">
        <v>0</v>
      </c>
      <c r="IY19" s="404">
        <v>0</v>
      </c>
      <c r="IZ19" s="345">
        <v>0</v>
      </c>
      <c r="JA19" s="345">
        <v>0</v>
      </c>
      <c r="JB19" s="345">
        <v>0</v>
      </c>
      <c r="JC19" s="345">
        <v>0</v>
      </c>
      <c r="JD19" s="345">
        <v>0</v>
      </c>
      <c r="JE19" s="349">
        <v>0</v>
      </c>
      <c r="JF19" s="350">
        <v>0</v>
      </c>
      <c r="JG19" s="348">
        <v>0</v>
      </c>
      <c r="JH19" s="345">
        <v>0</v>
      </c>
      <c r="JI19" s="346">
        <v>0</v>
      </c>
      <c r="JJ19" s="351">
        <v>0</v>
      </c>
      <c r="JK19" s="345">
        <v>535128</v>
      </c>
      <c r="JL19" s="345">
        <v>726601</v>
      </c>
      <c r="JM19" s="345">
        <v>114310</v>
      </c>
      <c r="JN19" s="345">
        <v>165806</v>
      </c>
      <c r="JO19" s="345">
        <v>0</v>
      </c>
      <c r="JP19" s="349">
        <v>1541845</v>
      </c>
      <c r="JQ19" s="347">
        <v>1541845</v>
      </c>
      <c r="JR19" s="348">
        <v>0</v>
      </c>
      <c r="JS19" s="345">
        <v>0</v>
      </c>
      <c r="JT19" s="346">
        <v>0</v>
      </c>
      <c r="JU19" s="351">
        <v>0</v>
      </c>
      <c r="JV19" s="345">
        <v>0</v>
      </c>
      <c r="JW19" s="345">
        <v>46732</v>
      </c>
      <c r="JX19" s="345">
        <v>109030</v>
      </c>
      <c r="JY19" s="345">
        <v>0</v>
      </c>
      <c r="JZ19" s="345">
        <v>168393</v>
      </c>
      <c r="KA19" s="349">
        <v>324155</v>
      </c>
      <c r="KB19" s="347">
        <v>324155</v>
      </c>
      <c r="KC19" s="352">
        <v>0</v>
      </c>
      <c r="KD19" s="353">
        <v>0</v>
      </c>
      <c r="KE19" s="349">
        <v>0</v>
      </c>
      <c r="KF19" s="351">
        <v>0</v>
      </c>
      <c r="KG19" s="345">
        <v>0</v>
      </c>
      <c r="KH19" s="345">
        <v>187155</v>
      </c>
      <c r="KI19" s="345">
        <v>0</v>
      </c>
      <c r="KJ19" s="345">
        <v>0</v>
      </c>
      <c r="KK19" s="345">
        <v>303161</v>
      </c>
      <c r="KL19" s="349">
        <v>490316</v>
      </c>
      <c r="KM19" s="354">
        <v>490316</v>
      </c>
      <c r="KN19" s="342">
        <v>0</v>
      </c>
      <c r="KO19" s="343">
        <v>0</v>
      </c>
      <c r="KP19" s="344">
        <v>0</v>
      </c>
      <c r="KQ19" s="404">
        <v>0</v>
      </c>
      <c r="KR19" s="345">
        <v>0</v>
      </c>
      <c r="KS19" s="345">
        <v>245024</v>
      </c>
      <c r="KT19" s="345">
        <v>519426</v>
      </c>
      <c r="KU19" s="345">
        <v>513576</v>
      </c>
      <c r="KV19" s="345">
        <v>284352</v>
      </c>
      <c r="KW19" s="349">
        <v>1562378</v>
      </c>
      <c r="KX19" s="347">
        <v>1562378</v>
      </c>
      <c r="KY19" s="348">
        <v>0</v>
      </c>
      <c r="KZ19" s="345">
        <v>0</v>
      </c>
      <c r="LA19" s="349">
        <v>0</v>
      </c>
      <c r="LB19" s="404">
        <v>0</v>
      </c>
      <c r="LC19" s="345">
        <v>0</v>
      </c>
      <c r="LD19" s="345">
        <v>0</v>
      </c>
      <c r="LE19" s="345">
        <v>198202</v>
      </c>
      <c r="LF19" s="345">
        <v>0</v>
      </c>
      <c r="LG19" s="345">
        <v>0</v>
      </c>
      <c r="LH19" s="349">
        <v>198202</v>
      </c>
      <c r="LI19" s="350">
        <v>198202</v>
      </c>
      <c r="LJ19" s="348">
        <v>0</v>
      </c>
      <c r="LK19" s="345">
        <v>0</v>
      </c>
      <c r="LL19" s="349">
        <v>0</v>
      </c>
      <c r="LM19" s="404">
        <v>0</v>
      </c>
      <c r="LN19" s="345">
        <v>0</v>
      </c>
      <c r="LO19" s="345">
        <v>0</v>
      </c>
      <c r="LP19" s="345">
        <v>0</v>
      </c>
      <c r="LQ19" s="345">
        <v>0</v>
      </c>
      <c r="LR19" s="345">
        <v>0</v>
      </c>
      <c r="LS19" s="349">
        <v>0</v>
      </c>
      <c r="LT19" s="347">
        <v>0</v>
      </c>
      <c r="LU19" s="348">
        <v>0</v>
      </c>
      <c r="LV19" s="345">
        <v>0</v>
      </c>
      <c r="LW19" s="349">
        <v>0</v>
      </c>
      <c r="LX19" s="404">
        <v>0</v>
      </c>
      <c r="LY19" s="345">
        <v>0</v>
      </c>
      <c r="LZ19" s="345">
        <v>0</v>
      </c>
      <c r="MA19" s="345">
        <v>0</v>
      </c>
      <c r="MB19" s="345">
        <v>0</v>
      </c>
      <c r="MC19" s="345">
        <v>0</v>
      </c>
      <c r="MD19" s="349">
        <v>0</v>
      </c>
      <c r="ME19" s="350">
        <v>0</v>
      </c>
      <c r="MF19" s="348">
        <v>0</v>
      </c>
      <c r="MG19" s="345">
        <v>0</v>
      </c>
      <c r="MH19" s="349">
        <v>0</v>
      </c>
      <c r="MI19" s="404">
        <v>0</v>
      </c>
      <c r="MJ19" s="345">
        <v>197605</v>
      </c>
      <c r="MK19" s="345">
        <v>580018</v>
      </c>
      <c r="ML19" s="345">
        <v>3220244</v>
      </c>
      <c r="MM19" s="345">
        <v>4234185</v>
      </c>
      <c r="MN19" s="345">
        <v>1816681</v>
      </c>
      <c r="MO19" s="349">
        <v>10048733</v>
      </c>
      <c r="MP19" s="354">
        <v>10048733</v>
      </c>
      <c r="MQ19" s="348">
        <v>0</v>
      </c>
      <c r="MR19" s="345">
        <v>0</v>
      </c>
      <c r="MS19" s="349">
        <v>0</v>
      </c>
      <c r="MT19" s="404">
        <v>0</v>
      </c>
      <c r="MU19" s="345">
        <v>0</v>
      </c>
      <c r="MV19" s="345">
        <v>216465</v>
      </c>
      <c r="MW19" s="345">
        <v>1009033</v>
      </c>
      <c r="MX19" s="345">
        <v>2549294</v>
      </c>
      <c r="MY19" s="345">
        <v>1816681</v>
      </c>
      <c r="MZ19" s="349">
        <v>5591473</v>
      </c>
      <c r="NA19" s="354">
        <v>5591473</v>
      </c>
      <c r="NB19" s="348">
        <v>0</v>
      </c>
      <c r="NC19" s="345">
        <v>0</v>
      </c>
      <c r="ND19" s="349">
        <v>0</v>
      </c>
      <c r="NE19" s="404">
        <v>0</v>
      </c>
      <c r="NF19" s="345">
        <v>197605</v>
      </c>
      <c r="NG19" s="345">
        <v>363553</v>
      </c>
      <c r="NH19" s="345">
        <v>2211211</v>
      </c>
      <c r="NI19" s="345">
        <v>1684891</v>
      </c>
      <c r="NJ19" s="345">
        <v>0</v>
      </c>
      <c r="NK19" s="349">
        <v>4457260</v>
      </c>
      <c r="NL19" s="347">
        <v>4457260</v>
      </c>
      <c r="NM19" s="348">
        <v>0</v>
      </c>
      <c r="NN19" s="345">
        <v>0</v>
      </c>
      <c r="NO19" s="349">
        <v>0</v>
      </c>
      <c r="NP19" s="404">
        <v>0</v>
      </c>
      <c r="NQ19" s="345">
        <v>0</v>
      </c>
      <c r="NR19" s="345">
        <v>0</v>
      </c>
      <c r="NS19" s="345">
        <v>0</v>
      </c>
      <c r="NT19" s="345">
        <v>0</v>
      </c>
      <c r="NU19" s="345">
        <v>0</v>
      </c>
      <c r="NV19" s="349">
        <v>0</v>
      </c>
      <c r="NW19" s="350">
        <v>0</v>
      </c>
      <c r="NX19" s="348">
        <v>0</v>
      </c>
      <c r="NY19" s="345">
        <v>0</v>
      </c>
      <c r="NZ19" s="349">
        <v>0</v>
      </c>
      <c r="OA19" s="404">
        <v>0</v>
      </c>
      <c r="OB19" s="345">
        <v>0</v>
      </c>
      <c r="OC19" s="345">
        <v>0</v>
      </c>
      <c r="OD19" s="345">
        <v>0</v>
      </c>
      <c r="OE19" s="345">
        <v>0</v>
      </c>
      <c r="OF19" s="345">
        <v>0</v>
      </c>
      <c r="OG19" s="349">
        <v>0</v>
      </c>
      <c r="OH19" s="350">
        <v>0</v>
      </c>
      <c r="OI19" s="348">
        <v>34624</v>
      </c>
      <c r="OJ19" s="345">
        <v>323268</v>
      </c>
      <c r="OK19" s="346">
        <v>357892</v>
      </c>
      <c r="OL19" s="351">
        <v>0</v>
      </c>
      <c r="OM19" s="345">
        <v>4211951</v>
      </c>
      <c r="ON19" s="345">
        <v>7524770</v>
      </c>
      <c r="OO19" s="345">
        <v>8473054</v>
      </c>
      <c r="OP19" s="345">
        <v>9914164</v>
      </c>
      <c r="OQ19" s="345">
        <v>7293350</v>
      </c>
      <c r="OR19" s="349">
        <v>37417289</v>
      </c>
      <c r="OS19" s="354">
        <v>37775181</v>
      </c>
    </row>
    <row r="20" spans="2:409" s="70" customFormat="1" ht="21" customHeight="1" x14ac:dyDescent="0.2">
      <c r="B20" s="410" t="s">
        <v>15</v>
      </c>
      <c r="C20" s="326">
        <v>0</v>
      </c>
      <c r="D20" s="327">
        <v>497162</v>
      </c>
      <c r="E20" s="328">
        <v>497162</v>
      </c>
      <c r="F20" s="329">
        <v>0</v>
      </c>
      <c r="G20" s="327">
        <v>2321269</v>
      </c>
      <c r="H20" s="327">
        <v>1201097</v>
      </c>
      <c r="I20" s="327">
        <v>1754209</v>
      </c>
      <c r="J20" s="327">
        <v>2055663</v>
      </c>
      <c r="K20" s="327">
        <v>1050541</v>
      </c>
      <c r="L20" s="329">
        <v>8382779</v>
      </c>
      <c r="M20" s="330">
        <v>8879941</v>
      </c>
      <c r="N20" s="326">
        <v>0</v>
      </c>
      <c r="O20" s="327">
        <v>34210</v>
      </c>
      <c r="P20" s="328">
        <v>34210</v>
      </c>
      <c r="Q20" s="326">
        <v>0</v>
      </c>
      <c r="R20" s="327">
        <v>573689</v>
      </c>
      <c r="S20" s="327">
        <v>420019</v>
      </c>
      <c r="T20" s="327">
        <v>438926</v>
      </c>
      <c r="U20" s="327">
        <v>1302590</v>
      </c>
      <c r="V20" s="327">
        <v>601128</v>
      </c>
      <c r="W20" s="328">
        <v>3336352</v>
      </c>
      <c r="X20" s="330">
        <v>3370562</v>
      </c>
      <c r="Y20" s="326">
        <v>0</v>
      </c>
      <c r="Z20" s="327">
        <v>0</v>
      </c>
      <c r="AA20" s="328">
        <v>0</v>
      </c>
      <c r="AB20" s="326">
        <v>0</v>
      </c>
      <c r="AC20" s="327">
        <v>153334</v>
      </c>
      <c r="AD20" s="327">
        <v>218779</v>
      </c>
      <c r="AE20" s="327">
        <v>48293</v>
      </c>
      <c r="AF20" s="327">
        <v>870460</v>
      </c>
      <c r="AG20" s="327">
        <v>563592</v>
      </c>
      <c r="AH20" s="328">
        <v>1854458</v>
      </c>
      <c r="AI20" s="330">
        <v>1854458</v>
      </c>
      <c r="AJ20" s="326">
        <v>0</v>
      </c>
      <c r="AK20" s="327">
        <v>0</v>
      </c>
      <c r="AL20" s="328">
        <v>0</v>
      </c>
      <c r="AM20" s="326">
        <v>0</v>
      </c>
      <c r="AN20" s="327">
        <v>0</v>
      </c>
      <c r="AO20" s="327">
        <v>0</v>
      </c>
      <c r="AP20" s="327">
        <v>194069</v>
      </c>
      <c r="AQ20" s="327">
        <v>194068</v>
      </c>
      <c r="AR20" s="327">
        <v>0</v>
      </c>
      <c r="AS20" s="328">
        <v>388137</v>
      </c>
      <c r="AT20" s="330">
        <v>388137</v>
      </c>
      <c r="AU20" s="326">
        <v>0</v>
      </c>
      <c r="AV20" s="327">
        <v>23266</v>
      </c>
      <c r="AW20" s="328">
        <v>23266</v>
      </c>
      <c r="AX20" s="326">
        <v>0</v>
      </c>
      <c r="AY20" s="327">
        <v>143744</v>
      </c>
      <c r="AZ20" s="327">
        <v>128732</v>
      </c>
      <c r="BA20" s="327">
        <v>107764</v>
      </c>
      <c r="BB20" s="327">
        <v>155798</v>
      </c>
      <c r="BC20" s="327">
        <v>0</v>
      </c>
      <c r="BD20" s="328">
        <v>536038</v>
      </c>
      <c r="BE20" s="330">
        <v>559304</v>
      </c>
      <c r="BF20" s="326">
        <v>0</v>
      </c>
      <c r="BG20" s="327">
        <v>0</v>
      </c>
      <c r="BH20" s="331">
        <v>0</v>
      </c>
      <c r="BI20" s="332">
        <v>0</v>
      </c>
      <c r="BJ20" s="327">
        <v>113187</v>
      </c>
      <c r="BK20" s="327">
        <v>24100</v>
      </c>
      <c r="BL20" s="327">
        <v>0</v>
      </c>
      <c r="BM20" s="327">
        <v>0</v>
      </c>
      <c r="BN20" s="327">
        <v>0</v>
      </c>
      <c r="BO20" s="328">
        <v>137287</v>
      </c>
      <c r="BP20" s="330">
        <v>137287</v>
      </c>
      <c r="BQ20" s="326">
        <v>0</v>
      </c>
      <c r="BR20" s="327">
        <v>10944</v>
      </c>
      <c r="BS20" s="328">
        <v>10944</v>
      </c>
      <c r="BT20" s="326">
        <v>0</v>
      </c>
      <c r="BU20" s="327">
        <v>163424</v>
      </c>
      <c r="BV20" s="327">
        <v>48408</v>
      </c>
      <c r="BW20" s="327">
        <v>88800</v>
      </c>
      <c r="BX20" s="327">
        <v>82264</v>
      </c>
      <c r="BY20" s="327">
        <v>37536</v>
      </c>
      <c r="BZ20" s="328">
        <v>420432</v>
      </c>
      <c r="CA20" s="330">
        <v>431376</v>
      </c>
      <c r="CB20" s="326">
        <v>0</v>
      </c>
      <c r="CC20" s="327">
        <v>0</v>
      </c>
      <c r="CD20" s="328">
        <v>0</v>
      </c>
      <c r="CE20" s="326">
        <v>0</v>
      </c>
      <c r="CF20" s="327">
        <v>320002</v>
      </c>
      <c r="CG20" s="327">
        <v>424024</v>
      </c>
      <c r="CH20" s="327">
        <v>493672</v>
      </c>
      <c r="CI20" s="327">
        <v>384272</v>
      </c>
      <c r="CJ20" s="327">
        <v>0</v>
      </c>
      <c r="CK20" s="328">
        <v>1621970</v>
      </c>
      <c r="CL20" s="330">
        <v>1621970</v>
      </c>
      <c r="CM20" s="326">
        <v>0</v>
      </c>
      <c r="CN20" s="327">
        <v>0</v>
      </c>
      <c r="CO20" s="328">
        <v>0</v>
      </c>
      <c r="CP20" s="332">
        <v>0</v>
      </c>
      <c r="CQ20" s="327">
        <v>255258</v>
      </c>
      <c r="CR20" s="327">
        <v>375279</v>
      </c>
      <c r="CS20" s="327">
        <v>11391</v>
      </c>
      <c r="CT20" s="327">
        <v>292546</v>
      </c>
      <c r="CU20" s="327">
        <v>0</v>
      </c>
      <c r="CV20" s="328">
        <v>934474</v>
      </c>
      <c r="CW20" s="330">
        <v>934474</v>
      </c>
      <c r="CX20" s="326">
        <v>0</v>
      </c>
      <c r="CY20" s="327">
        <v>0</v>
      </c>
      <c r="CZ20" s="328">
        <v>0</v>
      </c>
      <c r="DA20" s="326">
        <v>0</v>
      </c>
      <c r="DB20" s="327">
        <v>64744</v>
      </c>
      <c r="DC20" s="327">
        <v>48745</v>
      </c>
      <c r="DD20" s="327">
        <v>482281</v>
      </c>
      <c r="DE20" s="327">
        <v>91726</v>
      </c>
      <c r="DF20" s="327">
        <v>0</v>
      </c>
      <c r="DG20" s="328">
        <v>687496</v>
      </c>
      <c r="DH20" s="330">
        <v>687496</v>
      </c>
      <c r="DI20" s="326">
        <v>0</v>
      </c>
      <c r="DJ20" s="327">
        <v>0</v>
      </c>
      <c r="DK20" s="331">
        <v>0</v>
      </c>
      <c r="DL20" s="332">
        <v>0</v>
      </c>
      <c r="DM20" s="327">
        <v>0</v>
      </c>
      <c r="DN20" s="327">
        <v>0</v>
      </c>
      <c r="DO20" s="327">
        <v>0</v>
      </c>
      <c r="DP20" s="327">
        <v>40345</v>
      </c>
      <c r="DQ20" s="327">
        <v>137956</v>
      </c>
      <c r="DR20" s="328">
        <v>178301</v>
      </c>
      <c r="DS20" s="330">
        <v>178301</v>
      </c>
      <c r="DT20" s="326">
        <v>0</v>
      </c>
      <c r="DU20" s="327">
        <v>0</v>
      </c>
      <c r="DV20" s="328">
        <v>0</v>
      </c>
      <c r="DW20" s="326">
        <v>0</v>
      </c>
      <c r="DX20" s="327">
        <v>0</v>
      </c>
      <c r="DY20" s="327">
        <v>0</v>
      </c>
      <c r="DZ20" s="327">
        <v>0</v>
      </c>
      <c r="EA20" s="327">
        <v>40345</v>
      </c>
      <c r="EB20" s="327">
        <v>137956</v>
      </c>
      <c r="EC20" s="328">
        <v>178301</v>
      </c>
      <c r="ED20" s="330">
        <v>178301</v>
      </c>
      <c r="EE20" s="326">
        <v>0</v>
      </c>
      <c r="EF20" s="331">
        <v>0</v>
      </c>
      <c r="EG20" s="328">
        <v>0</v>
      </c>
      <c r="EH20" s="326">
        <v>0</v>
      </c>
      <c r="EI20" s="327">
        <v>0</v>
      </c>
      <c r="EJ20" s="327">
        <v>0</v>
      </c>
      <c r="EK20" s="327">
        <v>0</v>
      </c>
      <c r="EL20" s="327">
        <v>0</v>
      </c>
      <c r="EM20" s="327">
        <v>0</v>
      </c>
      <c r="EN20" s="331">
        <v>0</v>
      </c>
      <c r="EO20" s="330">
        <v>0</v>
      </c>
      <c r="EP20" s="326">
        <v>0</v>
      </c>
      <c r="EQ20" s="327">
        <v>0</v>
      </c>
      <c r="ER20" s="331">
        <v>0</v>
      </c>
      <c r="ES20" s="332">
        <v>0</v>
      </c>
      <c r="ET20" s="327">
        <v>0</v>
      </c>
      <c r="EU20" s="327">
        <v>0</v>
      </c>
      <c r="EV20" s="327">
        <v>0</v>
      </c>
      <c r="EW20" s="327">
        <v>0</v>
      </c>
      <c r="EX20" s="327">
        <v>0</v>
      </c>
      <c r="EY20" s="328">
        <v>0</v>
      </c>
      <c r="EZ20" s="330">
        <v>0</v>
      </c>
      <c r="FA20" s="326">
        <v>0</v>
      </c>
      <c r="FB20" s="327">
        <v>0</v>
      </c>
      <c r="FC20" s="331">
        <v>0</v>
      </c>
      <c r="FD20" s="332">
        <v>0</v>
      </c>
      <c r="FE20" s="327">
        <v>0</v>
      </c>
      <c r="FF20" s="327">
        <v>0</v>
      </c>
      <c r="FG20" s="327">
        <v>0</v>
      </c>
      <c r="FH20" s="327">
        <v>0</v>
      </c>
      <c r="FI20" s="327">
        <v>0</v>
      </c>
      <c r="FJ20" s="328">
        <v>0</v>
      </c>
      <c r="FK20" s="330">
        <v>0</v>
      </c>
      <c r="FL20" s="326">
        <v>0</v>
      </c>
      <c r="FM20" s="327">
        <v>62536</v>
      </c>
      <c r="FN20" s="328">
        <v>62536</v>
      </c>
      <c r="FO20" s="326">
        <v>0</v>
      </c>
      <c r="FP20" s="327">
        <v>85548</v>
      </c>
      <c r="FQ20" s="327">
        <v>164080</v>
      </c>
      <c r="FR20" s="327">
        <v>187864</v>
      </c>
      <c r="FS20" s="327">
        <v>98752</v>
      </c>
      <c r="FT20" s="327">
        <v>90784</v>
      </c>
      <c r="FU20" s="328">
        <v>627028</v>
      </c>
      <c r="FV20" s="330">
        <v>689564</v>
      </c>
      <c r="FW20" s="333">
        <v>0</v>
      </c>
      <c r="FX20" s="327">
        <v>40936</v>
      </c>
      <c r="FY20" s="331">
        <v>40936</v>
      </c>
      <c r="FZ20" s="332">
        <v>0</v>
      </c>
      <c r="GA20" s="327">
        <v>54000</v>
      </c>
      <c r="GB20" s="327">
        <v>164080</v>
      </c>
      <c r="GC20" s="327">
        <v>187864</v>
      </c>
      <c r="GD20" s="327">
        <v>98752</v>
      </c>
      <c r="GE20" s="327">
        <v>90784</v>
      </c>
      <c r="GF20" s="328">
        <v>595480</v>
      </c>
      <c r="GG20" s="334">
        <v>636416</v>
      </c>
      <c r="GH20" s="333">
        <v>0</v>
      </c>
      <c r="GI20" s="327">
        <v>0</v>
      </c>
      <c r="GJ20" s="331">
        <v>0</v>
      </c>
      <c r="GK20" s="332">
        <v>0</v>
      </c>
      <c r="GL20" s="327">
        <v>19404</v>
      </c>
      <c r="GM20" s="327">
        <v>0</v>
      </c>
      <c r="GN20" s="327">
        <v>0</v>
      </c>
      <c r="GO20" s="327">
        <v>0</v>
      </c>
      <c r="GP20" s="327">
        <v>0</v>
      </c>
      <c r="GQ20" s="328">
        <v>19404</v>
      </c>
      <c r="GR20" s="330">
        <v>19404</v>
      </c>
      <c r="GS20" s="326">
        <v>0</v>
      </c>
      <c r="GT20" s="327">
        <v>21600</v>
      </c>
      <c r="GU20" s="328">
        <v>21600</v>
      </c>
      <c r="GV20" s="326">
        <v>0</v>
      </c>
      <c r="GW20" s="327">
        <v>12144</v>
      </c>
      <c r="GX20" s="327">
        <v>0</v>
      </c>
      <c r="GY20" s="327">
        <v>0</v>
      </c>
      <c r="GZ20" s="327">
        <v>0</v>
      </c>
      <c r="HA20" s="327">
        <v>0</v>
      </c>
      <c r="HB20" s="331">
        <v>12144</v>
      </c>
      <c r="HC20" s="330">
        <v>33744</v>
      </c>
      <c r="HD20" s="326">
        <v>0</v>
      </c>
      <c r="HE20" s="327">
        <v>400416</v>
      </c>
      <c r="HF20" s="331">
        <v>400416</v>
      </c>
      <c r="HG20" s="332">
        <v>0</v>
      </c>
      <c r="HH20" s="327">
        <v>1342030</v>
      </c>
      <c r="HI20" s="327">
        <v>192974</v>
      </c>
      <c r="HJ20" s="327">
        <v>633747</v>
      </c>
      <c r="HK20" s="327">
        <v>229704</v>
      </c>
      <c r="HL20" s="327">
        <v>220673</v>
      </c>
      <c r="HM20" s="328">
        <v>2619128</v>
      </c>
      <c r="HN20" s="329">
        <v>3019544</v>
      </c>
      <c r="HO20" s="333">
        <v>0</v>
      </c>
      <c r="HP20" s="327">
        <v>0</v>
      </c>
      <c r="HQ20" s="328">
        <v>0</v>
      </c>
      <c r="HR20" s="326">
        <v>0</v>
      </c>
      <c r="HS20" s="327">
        <v>0</v>
      </c>
      <c r="HT20" s="327">
        <v>0</v>
      </c>
      <c r="HU20" s="327">
        <v>0</v>
      </c>
      <c r="HV20" s="327">
        <v>0</v>
      </c>
      <c r="HW20" s="327">
        <v>0</v>
      </c>
      <c r="HX20" s="331">
        <v>0</v>
      </c>
      <c r="HY20" s="330">
        <v>0</v>
      </c>
      <c r="HZ20" s="358">
        <v>0</v>
      </c>
      <c r="IA20" s="356">
        <v>0</v>
      </c>
      <c r="IB20" s="358">
        <v>0</v>
      </c>
      <c r="IC20" s="355">
        <v>0</v>
      </c>
      <c r="ID20" s="356">
        <v>775882</v>
      </c>
      <c r="IE20" s="357">
        <v>652537</v>
      </c>
      <c r="IF20" s="358">
        <v>601911</v>
      </c>
      <c r="IG20" s="356">
        <v>845288</v>
      </c>
      <c r="IH20" s="358">
        <v>285073</v>
      </c>
      <c r="II20" s="359">
        <v>3160691</v>
      </c>
      <c r="IJ20" s="358">
        <v>3160691</v>
      </c>
      <c r="IK20" s="342">
        <v>0</v>
      </c>
      <c r="IL20" s="343">
        <v>0</v>
      </c>
      <c r="IM20" s="344">
        <v>0</v>
      </c>
      <c r="IN20" s="404">
        <v>0</v>
      </c>
      <c r="IO20" s="345">
        <v>0</v>
      </c>
      <c r="IP20" s="345">
        <v>0</v>
      </c>
      <c r="IQ20" s="345">
        <v>0</v>
      </c>
      <c r="IR20" s="345">
        <v>267730</v>
      </c>
      <c r="IS20" s="345">
        <v>0</v>
      </c>
      <c r="IT20" s="346">
        <v>267730</v>
      </c>
      <c r="IU20" s="347">
        <v>267730</v>
      </c>
      <c r="IV20" s="348">
        <v>0</v>
      </c>
      <c r="IW20" s="345">
        <v>0</v>
      </c>
      <c r="IX20" s="349">
        <v>0</v>
      </c>
      <c r="IY20" s="404">
        <v>0</v>
      </c>
      <c r="IZ20" s="345">
        <v>0</v>
      </c>
      <c r="JA20" s="345">
        <v>0</v>
      </c>
      <c r="JB20" s="345">
        <v>0</v>
      </c>
      <c r="JC20" s="345">
        <v>0</v>
      </c>
      <c r="JD20" s="345">
        <v>0</v>
      </c>
      <c r="JE20" s="349">
        <v>0</v>
      </c>
      <c r="JF20" s="350">
        <v>0</v>
      </c>
      <c r="JG20" s="348">
        <v>0</v>
      </c>
      <c r="JH20" s="345">
        <v>0</v>
      </c>
      <c r="JI20" s="346">
        <v>0</v>
      </c>
      <c r="JJ20" s="351">
        <v>0</v>
      </c>
      <c r="JK20" s="345">
        <v>531237</v>
      </c>
      <c r="JL20" s="345">
        <v>390951</v>
      </c>
      <c r="JM20" s="345">
        <v>89465</v>
      </c>
      <c r="JN20" s="345">
        <v>233873</v>
      </c>
      <c r="JO20" s="345">
        <v>0</v>
      </c>
      <c r="JP20" s="349">
        <v>1245526</v>
      </c>
      <c r="JQ20" s="347">
        <v>1245526</v>
      </c>
      <c r="JR20" s="348">
        <v>0</v>
      </c>
      <c r="JS20" s="345">
        <v>0</v>
      </c>
      <c r="JT20" s="346">
        <v>0</v>
      </c>
      <c r="JU20" s="351">
        <v>0</v>
      </c>
      <c r="JV20" s="345">
        <v>0</v>
      </c>
      <c r="JW20" s="345">
        <v>0</v>
      </c>
      <c r="JX20" s="345">
        <v>0</v>
      </c>
      <c r="JY20" s="345">
        <v>55687</v>
      </c>
      <c r="JZ20" s="345">
        <v>0</v>
      </c>
      <c r="KA20" s="349">
        <v>55687</v>
      </c>
      <c r="KB20" s="347">
        <v>55687</v>
      </c>
      <c r="KC20" s="352">
        <v>0</v>
      </c>
      <c r="KD20" s="353">
        <v>0</v>
      </c>
      <c r="KE20" s="349">
        <v>0</v>
      </c>
      <c r="KF20" s="351">
        <v>0</v>
      </c>
      <c r="KG20" s="345">
        <v>0</v>
      </c>
      <c r="KH20" s="345">
        <v>261586</v>
      </c>
      <c r="KI20" s="345">
        <v>0</v>
      </c>
      <c r="KJ20" s="345">
        <v>0</v>
      </c>
      <c r="KK20" s="345">
        <v>285073</v>
      </c>
      <c r="KL20" s="349">
        <v>546659</v>
      </c>
      <c r="KM20" s="354">
        <v>546659</v>
      </c>
      <c r="KN20" s="342">
        <v>0</v>
      </c>
      <c r="KO20" s="343">
        <v>0</v>
      </c>
      <c r="KP20" s="344">
        <v>0</v>
      </c>
      <c r="KQ20" s="404">
        <v>0</v>
      </c>
      <c r="KR20" s="345">
        <v>244645</v>
      </c>
      <c r="KS20" s="345">
        <v>0</v>
      </c>
      <c r="KT20" s="345">
        <v>0</v>
      </c>
      <c r="KU20" s="345">
        <v>0</v>
      </c>
      <c r="KV20" s="345">
        <v>0</v>
      </c>
      <c r="KW20" s="349">
        <v>244645</v>
      </c>
      <c r="KX20" s="347">
        <v>244645</v>
      </c>
      <c r="KY20" s="348">
        <v>0</v>
      </c>
      <c r="KZ20" s="345">
        <v>0</v>
      </c>
      <c r="LA20" s="349">
        <v>0</v>
      </c>
      <c r="LB20" s="404">
        <v>0</v>
      </c>
      <c r="LC20" s="345">
        <v>0</v>
      </c>
      <c r="LD20" s="345">
        <v>0</v>
      </c>
      <c r="LE20" s="345">
        <v>0</v>
      </c>
      <c r="LF20" s="345">
        <v>0</v>
      </c>
      <c r="LG20" s="345">
        <v>0</v>
      </c>
      <c r="LH20" s="349">
        <v>0</v>
      </c>
      <c r="LI20" s="350">
        <v>0</v>
      </c>
      <c r="LJ20" s="348">
        <v>0</v>
      </c>
      <c r="LK20" s="345">
        <v>0</v>
      </c>
      <c r="LL20" s="349">
        <v>0</v>
      </c>
      <c r="LM20" s="404">
        <v>0</v>
      </c>
      <c r="LN20" s="345">
        <v>0</v>
      </c>
      <c r="LO20" s="345">
        <v>0</v>
      </c>
      <c r="LP20" s="345">
        <v>0</v>
      </c>
      <c r="LQ20" s="345">
        <v>0</v>
      </c>
      <c r="LR20" s="345">
        <v>0</v>
      </c>
      <c r="LS20" s="349">
        <v>0</v>
      </c>
      <c r="LT20" s="347">
        <v>0</v>
      </c>
      <c r="LU20" s="348">
        <v>0</v>
      </c>
      <c r="LV20" s="345">
        <v>0</v>
      </c>
      <c r="LW20" s="349">
        <v>0</v>
      </c>
      <c r="LX20" s="404">
        <v>0</v>
      </c>
      <c r="LY20" s="345">
        <v>0</v>
      </c>
      <c r="LZ20" s="345">
        <v>0</v>
      </c>
      <c r="MA20" s="345">
        <v>512446</v>
      </c>
      <c r="MB20" s="345">
        <v>287998</v>
      </c>
      <c r="MC20" s="345">
        <v>0</v>
      </c>
      <c r="MD20" s="349">
        <v>800444</v>
      </c>
      <c r="ME20" s="350">
        <v>800444</v>
      </c>
      <c r="MF20" s="348">
        <v>0</v>
      </c>
      <c r="MG20" s="345">
        <v>0</v>
      </c>
      <c r="MH20" s="349">
        <v>0</v>
      </c>
      <c r="MI20" s="404">
        <v>0</v>
      </c>
      <c r="MJ20" s="345">
        <v>0</v>
      </c>
      <c r="MK20" s="345">
        <v>467080</v>
      </c>
      <c r="ML20" s="345">
        <v>1171925</v>
      </c>
      <c r="MM20" s="345">
        <v>3093005</v>
      </c>
      <c r="MN20" s="345">
        <v>924389</v>
      </c>
      <c r="MO20" s="349">
        <v>5656399</v>
      </c>
      <c r="MP20" s="354">
        <v>5656399</v>
      </c>
      <c r="MQ20" s="348">
        <v>0</v>
      </c>
      <c r="MR20" s="345">
        <v>0</v>
      </c>
      <c r="MS20" s="349">
        <v>0</v>
      </c>
      <c r="MT20" s="404">
        <v>0</v>
      </c>
      <c r="MU20" s="345">
        <v>0</v>
      </c>
      <c r="MV20" s="345">
        <v>0</v>
      </c>
      <c r="MW20" s="345">
        <v>559040</v>
      </c>
      <c r="MX20" s="345">
        <v>2485569</v>
      </c>
      <c r="MY20" s="345">
        <v>600205</v>
      </c>
      <c r="MZ20" s="349">
        <v>3644814</v>
      </c>
      <c r="NA20" s="354">
        <v>3644814</v>
      </c>
      <c r="NB20" s="348">
        <v>0</v>
      </c>
      <c r="NC20" s="345">
        <v>0</v>
      </c>
      <c r="ND20" s="349">
        <v>0</v>
      </c>
      <c r="NE20" s="404">
        <v>0</v>
      </c>
      <c r="NF20" s="345">
        <v>0</v>
      </c>
      <c r="NG20" s="345">
        <v>467080</v>
      </c>
      <c r="NH20" s="345">
        <v>612885</v>
      </c>
      <c r="NI20" s="345">
        <v>607436</v>
      </c>
      <c r="NJ20" s="345">
        <v>324184</v>
      </c>
      <c r="NK20" s="349">
        <v>2011585</v>
      </c>
      <c r="NL20" s="347">
        <v>2011585</v>
      </c>
      <c r="NM20" s="348">
        <v>0</v>
      </c>
      <c r="NN20" s="345">
        <v>0</v>
      </c>
      <c r="NO20" s="349">
        <v>0</v>
      </c>
      <c r="NP20" s="404">
        <v>0</v>
      </c>
      <c r="NQ20" s="345">
        <v>0</v>
      </c>
      <c r="NR20" s="345">
        <v>0</v>
      </c>
      <c r="NS20" s="345">
        <v>0</v>
      </c>
      <c r="NT20" s="345">
        <v>0</v>
      </c>
      <c r="NU20" s="345">
        <v>0</v>
      </c>
      <c r="NV20" s="349">
        <v>0</v>
      </c>
      <c r="NW20" s="350">
        <v>0</v>
      </c>
      <c r="NX20" s="348">
        <v>0</v>
      </c>
      <c r="NY20" s="345">
        <v>0</v>
      </c>
      <c r="NZ20" s="349">
        <v>0</v>
      </c>
      <c r="OA20" s="404">
        <v>0</v>
      </c>
      <c r="OB20" s="345">
        <v>0</v>
      </c>
      <c r="OC20" s="345">
        <v>0</v>
      </c>
      <c r="OD20" s="345">
        <v>0</v>
      </c>
      <c r="OE20" s="345">
        <v>0</v>
      </c>
      <c r="OF20" s="345">
        <v>0</v>
      </c>
      <c r="OG20" s="349">
        <v>0</v>
      </c>
      <c r="OH20" s="350">
        <v>0</v>
      </c>
      <c r="OI20" s="348">
        <v>0</v>
      </c>
      <c r="OJ20" s="345">
        <v>497162</v>
      </c>
      <c r="OK20" s="346">
        <v>497162</v>
      </c>
      <c r="OL20" s="351">
        <v>0</v>
      </c>
      <c r="OM20" s="345">
        <v>3097151</v>
      </c>
      <c r="ON20" s="345">
        <v>2320714</v>
      </c>
      <c r="OO20" s="345">
        <v>3528045</v>
      </c>
      <c r="OP20" s="345">
        <v>5993956</v>
      </c>
      <c r="OQ20" s="345">
        <v>2260003</v>
      </c>
      <c r="OR20" s="349">
        <v>17199869</v>
      </c>
      <c r="OS20" s="354">
        <v>17697031</v>
      </c>
    </row>
    <row r="21" spans="2:409" s="70" customFormat="1" ht="21" customHeight="1" x14ac:dyDescent="0.2">
      <c r="B21" s="410" t="s">
        <v>16</v>
      </c>
      <c r="C21" s="326">
        <v>343395</v>
      </c>
      <c r="D21" s="327">
        <v>917072</v>
      </c>
      <c r="E21" s="328">
        <v>1260467</v>
      </c>
      <c r="F21" s="329">
        <v>0</v>
      </c>
      <c r="G21" s="327">
        <v>3606180</v>
      </c>
      <c r="H21" s="327">
        <v>7373189</v>
      </c>
      <c r="I21" s="327">
        <v>3954156</v>
      </c>
      <c r="J21" s="327">
        <v>3939651</v>
      </c>
      <c r="K21" s="327">
        <v>2822184</v>
      </c>
      <c r="L21" s="329">
        <v>21695360</v>
      </c>
      <c r="M21" s="330">
        <v>22955827</v>
      </c>
      <c r="N21" s="326">
        <v>169095</v>
      </c>
      <c r="O21" s="327">
        <v>205363</v>
      </c>
      <c r="P21" s="328">
        <v>374458</v>
      </c>
      <c r="Q21" s="326">
        <v>0</v>
      </c>
      <c r="R21" s="327">
        <v>956267</v>
      </c>
      <c r="S21" s="327">
        <v>1458023</v>
      </c>
      <c r="T21" s="327">
        <v>1510962</v>
      </c>
      <c r="U21" s="327">
        <v>621094</v>
      </c>
      <c r="V21" s="327">
        <v>655266</v>
      </c>
      <c r="W21" s="328">
        <v>5201612</v>
      </c>
      <c r="X21" s="330">
        <v>5576070</v>
      </c>
      <c r="Y21" s="326">
        <v>0</v>
      </c>
      <c r="Z21" s="327">
        <v>0</v>
      </c>
      <c r="AA21" s="328">
        <v>0</v>
      </c>
      <c r="AB21" s="326">
        <v>0</v>
      </c>
      <c r="AC21" s="327">
        <v>400056</v>
      </c>
      <c r="AD21" s="327">
        <v>442233</v>
      </c>
      <c r="AE21" s="327">
        <v>1006145</v>
      </c>
      <c r="AF21" s="327">
        <v>114577</v>
      </c>
      <c r="AG21" s="327">
        <v>148937</v>
      </c>
      <c r="AH21" s="328">
        <v>2111948</v>
      </c>
      <c r="AI21" s="330">
        <v>2111948</v>
      </c>
      <c r="AJ21" s="326">
        <v>0</v>
      </c>
      <c r="AK21" s="327">
        <v>0</v>
      </c>
      <c r="AL21" s="328">
        <v>0</v>
      </c>
      <c r="AM21" s="326">
        <v>0</v>
      </c>
      <c r="AN21" s="327">
        <v>0</v>
      </c>
      <c r="AO21" s="327">
        <v>0</v>
      </c>
      <c r="AP21" s="327">
        <v>46180</v>
      </c>
      <c r="AQ21" s="327">
        <v>0</v>
      </c>
      <c r="AR21" s="327">
        <v>57726</v>
      </c>
      <c r="AS21" s="328">
        <v>103906</v>
      </c>
      <c r="AT21" s="330">
        <v>103906</v>
      </c>
      <c r="AU21" s="326">
        <v>130021</v>
      </c>
      <c r="AV21" s="327">
        <v>183771</v>
      </c>
      <c r="AW21" s="328">
        <v>313792</v>
      </c>
      <c r="AX21" s="326">
        <v>0</v>
      </c>
      <c r="AY21" s="327">
        <v>348336</v>
      </c>
      <c r="AZ21" s="327">
        <v>643325</v>
      </c>
      <c r="BA21" s="327">
        <v>261925</v>
      </c>
      <c r="BB21" s="327">
        <v>229581</v>
      </c>
      <c r="BC21" s="327">
        <v>288739</v>
      </c>
      <c r="BD21" s="328">
        <v>1771906</v>
      </c>
      <c r="BE21" s="330">
        <v>2085698</v>
      </c>
      <c r="BF21" s="326">
        <v>30146</v>
      </c>
      <c r="BG21" s="327">
        <v>0</v>
      </c>
      <c r="BH21" s="331">
        <v>30146</v>
      </c>
      <c r="BI21" s="332">
        <v>0</v>
      </c>
      <c r="BJ21" s="327">
        <v>55475</v>
      </c>
      <c r="BK21" s="327">
        <v>39625</v>
      </c>
      <c r="BL21" s="327">
        <v>0</v>
      </c>
      <c r="BM21" s="327">
        <v>52360</v>
      </c>
      <c r="BN21" s="327">
        <v>0</v>
      </c>
      <c r="BO21" s="328">
        <v>147460</v>
      </c>
      <c r="BP21" s="330">
        <v>177606</v>
      </c>
      <c r="BQ21" s="326">
        <v>8928</v>
      </c>
      <c r="BR21" s="327">
        <v>21592</v>
      </c>
      <c r="BS21" s="328">
        <v>30520</v>
      </c>
      <c r="BT21" s="326">
        <v>0</v>
      </c>
      <c r="BU21" s="327">
        <v>152400</v>
      </c>
      <c r="BV21" s="327">
        <v>332840</v>
      </c>
      <c r="BW21" s="327">
        <v>196712</v>
      </c>
      <c r="BX21" s="327">
        <v>224576</v>
      </c>
      <c r="BY21" s="327">
        <v>159864</v>
      </c>
      <c r="BZ21" s="328">
        <v>1066392</v>
      </c>
      <c r="CA21" s="330">
        <v>1096912</v>
      </c>
      <c r="CB21" s="326">
        <v>20279</v>
      </c>
      <c r="CC21" s="327">
        <v>461079</v>
      </c>
      <c r="CD21" s="328">
        <v>481358</v>
      </c>
      <c r="CE21" s="326">
        <v>0</v>
      </c>
      <c r="CF21" s="327">
        <v>1137232</v>
      </c>
      <c r="CG21" s="327">
        <v>2769600</v>
      </c>
      <c r="CH21" s="327">
        <v>1140014</v>
      </c>
      <c r="CI21" s="327">
        <v>785916</v>
      </c>
      <c r="CJ21" s="327">
        <v>380408</v>
      </c>
      <c r="CK21" s="328">
        <v>6213170</v>
      </c>
      <c r="CL21" s="330">
        <v>6694528</v>
      </c>
      <c r="CM21" s="326">
        <v>0</v>
      </c>
      <c r="CN21" s="327">
        <v>0</v>
      </c>
      <c r="CO21" s="328">
        <v>0</v>
      </c>
      <c r="CP21" s="332">
        <v>0</v>
      </c>
      <c r="CQ21" s="327">
        <v>780176</v>
      </c>
      <c r="CR21" s="327">
        <v>1309861</v>
      </c>
      <c r="CS21" s="327">
        <v>787169</v>
      </c>
      <c r="CT21" s="327">
        <v>742729</v>
      </c>
      <c r="CU21" s="327">
        <v>156843</v>
      </c>
      <c r="CV21" s="328">
        <v>3776778</v>
      </c>
      <c r="CW21" s="330">
        <v>3776778</v>
      </c>
      <c r="CX21" s="326">
        <v>20279</v>
      </c>
      <c r="CY21" s="327">
        <v>461079</v>
      </c>
      <c r="CZ21" s="328">
        <v>481358</v>
      </c>
      <c r="DA21" s="326">
        <v>0</v>
      </c>
      <c r="DB21" s="327">
        <v>357056</v>
      </c>
      <c r="DC21" s="327">
        <v>1459739</v>
      </c>
      <c r="DD21" s="327">
        <v>352845</v>
      </c>
      <c r="DE21" s="327">
        <v>43187</v>
      </c>
      <c r="DF21" s="327">
        <v>223565</v>
      </c>
      <c r="DG21" s="328">
        <v>2436392</v>
      </c>
      <c r="DH21" s="330">
        <v>2917750</v>
      </c>
      <c r="DI21" s="326">
        <v>0</v>
      </c>
      <c r="DJ21" s="327">
        <v>0</v>
      </c>
      <c r="DK21" s="331">
        <v>0</v>
      </c>
      <c r="DL21" s="332">
        <v>0</v>
      </c>
      <c r="DM21" s="327">
        <v>39120</v>
      </c>
      <c r="DN21" s="327">
        <v>206195</v>
      </c>
      <c r="DO21" s="327">
        <v>0</v>
      </c>
      <c r="DP21" s="327">
        <v>270776</v>
      </c>
      <c r="DQ21" s="327">
        <v>94267</v>
      </c>
      <c r="DR21" s="328">
        <v>610358</v>
      </c>
      <c r="DS21" s="330">
        <v>610358</v>
      </c>
      <c r="DT21" s="326">
        <v>0</v>
      </c>
      <c r="DU21" s="327">
        <v>0</v>
      </c>
      <c r="DV21" s="328">
        <v>0</v>
      </c>
      <c r="DW21" s="326">
        <v>0</v>
      </c>
      <c r="DX21" s="327">
        <v>39120</v>
      </c>
      <c r="DY21" s="327">
        <v>0</v>
      </c>
      <c r="DZ21" s="327">
        <v>0</v>
      </c>
      <c r="EA21" s="327">
        <v>190136</v>
      </c>
      <c r="EB21" s="327">
        <v>94267</v>
      </c>
      <c r="EC21" s="328">
        <v>323523</v>
      </c>
      <c r="ED21" s="330">
        <v>323523</v>
      </c>
      <c r="EE21" s="326">
        <v>0</v>
      </c>
      <c r="EF21" s="331">
        <v>0</v>
      </c>
      <c r="EG21" s="328">
        <v>0</v>
      </c>
      <c r="EH21" s="326">
        <v>0</v>
      </c>
      <c r="EI21" s="327">
        <v>0</v>
      </c>
      <c r="EJ21" s="327">
        <v>206195</v>
      </c>
      <c r="EK21" s="327">
        <v>0</v>
      </c>
      <c r="EL21" s="327">
        <v>80640</v>
      </c>
      <c r="EM21" s="327">
        <v>0</v>
      </c>
      <c r="EN21" s="331">
        <v>286835</v>
      </c>
      <c r="EO21" s="330">
        <v>286835</v>
      </c>
      <c r="EP21" s="326">
        <v>0</v>
      </c>
      <c r="EQ21" s="327">
        <v>0</v>
      </c>
      <c r="ER21" s="331">
        <v>0</v>
      </c>
      <c r="ES21" s="332">
        <v>0</v>
      </c>
      <c r="ET21" s="327">
        <v>0</v>
      </c>
      <c r="EU21" s="327">
        <v>0</v>
      </c>
      <c r="EV21" s="327">
        <v>0</v>
      </c>
      <c r="EW21" s="327">
        <v>0</v>
      </c>
      <c r="EX21" s="327">
        <v>0</v>
      </c>
      <c r="EY21" s="328">
        <v>0</v>
      </c>
      <c r="EZ21" s="330">
        <v>0</v>
      </c>
      <c r="FA21" s="326">
        <v>0</v>
      </c>
      <c r="FB21" s="327">
        <v>0</v>
      </c>
      <c r="FC21" s="331">
        <v>0</v>
      </c>
      <c r="FD21" s="332">
        <v>0</v>
      </c>
      <c r="FE21" s="327">
        <v>0</v>
      </c>
      <c r="FF21" s="327">
        <v>0</v>
      </c>
      <c r="FG21" s="327">
        <v>0</v>
      </c>
      <c r="FH21" s="327">
        <v>0</v>
      </c>
      <c r="FI21" s="327">
        <v>0</v>
      </c>
      <c r="FJ21" s="328">
        <v>0</v>
      </c>
      <c r="FK21" s="330">
        <v>0</v>
      </c>
      <c r="FL21" s="326">
        <v>99640</v>
      </c>
      <c r="FM21" s="327">
        <v>149360</v>
      </c>
      <c r="FN21" s="328">
        <v>249000</v>
      </c>
      <c r="FO21" s="326">
        <v>0</v>
      </c>
      <c r="FP21" s="327">
        <v>182711</v>
      </c>
      <c r="FQ21" s="327">
        <v>612728</v>
      </c>
      <c r="FR21" s="327">
        <v>467853</v>
      </c>
      <c r="FS21" s="327">
        <v>260856</v>
      </c>
      <c r="FT21" s="327">
        <v>101772</v>
      </c>
      <c r="FU21" s="328">
        <v>1625920</v>
      </c>
      <c r="FV21" s="330">
        <v>1874920</v>
      </c>
      <c r="FW21" s="333">
        <v>60056</v>
      </c>
      <c r="FX21" s="327">
        <v>94800</v>
      </c>
      <c r="FY21" s="331">
        <v>154856</v>
      </c>
      <c r="FZ21" s="332">
        <v>0</v>
      </c>
      <c r="GA21" s="327">
        <v>132224</v>
      </c>
      <c r="GB21" s="327">
        <v>612728</v>
      </c>
      <c r="GC21" s="327">
        <v>420608</v>
      </c>
      <c r="GD21" s="327">
        <v>260856</v>
      </c>
      <c r="GE21" s="327">
        <v>54464</v>
      </c>
      <c r="GF21" s="328">
        <v>1480880</v>
      </c>
      <c r="GG21" s="334">
        <v>1635736</v>
      </c>
      <c r="GH21" s="333">
        <v>0</v>
      </c>
      <c r="GI21" s="327">
        <v>54560</v>
      </c>
      <c r="GJ21" s="331">
        <v>54560</v>
      </c>
      <c r="GK21" s="332">
        <v>0</v>
      </c>
      <c r="GL21" s="327">
        <v>0</v>
      </c>
      <c r="GM21" s="327">
        <v>0</v>
      </c>
      <c r="GN21" s="327">
        <v>37312</v>
      </c>
      <c r="GO21" s="327">
        <v>0</v>
      </c>
      <c r="GP21" s="327">
        <v>47308</v>
      </c>
      <c r="GQ21" s="328">
        <v>84620</v>
      </c>
      <c r="GR21" s="330">
        <v>139180</v>
      </c>
      <c r="GS21" s="326">
        <v>39584</v>
      </c>
      <c r="GT21" s="327">
        <v>0</v>
      </c>
      <c r="GU21" s="328">
        <v>39584</v>
      </c>
      <c r="GV21" s="326">
        <v>0</v>
      </c>
      <c r="GW21" s="327">
        <v>50487</v>
      </c>
      <c r="GX21" s="327">
        <v>0</v>
      </c>
      <c r="GY21" s="327">
        <v>9933</v>
      </c>
      <c r="GZ21" s="327">
        <v>0</v>
      </c>
      <c r="HA21" s="327">
        <v>0</v>
      </c>
      <c r="HB21" s="331">
        <v>60420</v>
      </c>
      <c r="HC21" s="330">
        <v>100004</v>
      </c>
      <c r="HD21" s="326">
        <v>54381</v>
      </c>
      <c r="HE21" s="327">
        <v>101270</v>
      </c>
      <c r="HF21" s="331">
        <v>155651</v>
      </c>
      <c r="HG21" s="332">
        <v>0</v>
      </c>
      <c r="HH21" s="327">
        <v>1290850</v>
      </c>
      <c r="HI21" s="327">
        <v>2326643</v>
      </c>
      <c r="HJ21" s="327">
        <v>835327</v>
      </c>
      <c r="HK21" s="327">
        <v>2001009</v>
      </c>
      <c r="HL21" s="327">
        <v>1590471</v>
      </c>
      <c r="HM21" s="328">
        <v>8044300</v>
      </c>
      <c r="HN21" s="329">
        <v>8199951</v>
      </c>
      <c r="HO21" s="333">
        <v>0</v>
      </c>
      <c r="HP21" s="327">
        <v>0</v>
      </c>
      <c r="HQ21" s="328">
        <v>0</v>
      </c>
      <c r="HR21" s="326">
        <v>0</v>
      </c>
      <c r="HS21" s="327">
        <v>0</v>
      </c>
      <c r="HT21" s="327">
        <v>0</v>
      </c>
      <c r="HU21" s="327">
        <v>0</v>
      </c>
      <c r="HV21" s="327">
        <v>0</v>
      </c>
      <c r="HW21" s="327">
        <v>0</v>
      </c>
      <c r="HX21" s="331">
        <v>0</v>
      </c>
      <c r="HY21" s="330">
        <v>0</v>
      </c>
      <c r="HZ21" s="335">
        <v>0</v>
      </c>
      <c r="IA21" s="336">
        <v>0</v>
      </c>
      <c r="IB21" s="337">
        <v>0</v>
      </c>
      <c r="IC21" s="338">
        <v>0</v>
      </c>
      <c r="ID21" s="336">
        <v>733366</v>
      </c>
      <c r="IE21" s="339">
        <v>925867</v>
      </c>
      <c r="IF21" s="337">
        <v>844544</v>
      </c>
      <c r="IG21" s="336">
        <v>1503797</v>
      </c>
      <c r="IH21" s="337">
        <v>281011</v>
      </c>
      <c r="II21" s="340">
        <v>4288585</v>
      </c>
      <c r="IJ21" s="341">
        <v>4288585</v>
      </c>
      <c r="IK21" s="342">
        <v>0</v>
      </c>
      <c r="IL21" s="343">
        <v>0</v>
      </c>
      <c r="IM21" s="344">
        <v>0</v>
      </c>
      <c r="IN21" s="404">
        <v>0</v>
      </c>
      <c r="IO21" s="345">
        <v>0</v>
      </c>
      <c r="IP21" s="345">
        <v>0</v>
      </c>
      <c r="IQ21" s="345">
        <v>0</v>
      </c>
      <c r="IR21" s="345">
        <v>209016</v>
      </c>
      <c r="IS21" s="345">
        <v>0</v>
      </c>
      <c r="IT21" s="346">
        <v>209016</v>
      </c>
      <c r="IU21" s="347">
        <v>209016</v>
      </c>
      <c r="IV21" s="348">
        <v>0</v>
      </c>
      <c r="IW21" s="345">
        <v>0</v>
      </c>
      <c r="IX21" s="349">
        <v>0</v>
      </c>
      <c r="IY21" s="404">
        <v>0</v>
      </c>
      <c r="IZ21" s="345">
        <v>0</v>
      </c>
      <c r="JA21" s="345">
        <v>0</v>
      </c>
      <c r="JB21" s="345">
        <v>0</v>
      </c>
      <c r="JC21" s="345">
        <v>16312</v>
      </c>
      <c r="JD21" s="345">
        <v>0</v>
      </c>
      <c r="JE21" s="349">
        <v>16312</v>
      </c>
      <c r="JF21" s="350">
        <v>16312</v>
      </c>
      <c r="JG21" s="348">
        <v>0</v>
      </c>
      <c r="JH21" s="345">
        <v>0</v>
      </c>
      <c r="JI21" s="346">
        <v>0</v>
      </c>
      <c r="JJ21" s="351">
        <v>0</v>
      </c>
      <c r="JK21" s="345">
        <v>386465</v>
      </c>
      <c r="JL21" s="345">
        <v>247287</v>
      </c>
      <c r="JM21" s="345">
        <v>435181</v>
      </c>
      <c r="JN21" s="345">
        <v>58432</v>
      </c>
      <c r="JO21" s="345">
        <v>0</v>
      </c>
      <c r="JP21" s="349">
        <v>1127365</v>
      </c>
      <c r="JQ21" s="347">
        <v>1127365</v>
      </c>
      <c r="JR21" s="348">
        <v>0</v>
      </c>
      <c r="JS21" s="345">
        <v>0</v>
      </c>
      <c r="JT21" s="346">
        <v>0</v>
      </c>
      <c r="JU21" s="351">
        <v>0</v>
      </c>
      <c r="JV21" s="345">
        <v>0</v>
      </c>
      <c r="JW21" s="345">
        <v>0</v>
      </c>
      <c r="JX21" s="345">
        <v>165369</v>
      </c>
      <c r="JY21" s="345">
        <v>159709</v>
      </c>
      <c r="JZ21" s="345">
        <v>0</v>
      </c>
      <c r="KA21" s="349">
        <v>325078</v>
      </c>
      <c r="KB21" s="347">
        <v>325078</v>
      </c>
      <c r="KC21" s="352">
        <v>0</v>
      </c>
      <c r="KD21" s="353">
        <v>0</v>
      </c>
      <c r="KE21" s="349">
        <v>0</v>
      </c>
      <c r="KF21" s="351">
        <v>0</v>
      </c>
      <c r="KG21" s="345">
        <v>100200</v>
      </c>
      <c r="KH21" s="345">
        <v>0</v>
      </c>
      <c r="KI21" s="345">
        <v>0</v>
      </c>
      <c r="KJ21" s="345">
        <v>494970</v>
      </c>
      <c r="KK21" s="345">
        <v>0</v>
      </c>
      <c r="KL21" s="349">
        <v>595170</v>
      </c>
      <c r="KM21" s="354">
        <v>595170</v>
      </c>
      <c r="KN21" s="342">
        <v>0</v>
      </c>
      <c r="KO21" s="343">
        <v>0</v>
      </c>
      <c r="KP21" s="344">
        <v>0</v>
      </c>
      <c r="KQ21" s="404">
        <v>0</v>
      </c>
      <c r="KR21" s="345">
        <v>246701</v>
      </c>
      <c r="KS21" s="345">
        <v>499169</v>
      </c>
      <c r="KT21" s="345">
        <v>0</v>
      </c>
      <c r="KU21" s="345">
        <v>0</v>
      </c>
      <c r="KV21" s="345">
        <v>281011</v>
      </c>
      <c r="KW21" s="349">
        <v>1026881</v>
      </c>
      <c r="KX21" s="347">
        <v>1026881</v>
      </c>
      <c r="KY21" s="348">
        <v>0</v>
      </c>
      <c r="KZ21" s="345">
        <v>0</v>
      </c>
      <c r="LA21" s="349">
        <v>0</v>
      </c>
      <c r="LB21" s="404">
        <v>0</v>
      </c>
      <c r="LC21" s="345">
        <v>0</v>
      </c>
      <c r="LD21" s="345">
        <v>0</v>
      </c>
      <c r="LE21" s="345">
        <v>0</v>
      </c>
      <c r="LF21" s="345">
        <v>0</v>
      </c>
      <c r="LG21" s="345">
        <v>0</v>
      </c>
      <c r="LH21" s="349">
        <v>0</v>
      </c>
      <c r="LI21" s="350">
        <v>0</v>
      </c>
      <c r="LJ21" s="348">
        <v>0</v>
      </c>
      <c r="LK21" s="345">
        <v>0</v>
      </c>
      <c r="LL21" s="349">
        <v>0</v>
      </c>
      <c r="LM21" s="404">
        <v>0</v>
      </c>
      <c r="LN21" s="345">
        <v>0</v>
      </c>
      <c r="LO21" s="345">
        <v>0</v>
      </c>
      <c r="LP21" s="345">
        <v>0</v>
      </c>
      <c r="LQ21" s="345">
        <v>565358</v>
      </c>
      <c r="LR21" s="345">
        <v>0</v>
      </c>
      <c r="LS21" s="349">
        <v>565358</v>
      </c>
      <c r="LT21" s="347">
        <v>565358</v>
      </c>
      <c r="LU21" s="348">
        <v>0</v>
      </c>
      <c r="LV21" s="345">
        <v>0</v>
      </c>
      <c r="LW21" s="349">
        <v>0</v>
      </c>
      <c r="LX21" s="404">
        <v>0</v>
      </c>
      <c r="LY21" s="345">
        <v>0</v>
      </c>
      <c r="LZ21" s="345">
        <v>179411</v>
      </c>
      <c r="MA21" s="345">
        <v>243994</v>
      </c>
      <c r="MB21" s="345">
        <v>0</v>
      </c>
      <c r="MC21" s="345">
        <v>0</v>
      </c>
      <c r="MD21" s="349">
        <v>423405</v>
      </c>
      <c r="ME21" s="350">
        <v>423405</v>
      </c>
      <c r="MF21" s="348">
        <v>0</v>
      </c>
      <c r="MG21" s="345">
        <v>0</v>
      </c>
      <c r="MH21" s="349">
        <v>0</v>
      </c>
      <c r="MI21" s="404">
        <v>0</v>
      </c>
      <c r="MJ21" s="345">
        <v>992141</v>
      </c>
      <c r="MK21" s="345">
        <v>1254160</v>
      </c>
      <c r="ML21" s="345">
        <v>3292600</v>
      </c>
      <c r="MM21" s="345">
        <v>4537328</v>
      </c>
      <c r="MN21" s="345">
        <v>1867602</v>
      </c>
      <c r="MO21" s="349">
        <v>11943831</v>
      </c>
      <c r="MP21" s="354">
        <v>11943831</v>
      </c>
      <c r="MQ21" s="348">
        <v>0</v>
      </c>
      <c r="MR21" s="345">
        <v>0</v>
      </c>
      <c r="MS21" s="349">
        <v>0</v>
      </c>
      <c r="MT21" s="404">
        <v>0</v>
      </c>
      <c r="MU21" s="345">
        <v>0</v>
      </c>
      <c r="MV21" s="345">
        <v>0</v>
      </c>
      <c r="MW21" s="345">
        <v>1798901</v>
      </c>
      <c r="MX21" s="345">
        <v>2617771</v>
      </c>
      <c r="MY21" s="345">
        <v>1142762</v>
      </c>
      <c r="MZ21" s="349">
        <v>5559434</v>
      </c>
      <c r="NA21" s="354">
        <v>5559434</v>
      </c>
      <c r="NB21" s="348">
        <v>0</v>
      </c>
      <c r="NC21" s="345">
        <v>0</v>
      </c>
      <c r="ND21" s="349">
        <v>0</v>
      </c>
      <c r="NE21" s="404">
        <v>0</v>
      </c>
      <c r="NF21" s="345">
        <v>992141</v>
      </c>
      <c r="NG21" s="345">
        <v>1254160</v>
      </c>
      <c r="NH21" s="345">
        <v>1493699</v>
      </c>
      <c r="NI21" s="345">
        <v>1919557</v>
      </c>
      <c r="NJ21" s="345">
        <v>313760</v>
      </c>
      <c r="NK21" s="349">
        <v>5973317</v>
      </c>
      <c r="NL21" s="347">
        <v>5973317</v>
      </c>
      <c r="NM21" s="348">
        <v>0</v>
      </c>
      <c r="NN21" s="345">
        <v>0</v>
      </c>
      <c r="NO21" s="349">
        <v>0</v>
      </c>
      <c r="NP21" s="404">
        <v>0</v>
      </c>
      <c r="NQ21" s="345">
        <v>0</v>
      </c>
      <c r="NR21" s="345">
        <v>0</v>
      </c>
      <c r="NS21" s="345">
        <v>0</v>
      </c>
      <c r="NT21" s="345">
        <v>0</v>
      </c>
      <c r="NU21" s="345">
        <v>0</v>
      </c>
      <c r="NV21" s="349">
        <v>0</v>
      </c>
      <c r="NW21" s="350">
        <v>0</v>
      </c>
      <c r="NX21" s="348">
        <v>0</v>
      </c>
      <c r="NY21" s="345">
        <v>0</v>
      </c>
      <c r="NZ21" s="349">
        <v>0</v>
      </c>
      <c r="OA21" s="404">
        <v>0</v>
      </c>
      <c r="OB21" s="345">
        <v>0</v>
      </c>
      <c r="OC21" s="345">
        <v>0</v>
      </c>
      <c r="OD21" s="345">
        <v>0</v>
      </c>
      <c r="OE21" s="345">
        <v>0</v>
      </c>
      <c r="OF21" s="345">
        <v>411080</v>
      </c>
      <c r="OG21" s="349">
        <v>411080</v>
      </c>
      <c r="OH21" s="350">
        <v>411080</v>
      </c>
      <c r="OI21" s="348">
        <v>343395</v>
      </c>
      <c r="OJ21" s="345">
        <v>917072</v>
      </c>
      <c r="OK21" s="346">
        <v>1260467</v>
      </c>
      <c r="OL21" s="351">
        <v>0</v>
      </c>
      <c r="OM21" s="345">
        <v>5331687</v>
      </c>
      <c r="ON21" s="345">
        <v>9553216</v>
      </c>
      <c r="OO21" s="345">
        <v>8091300</v>
      </c>
      <c r="OP21" s="345">
        <v>9980776</v>
      </c>
      <c r="OQ21" s="345">
        <v>4970797</v>
      </c>
      <c r="OR21" s="349">
        <v>37927776</v>
      </c>
      <c r="OS21" s="354">
        <v>39188243</v>
      </c>
    </row>
    <row r="22" spans="2:409" s="70" customFormat="1" ht="21" customHeight="1" x14ac:dyDescent="0.2">
      <c r="B22" s="410" t="s">
        <v>17</v>
      </c>
      <c r="C22" s="326">
        <v>455401</v>
      </c>
      <c r="D22" s="327">
        <v>685493</v>
      </c>
      <c r="E22" s="328">
        <v>1140894</v>
      </c>
      <c r="F22" s="329">
        <v>0</v>
      </c>
      <c r="G22" s="327">
        <v>4213616</v>
      </c>
      <c r="H22" s="327">
        <v>8330448</v>
      </c>
      <c r="I22" s="327">
        <v>6335500</v>
      </c>
      <c r="J22" s="327">
        <v>2242693</v>
      </c>
      <c r="K22" s="327">
        <v>2414502</v>
      </c>
      <c r="L22" s="329">
        <v>23536759</v>
      </c>
      <c r="M22" s="330">
        <v>24677653</v>
      </c>
      <c r="N22" s="326">
        <v>88056</v>
      </c>
      <c r="O22" s="327">
        <v>145318</v>
      </c>
      <c r="P22" s="328">
        <v>233374</v>
      </c>
      <c r="Q22" s="326">
        <v>0</v>
      </c>
      <c r="R22" s="327">
        <v>1292280</v>
      </c>
      <c r="S22" s="327">
        <v>1931646</v>
      </c>
      <c r="T22" s="327">
        <v>2183954</v>
      </c>
      <c r="U22" s="327">
        <v>1221450</v>
      </c>
      <c r="V22" s="327">
        <v>1395558</v>
      </c>
      <c r="W22" s="328">
        <v>8024888</v>
      </c>
      <c r="X22" s="330">
        <v>8258262</v>
      </c>
      <c r="Y22" s="326">
        <v>0</v>
      </c>
      <c r="Z22" s="327">
        <v>0</v>
      </c>
      <c r="AA22" s="328">
        <v>0</v>
      </c>
      <c r="AB22" s="326">
        <v>0</v>
      </c>
      <c r="AC22" s="327">
        <v>497489</v>
      </c>
      <c r="AD22" s="327">
        <v>796318</v>
      </c>
      <c r="AE22" s="327">
        <v>1181118</v>
      </c>
      <c r="AF22" s="327">
        <v>923162</v>
      </c>
      <c r="AG22" s="327">
        <v>1201667</v>
      </c>
      <c r="AH22" s="328">
        <v>4599754</v>
      </c>
      <c r="AI22" s="330">
        <v>4599754</v>
      </c>
      <c r="AJ22" s="326">
        <v>0</v>
      </c>
      <c r="AK22" s="327">
        <v>0</v>
      </c>
      <c r="AL22" s="328">
        <v>0</v>
      </c>
      <c r="AM22" s="326">
        <v>0</v>
      </c>
      <c r="AN22" s="327">
        <v>61216</v>
      </c>
      <c r="AO22" s="327">
        <v>0</v>
      </c>
      <c r="AP22" s="327">
        <v>0</v>
      </c>
      <c r="AQ22" s="327">
        <v>0</v>
      </c>
      <c r="AR22" s="327">
        <v>0</v>
      </c>
      <c r="AS22" s="328">
        <v>61216</v>
      </c>
      <c r="AT22" s="330">
        <v>61216</v>
      </c>
      <c r="AU22" s="326">
        <v>0</v>
      </c>
      <c r="AV22" s="327">
        <v>84509</v>
      </c>
      <c r="AW22" s="328">
        <v>84509</v>
      </c>
      <c r="AX22" s="326">
        <v>0</v>
      </c>
      <c r="AY22" s="327">
        <v>535606</v>
      </c>
      <c r="AZ22" s="327">
        <v>642232</v>
      </c>
      <c r="BA22" s="327">
        <v>515592</v>
      </c>
      <c r="BB22" s="327">
        <v>155984</v>
      </c>
      <c r="BC22" s="327">
        <v>26387</v>
      </c>
      <c r="BD22" s="328">
        <v>1875801</v>
      </c>
      <c r="BE22" s="330">
        <v>1960310</v>
      </c>
      <c r="BF22" s="326">
        <v>0</v>
      </c>
      <c r="BG22" s="327">
        <v>36777</v>
      </c>
      <c r="BH22" s="331">
        <v>36777</v>
      </c>
      <c r="BI22" s="332">
        <v>0</v>
      </c>
      <c r="BJ22" s="327">
        <v>20065</v>
      </c>
      <c r="BK22" s="327">
        <v>36232</v>
      </c>
      <c r="BL22" s="327">
        <v>102260</v>
      </c>
      <c r="BM22" s="327">
        <v>0</v>
      </c>
      <c r="BN22" s="327">
        <v>36232</v>
      </c>
      <c r="BO22" s="328">
        <v>194789</v>
      </c>
      <c r="BP22" s="330">
        <v>231566</v>
      </c>
      <c r="BQ22" s="326">
        <v>88056</v>
      </c>
      <c r="BR22" s="327">
        <v>24032</v>
      </c>
      <c r="BS22" s="328">
        <v>112088</v>
      </c>
      <c r="BT22" s="326">
        <v>0</v>
      </c>
      <c r="BU22" s="327">
        <v>177904</v>
      </c>
      <c r="BV22" s="327">
        <v>456864</v>
      </c>
      <c r="BW22" s="327">
        <v>384984</v>
      </c>
      <c r="BX22" s="327">
        <v>142304</v>
      </c>
      <c r="BY22" s="327">
        <v>131272</v>
      </c>
      <c r="BZ22" s="328">
        <v>1293328</v>
      </c>
      <c r="CA22" s="330">
        <v>1405416</v>
      </c>
      <c r="CB22" s="326">
        <v>89790</v>
      </c>
      <c r="CC22" s="327">
        <v>121866</v>
      </c>
      <c r="CD22" s="328">
        <v>211656</v>
      </c>
      <c r="CE22" s="326">
        <v>0</v>
      </c>
      <c r="CF22" s="327">
        <v>1126957</v>
      </c>
      <c r="CG22" s="327">
        <v>2346818</v>
      </c>
      <c r="CH22" s="327">
        <v>1757929</v>
      </c>
      <c r="CI22" s="327">
        <v>198481</v>
      </c>
      <c r="CJ22" s="327">
        <v>321410</v>
      </c>
      <c r="CK22" s="328">
        <v>5751595</v>
      </c>
      <c r="CL22" s="330">
        <v>5963251</v>
      </c>
      <c r="CM22" s="326">
        <v>0</v>
      </c>
      <c r="CN22" s="327">
        <v>0</v>
      </c>
      <c r="CO22" s="328">
        <v>0</v>
      </c>
      <c r="CP22" s="332">
        <v>0</v>
      </c>
      <c r="CQ22" s="327">
        <v>1002500</v>
      </c>
      <c r="CR22" s="327">
        <v>1483582</v>
      </c>
      <c r="CS22" s="327">
        <v>1233164</v>
      </c>
      <c r="CT22" s="327">
        <v>119041</v>
      </c>
      <c r="CU22" s="327">
        <v>44676</v>
      </c>
      <c r="CV22" s="328">
        <v>3882963</v>
      </c>
      <c r="CW22" s="330">
        <v>3882963</v>
      </c>
      <c r="CX22" s="326">
        <v>89790</v>
      </c>
      <c r="CY22" s="327">
        <v>121866</v>
      </c>
      <c r="CZ22" s="328">
        <v>211656</v>
      </c>
      <c r="DA22" s="326">
        <v>0</v>
      </c>
      <c r="DB22" s="327">
        <v>124457</v>
      </c>
      <c r="DC22" s="327">
        <v>863236</v>
      </c>
      <c r="DD22" s="327">
        <v>524765</v>
      </c>
      <c r="DE22" s="327">
        <v>79440</v>
      </c>
      <c r="DF22" s="327">
        <v>276734</v>
      </c>
      <c r="DG22" s="328">
        <v>1868632</v>
      </c>
      <c r="DH22" s="330">
        <v>2080288</v>
      </c>
      <c r="DI22" s="326">
        <v>0</v>
      </c>
      <c r="DJ22" s="327">
        <v>35192</v>
      </c>
      <c r="DK22" s="331">
        <v>35192</v>
      </c>
      <c r="DL22" s="332">
        <v>0</v>
      </c>
      <c r="DM22" s="327">
        <v>239140</v>
      </c>
      <c r="DN22" s="327">
        <v>695037</v>
      </c>
      <c r="DO22" s="327">
        <v>613763</v>
      </c>
      <c r="DP22" s="327">
        <v>241785</v>
      </c>
      <c r="DQ22" s="327">
        <v>284038</v>
      </c>
      <c r="DR22" s="328">
        <v>2073763</v>
      </c>
      <c r="DS22" s="330">
        <v>2108955</v>
      </c>
      <c r="DT22" s="326">
        <v>0</v>
      </c>
      <c r="DU22" s="327">
        <v>35192</v>
      </c>
      <c r="DV22" s="328">
        <v>35192</v>
      </c>
      <c r="DW22" s="326">
        <v>0</v>
      </c>
      <c r="DX22" s="327">
        <v>239140</v>
      </c>
      <c r="DY22" s="327">
        <v>551354</v>
      </c>
      <c r="DZ22" s="327">
        <v>468407</v>
      </c>
      <c r="EA22" s="327">
        <v>241785</v>
      </c>
      <c r="EB22" s="327">
        <v>284038</v>
      </c>
      <c r="EC22" s="328">
        <v>1784724</v>
      </c>
      <c r="ED22" s="330">
        <v>1819916</v>
      </c>
      <c r="EE22" s="326">
        <v>0</v>
      </c>
      <c r="EF22" s="331">
        <v>0</v>
      </c>
      <c r="EG22" s="328">
        <v>0</v>
      </c>
      <c r="EH22" s="326">
        <v>0</v>
      </c>
      <c r="EI22" s="327">
        <v>0</v>
      </c>
      <c r="EJ22" s="327">
        <v>143683</v>
      </c>
      <c r="EK22" s="327">
        <v>145356</v>
      </c>
      <c r="EL22" s="327">
        <v>0</v>
      </c>
      <c r="EM22" s="327">
        <v>0</v>
      </c>
      <c r="EN22" s="331">
        <v>289039</v>
      </c>
      <c r="EO22" s="330">
        <v>289039</v>
      </c>
      <c r="EP22" s="326">
        <v>0</v>
      </c>
      <c r="EQ22" s="327">
        <v>0</v>
      </c>
      <c r="ER22" s="331">
        <v>0</v>
      </c>
      <c r="ES22" s="332">
        <v>0</v>
      </c>
      <c r="ET22" s="327">
        <v>0</v>
      </c>
      <c r="EU22" s="327">
        <v>0</v>
      </c>
      <c r="EV22" s="327">
        <v>0</v>
      </c>
      <c r="EW22" s="327">
        <v>0</v>
      </c>
      <c r="EX22" s="327">
        <v>0</v>
      </c>
      <c r="EY22" s="328">
        <v>0</v>
      </c>
      <c r="EZ22" s="330">
        <v>0</v>
      </c>
      <c r="FA22" s="326">
        <v>0</v>
      </c>
      <c r="FB22" s="327">
        <v>0</v>
      </c>
      <c r="FC22" s="331">
        <v>0</v>
      </c>
      <c r="FD22" s="332">
        <v>0</v>
      </c>
      <c r="FE22" s="327">
        <v>0</v>
      </c>
      <c r="FF22" s="327">
        <v>0</v>
      </c>
      <c r="FG22" s="327">
        <v>0</v>
      </c>
      <c r="FH22" s="327">
        <v>0</v>
      </c>
      <c r="FI22" s="327">
        <v>0</v>
      </c>
      <c r="FJ22" s="328">
        <v>0</v>
      </c>
      <c r="FK22" s="330">
        <v>0</v>
      </c>
      <c r="FL22" s="326">
        <v>50656</v>
      </c>
      <c r="FM22" s="327">
        <v>191053</v>
      </c>
      <c r="FN22" s="328">
        <v>241709</v>
      </c>
      <c r="FO22" s="326">
        <v>0</v>
      </c>
      <c r="FP22" s="327">
        <v>283408</v>
      </c>
      <c r="FQ22" s="327">
        <v>806849</v>
      </c>
      <c r="FR22" s="327">
        <v>525352</v>
      </c>
      <c r="FS22" s="327">
        <v>130624</v>
      </c>
      <c r="FT22" s="327">
        <v>166144</v>
      </c>
      <c r="FU22" s="328">
        <v>1912377</v>
      </c>
      <c r="FV22" s="330">
        <v>2154086</v>
      </c>
      <c r="FW22" s="333">
        <v>50656</v>
      </c>
      <c r="FX22" s="327">
        <v>162200</v>
      </c>
      <c r="FY22" s="331">
        <v>212856</v>
      </c>
      <c r="FZ22" s="332">
        <v>0</v>
      </c>
      <c r="GA22" s="327">
        <v>96128</v>
      </c>
      <c r="GB22" s="327">
        <v>741096</v>
      </c>
      <c r="GC22" s="327">
        <v>493896</v>
      </c>
      <c r="GD22" s="327">
        <v>98944</v>
      </c>
      <c r="GE22" s="327">
        <v>166144</v>
      </c>
      <c r="GF22" s="328">
        <v>1596208</v>
      </c>
      <c r="GG22" s="334">
        <v>1809064</v>
      </c>
      <c r="GH22" s="333">
        <v>0</v>
      </c>
      <c r="GI22" s="327">
        <v>0</v>
      </c>
      <c r="GJ22" s="331">
        <v>0</v>
      </c>
      <c r="GK22" s="332">
        <v>0</v>
      </c>
      <c r="GL22" s="327">
        <v>55280</v>
      </c>
      <c r="GM22" s="327">
        <v>26400</v>
      </c>
      <c r="GN22" s="327">
        <v>18656</v>
      </c>
      <c r="GO22" s="327">
        <v>31680</v>
      </c>
      <c r="GP22" s="327">
        <v>0</v>
      </c>
      <c r="GQ22" s="328">
        <v>132016</v>
      </c>
      <c r="GR22" s="330">
        <v>132016</v>
      </c>
      <c r="GS22" s="326">
        <v>0</v>
      </c>
      <c r="GT22" s="327">
        <v>28853</v>
      </c>
      <c r="GU22" s="328">
        <v>28853</v>
      </c>
      <c r="GV22" s="326">
        <v>0</v>
      </c>
      <c r="GW22" s="327">
        <v>132000</v>
      </c>
      <c r="GX22" s="327">
        <v>39353</v>
      </c>
      <c r="GY22" s="327">
        <v>12800</v>
      </c>
      <c r="GZ22" s="327">
        <v>0</v>
      </c>
      <c r="HA22" s="327">
        <v>0</v>
      </c>
      <c r="HB22" s="331">
        <v>184153</v>
      </c>
      <c r="HC22" s="330">
        <v>213006</v>
      </c>
      <c r="HD22" s="326">
        <v>226899</v>
      </c>
      <c r="HE22" s="327">
        <v>192064</v>
      </c>
      <c r="HF22" s="331">
        <v>418963</v>
      </c>
      <c r="HG22" s="332">
        <v>0</v>
      </c>
      <c r="HH22" s="327">
        <v>1271831</v>
      </c>
      <c r="HI22" s="327">
        <v>2550098</v>
      </c>
      <c r="HJ22" s="327">
        <v>1254502</v>
      </c>
      <c r="HK22" s="327">
        <v>450353</v>
      </c>
      <c r="HL22" s="327">
        <v>247352</v>
      </c>
      <c r="HM22" s="328">
        <v>5774136</v>
      </c>
      <c r="HN22" s="329">
        <v>6193099</v>
      </c>
      <c r="HO22" s="333">
        <v>0</v>
      </c>
      <c r="HP22" s="327">
        <v>0</v>
      </c>
      <c r="HQ22" s="328">
        <v>0</v>
      </c>
      <c r="HR22" s="326">
        <v>0</v>
      </c>
      <c r="HS22" s="327">
        <v>0</v>
      </c>
      <c r="HT22" s="327">
        <v>0</v>
      </c>
      <c r="HU22" s="327">
        <v>0</v>
      </c>
      <c r="HV22" s="327">
        <v>0</v>
      </c>
      <c r="HW22" s="327">
        <v>0</v>
      </c>
      <c r="HX22" s="331">
        <v>0</v>
      </c>
      <c r="HY22" s="330">
        <v>0</v>
      </c>
      <c r="HZ22" s="358">
        <v>0</v>
      </c>
      <c r="IA22" s="356">
        <v>0</v>
      </c>
      <c r="IB22" s="358">
        <v>0</v>
      </c>
      <c r="IC22" s="355">
        <v>0</v>
      </c>
      <c r="ID22" s="356">
        <v>812237</v>
      </c>
      <c r="IE22" s="357">
        <v>2646741</v>
      </c>
      <c r="IF22" s="358">
        <v>1987895</v>
      </c>
      <c r="IG22" s="356">
        <v>1421223</v>
      </c>
      <c r="IH22" s="358">
        <v>913081</v>
      </c>
      <c r="II22" s="359">
        <v>7781177</v>
      </c>
      <c r="IJ22" s="358">
        <v>7781177</v>
      </c>
      <c r="IK22" s="342">
        <v>0</v>
      </c>
      <c r="IL22" s="343">
        <v>0</v>
      </c>
      <c r="IM22" s="344">
        <v>0</v>
      </c>
      <c r="IN22" s="404">
        <v>0</v>
      </c>
      <c r="IO22" s="345">
        <v>0</v>
      </c>
      <c r="IP22" s="345">
        <v>0</v>
      </c>
      <c r="IQ22" s="345">
        <v>0</v>
      </c>
      <c r="IR22" s="345">
        <v>0</v>
      </c>
      <c r="IS22" s="345">
        <v>0</v>
      </c>
      <c r="IT22" s="346">
        <v>0</v>
      </c>
      <c r="IU22" s="347">
        <v>0</v>
      </c>
      <c r="IV22" s="348">
        <v>0</v>
      </c>
      <c r="IW22" s="345">
        <v>0</v>
      </c>
      <c r="IX22" s="349">
        <v>0</v>
      </c>
      <c r="IY22" s="404">
        <v>0</v>
      </c>
      <c r="IZ22" s="345">
        <v>0</v>
      </c>
      <c r="JA22" s="345">
        <v>0</v>
      </c>
      <c r="JB22" s="345">
        <v>0</v>
      </c>
      <c r="JC22" s="345">
        <v>0</v>
      </c>
      <c r="JD22" s="345">
        <v>0</v>
      </c>
      <c r="JE22" s="349">
        <v>0</v>
      </c>
      <c r="JF22" s="350">
        <v>0</v>
      </c>
      <c r="JG22" s="348">
        <v>0</v>
      </c>
      <c r="JH22" s="345">
        <v>0</v>
      </c>
      <c r="JI22" s="346">
        <v>0</v>
      </c>
      <c r="JJ22" s="351">
        <v>0</v>
      </c>
      <c r="JK22" s="345">
        <v>785388</v>
      </c>
      <c r="JL22" s="345">
        <v>1428317</v>
      </c>
      <c r="JM22" s="345">
        <v>653365</v>
      </c>
      <c r="JN22" s="345">
        <v>554692</v>
      </c>
      <c r="JO22" s="345">
        <v>306780</v>
      </c>
      <c r="JP22" s="349">
        <v>3728542</v>
      </c>
      <c r="JQ22" s="347">
        <v>3728542</v>
      </c>
      <c r="JR22" s="348">
        <v>0</v>
      </c>
      <c r="JS22" s="345">
        <v>0</v>
      </c>
      <c r="JT22" s="346">
        <v>0</v>
      </c>
      <c r="JU22" s="351">
        <v>0</v>
      </c>
      <c r="JV22" s="345">
        <v>26849</v>
      </c>
      <c r="JW22" s="345">
        <v>69346</v>
      </c>
      <c r="JX22" s="345">
        <v>0</v>
      </c>
      <c r="JY22" s="345">
        <v>0</v>
      </c>
      <c r="JZ22" s="345">
        <v>0</v>
      </c>
      <c r="KA22" s="349">
        <v>96195</v>
      </c>
      <c r="KB22" s="347">
        <v>96195</v>
      </c>
      <c r="KC22" s="352">
        <v>0</v>
      </c>
      <c r="KD22" s="353">
        <v>0</v>
      </c>
      <c r="KE22" s="349">
        <v>0</v>
      </c>
      <c r="KF22" s="351">
        <v>0</v>
      </c>
      <c r="KG22" s="345">
        <v>0</v>
      </c>
      <c r="KH22" s="345">
        <v>363288</v>
      </c>
      <c r="KI22" s="345">
        <v>252580</v>
      </c>
      <c r="KJ22" s="345">
        <v>0</v>
      </c>
      <c r="KK22" s="345">
        <v>302520</v>
      </c>
      <c r="KL22" s="349">
        <v>918388</v>
      </c>
      <c r="KM22" s="354">
        <v>918388</v>
      </c>
      <c r="KN22" s="342">
        <v>0</v>
      </c>
      <c r="KO22" s="343">
        <v>0</v>
      </c>
      <c r="KP22" s="344">
        <v>0</v>
      </c>
      <c r="KQ22" s="404">
        <v>0</v>
      </c>
      <c r="KR22" s="345">
        <v>0</v>
      </c>
      <c r="KS22" s="345">
        <v>785790</v>
      </c>
      <c r="KT22" s="345">
        <v>1081950</v>
      </c>
      <c r="KU22" s="345">
        <v>0</v>
      </c>
      <c r="KV22" s="345">
        <v>0</v>
      </c>
      <c r="KW22" s="349">
        <v>1867740</v>
      </c>
      <c r="KX22" s="347">
        <v>1867740</v>
      </c>
      <c r="KY22" s="348">
        <v>0</v>
      </c>
      <c r="KZ22" s="345">
        <v>0</v>
      </c>
      <c r="LA22" s="349">
        <v>0</v>
      </c>
      <c r="LB22" s="404">
        <v>0</v>
      </c>
      <c r="LC22" s="345">
        <v>0</v>
      </c>
      <c r="LD22" s="345">
        <v>0</v>
      </c>
      <c r="LE22" s="345">
        <v>0</v>
      </c>
      <c r="LF22" s="345">
        <v>0</v>
      </c>
      <c r="LG22" s="345">
        <v>0</v>
      </c>
      <c r="LH22" s="349">
        <v>0</v>
      </c>
      <c r="LI22" s="350">
        <v>0</v>
      </c>
      <c r="LJ22" s="348">
        <v>0</v>
      </c>
      <c r="LK22" s="345">
        <v>0</v>
      </c>
      <c r="LL22" s="349">
        <v>0</v>
      </c>
      <c r="LM22" s="404">
        <v>0</v>
      </c>
      <c r="LN22" s="345">
        <v>0</v>
      </c>
      <c r="LO22" s="345">
        <v>0</v>
      </c>
      <c r="LP22" s="345">
        <v>0</v>
      </c>
      <c r="LQ22" s="345">
        <v>866531</v>
      </c>
      <c r="LR22" s="345">
        <v>303781</v>
      </c>
      <c r="LS22" s="349">
        <v>1170312</v>
      </c>
      <c r="LT22" s="347">
        <v>1170312</v>
      </c>
      <c r="LU22" s="348">
        <v>0</v>
      </c>
      <c r="LV22" s="345">
        <v>0</v>
      </c>
      <c r="LW22" s="349">
        <v>0</v>
      </c>
      <c r="LX22" s="404">
        <v>0</v>
      </c>
      <c r="LY22" s="345">
        <v>0</v>
      </c>
      <c r="LZ22" s="345">
        <v>0</v>
      </c>
      <c r="MA22" s="345">
        <v>0</v>
      </c>
      <c r="MB22" s="345">
        <v>0</v>
      </c>
      <c r="MC22" s="345">
        <v>0</v>
      </c>
      <c r="MD22" s="349">
        <v>0</v>
      </c>
      <c r="ME22" s="350">
        <v>0</v>
      </c>
      <c r="MF22" s="348">
        <v>0</v>
      </c>
      <c r="MG22" s="345">
        <v>0</v>
      </c>
      <c r="MH22" s="349">
        <v>0</v>
      </c>
      <c r="MI22" s="404">
        <v>0</v>
      </c>
      <c r="MJ22" s="345">
        <v>232422</v>
      </c>
      <c r="MK22" s="345">
        <v>655126</v>
      </c>
      <c r="ML22" s="345">
        <v>3102143</v>
      </c>
      <c r="MM22" s="345">
        <v>4090832</v>
      </c>
      <c r="MN22" s="345">
        <v>5170398</v>
      </c>
      <c r="MO22" s="349">
        <v>13250921</v>
      </c>
      <c r="MP22" s="354">
        <v>13250921</v>
      </c>
      <c r="MQ22" s="348">
        <v>0</v>
      </c>
      <c r="MR22" s="345">
        <v>0</v>
      </c>
      <c r="MS22" s="349">
        <v>0</v>
      </c>
      <c r="MT22" s="404">
        <v>0</v>
      </c>
      <c r="MU22" s="345">
        <v>0</v>
      </c>
      <c r="MV22" s="345">
        <v>0</v>
      </c>
      <c r="MW22" s="345">
        <v>1350320</v>
      </c>
      <c r="MX22" s="345">
        <v>3447744</v>
      </c>
      <c r="MY22" s="345">
        <v>3579930</v>
      </c>
      <c r="MZ22" s="349">
        <v>8377994</v>
      </c>
      <c r="NA22" s="354">
        <v>8377994</v>
      </c>
      <c r="NB22" s="348">
        <v>0</v>
      </c>
      <c r="NC22" s="345">
        <v>0</v>
      </c>
      <c r="ND22" s="349">
        <v>0</v>
      </c>
      <c r="NE22" s="404">
        <v>0</v>
      </c>
      <c r="NF22" s="345">
        <v>232422</v>
      </c>
      <c r="NG22" s="345">
        <v>655126</v>
      </c>
      <c r="NH22" s="345">
        <v>1751823</v>
      </c>
      <c r="NI22" s="345">
        <v>643088</v>
      </c>
      <c r="NJ22" s="345">
        <v>1590468</v>
      </c>
      <c r="NK22" s="349">
        <v>4872927</v>
      </c>
      <c r="NL22" s="347">
        <v>4872927</v>
      </c>
      <c r="NM22" s="348">
        <v>0</v>
      </c>
      <c r="NN22" s="345">
        <v>0</v>
      </c>
      <c r="NO22" s="349">
        <v>0</v>
      </c>
      <c r="NP22" s="404">
        <v>0</v>
      </c>
      <c r="NQ22" s="345">
        <v>0</v>
      </c>
      <c r="NR22" s="345">
        <v>0</v>
      </c>
      <c r="NS22" s="345">
        <v>0</v>
      </c>
      <c r="NT22" s="345">
        <v>0</v>
      </c>
      <c r="NU22" s="345">
        <v>0</v>
      </c>
      <c r="NV22" s="349">
        <v>0</v>
      </c>
      <c r="NW22" s="350">
        <v>0</v>
      </c>
      <c r="NX22" s="348">
        <v>0</v>
      </c>
      <c r="NY22" s="345">
        <v>0</v>
      </c>
      <c r="NZ22" s="349">
        <v>0</v>
      </c>
      <c r="OA22" s="404">
        <v>0</v>
      </c>
      <c r="OB22" s="345">
        <v>0</v>
      </c>
      <c r="OC22" s="345">
        <v>0</v>
      </c>
      <c r="OD22" s="345">
        <v>0</v>
      </c>
      <c r="OE22" s="345">
        <v>0</v>
      </c>
      <c r="OF22" s="345">
        <v>0</v>
      </c>
      <c r="OG22" s="349">
        <v>0</v>
      </c>
      <c r="OH22" s="350">
        <v>0</v>
      </c>
      <c r="OI22" s="348">
        <v>455401</v>
      </c>
      <c r="OJ22" s="345">
        <v>685493</v>
      </c>
      <c r="OK22" s="346">
        <v>1140894</v>
      </c>
      <c r="OL22" s="351">
        <v>0</v>
      </c>
      <c r="OM22" s="345">
        <v>5258275</v>
      </c>
      <c r="ON22" s="345">
        <v>11632315</v>
      </c>
      <c r="OO22" s="345">
        <v>11425538</v>
      </c>
      <c r="OP22" s="345">
        <v>7754748</v>
      </c>
      <c r="OQ22" s="345">
        <v>8497981</v>
      </c>
      <c r="OR22" s="349">
        <v>44568857</v>
      </c>
      <c r="OS22" s="354">
        <v>45709751</v>
      </c>
    </row>
    <row r="23" spans="2:409" s="70" customFormat="1" ht="21" customHeight="1" x14ac:dyDescent="0.2">
      <c r="B23" s="410" t="s">
        <v>18</v>
      </c>
      <c r="C23" s="326">
        <v>597262</v>
      </c>
      <c r="D23" s="327">
        <v>973902</v>
      </c>
      <c r="E23" s="328">
        <v>1571164</v>
      </c>
      <c r="F23" s="329">
        <v>0</v>
      </c>
      <c r="G23" s="327">
        <v>8551054</v>
      </c>
      <c r="H23" s="327">
        <v>7276198</v>
      </c>
      <c r="I23" s="327">
        <v>8828345</v>
      </c>
      <c r="J23" s="327">
        <v>6134959</v>
      </c>
      <c r="K23" s="327">
        <v>4489696</v>
      </c>
      <c r="L23" s="329">
        <v>35280252</v>
      </c>
      <c r="M23" s="330">
        <v>36851416</v>
      </c>
      <c r="N23" s="326">
        <v>238432</v>
      </c>
      <c r="O23" s="327">
        <v>376912</v>
      </c>
      <c r="P23" s="328">
        <v>615344</v>
      </c>
      <c r="Q23" s="326">
        <v>0</v>
      </c>
      <c r="R23" s="327">
        <v>2756186</v>
      </c>
      <c r="S23" s="327">
        <v>2419474</v>
      </c>
      <c r="T23" s="327">
        <v>2370933</v>
      </c>
      <c r="U23" s="327">
        <v>2821182</v>
      </c>
      <c r="V23" s="327">
        <v>2531506</v>
      </c>
      <c r="W23" s="328">
        <v>12899281</v>
      </c>
      <c r="X23" s="330">
        <v>13514625</v>
      </c>
      <c r="Y23" s="326">
        <v>0</v>
      </c>
      <c r="Z23" s="327">
        <v>0</v>
      </c>
      <c r="AA23" s="328">
        <v>0</v>
      </c>
      <c r="AB23" s="326">
        <v>0</v>
      </c>
      <c r="AC23" s="327">
        <v>1344087</v>
      </c>
      <c r="AD23" s="327">
        <v>750190</v>
      </c>
      <c r="AE23" s="327">
        <v>1341100</v>
      </c>
      <c r="AF23" s="327">
        <v>1477322</v>
      </c>
      <c r="AG23" s="327">
        <v>1709764</v>
      </c>
      <c r="AH23" s="328">
        <v>6622463</v>
      </c>
      <c r="AI23" s="330">
        <v>6622463</v>
      </c>
      <c r="AJ23" s="326">
        <v>0</v>
      </c>
      <c r="AK23" s="327">
        <v>0</v>
      </c>
      <c r="AL23" s="328">
        <v>0</v>
      </c>
      <c r="AM23" s="326">
        <v>0</v>
      </c>
      <c r="AN23" s="327">
        <v>0</v>
      </c>
      <c r="AO23" s="327">
        <v>0</v>
      </c>
      <c r="AP23" s="327">
        <v>0</v>
      </c>
      <c r="AQ23" s="327">
        <v>477014</v>
      </c>
      <c r="AR23" s="327">
        <v>144107</v>
      </c>
      <c r="AS23" s="328">
        <v>621121</v>
      </c>
      <c r="AT23" s="330">
        <v>621121</v>
      </c>
      <c r="AU23" s="326">
        <v>151094</v>
      </c>
      <c r="AV23" s="327">
        <v>309716</v>
      </c>
      <c r="AW23" s="328">
        <v>460810</v>
      </c>
      <c r="AX23" s="326">
        <v>0</v>
      </c>
      <c r="AY23" s="327">
        <v>834962</v>
      </c>
      <c r="AZ23" s="327">
        <v>1075860</v>
      </c>
      <c r="BA23" s="327">
        <v>374620</v>
      </c>
      <c r="BB23" s="327">
        <v>376959</v>
      </c>
      <c r="BC23" s="327">
        <v>376371</v>
      </c>
      <c r="BD23" s="328">
        <v>3038772</v>
      </c>
      <c r="BE23" s="330">
        <v>3499582</v>
      </c>
      <c r="BF23" s="326">
        <v>15394</v>
      </c>
      <c r="BG23" s="327">
        <v>30788</v>
      </c>
      <c r="BH23" s="331">
        <v>46182</v>
      </c>
      <c r="BI23" s="332">
        <v>0</v>
      </c>
      <c r="BJ23" s="327">
        <v>24281</v>
      </c>
      <c r="BK23" s="327">
        <v>246656</v>
      </c>
      <c r="BL23" s="327">
        <v>145749</v>
      </c>
      <c r="BM23" s="327">
        <v>27927</v>
      </c>
      <c r="BN23" s="327">
        <v>0</v>
      </c>
      <c r="BO23" s="328">
        <v>444613</v>
      </c>
      <c r="BP23" s="330">
        <v>490795</v>
      </c>
      <c r="BQ23" s="326">
        <v>71944</v>
      </c>
      <c r="BR23" s="327">
        <v>36408</v>
      </c>
      <c r="BS23" s="328">
        <v>108352</v>
      </c>
      <c r="BT23" s="326">
        <v>0</v>
      </c>
      <c r="BU23" s="327">
        <v>552856</v>
      </c>
      <c r="BV23" s="327">
        <v>346768</v>
      </c>
      <c r="BW23" s="327">
        <v>509464</v>
      </c>
      <c r="BX23" s="327">
        <v>461960</v>
      </c>
      <c r="BY23" s="327">
        <v>301264</v>
      </c>
      <c r="BZ23" s="328">
        <v>2172312</v>
      </c>
      <c r="CA23" s="330">
        <v>2280664</v>
      </c>
      <c r="CB23" s="326">
        <v>48174</v>
      </c>
      <c r="CC23" s="327">
        <v>316063</v>
      </c>
      <c r="CD23" s="328">
        <v>364237</v>
      </c>
      <c r="CE23" s="326">
        <v>0</v>
      </c>
      <c r="CF23" s="327">
        <v>2874619</v>
      </c>
      <c r="CG23" s="327">
        <v>2047915</v>
      </c>
      <c r="CH23" s="327">
        <v>2202101</v>
      </c>
      <c r="CI23" s="327">
        <v>507082</v>
      </c>
      <c r="CJ23" s="327">
        <v>346337</v>
      </c>
      <c r="CK23" s="328">
        <v>7978054</v>
      </c>
      <c r="CL23" s="330">
        <v>8342291</v>
      </c>
      <c r="CM23" s="326">
        <v>0</v>
      </c>
      <c r="CN23" s="327">
        <v>0</v>
      </c>
      <c r="CO23" s="328">
        <v>0</v>
      </c>
      <c r="CP23" s="332">
        <v>0</v>
      </c>
      <c r="CQ23" s="327">
        <v>2433443</v>
      </c>
      <c r="CR23" s="327">
        <v>1784452</v>
      </c>
      <c r="CS23" s="327">
        <v>1733147</v>
      </c>
      <c r="CT23" s="327">
        <v>381455</v>
      </c>
      <c r="CU23" s="327">
        <v>309962</v>
      </c>
      <c r="CV23" s="328">
        <v>6642459</v>
      </c>
      <c r="CW23" s="330">
        <v>6642459</v>
      </c>
      <c r="CX23" s="326">
        <v>48174</v>
      </c>
      <c r="CY23" s="327">
        <v>316063</v>
      </c>
      <c r="CZ23" s="328">
        <v>364237</v>
      </c>
      <c r="DA23" s="326">
        <v>0</v>
      </c>
      <c r="DB23" s="327">
        <v>441176</v>
      </c>
      <c r="DC23" s="327">
        <v>263463</v>
      </c>
      <c r="DD23" s="327">
        <v>468954</v>
      </c>
      <c r="DE23" s="327">
        <v>125627</v>
      </c>
      <c r="DF23" s="327">
        <v>36375</v>
      </c>
      <c r="DG23" s="328">
        <v>1335595</v>
      </c>
      <c r="DH23" s="330">
        <v>1699832</v>
      </c>
      <c r="DI23" s="326">
        <v>0</v>
      </c>
      <c r="DJ23" s="327">
        <v>17664</v>
      </c>
      <c r="DK23" s="331">
        <v>17664</v>
      </c>
      <c r="DL23" s="332">
        <v>0</v>
      </c>
      <c r="DM23" s="327">
        <v>248410</v>
      </c>
      <c r="DN23" s="327">
        <v>455418</v>
      </c>
      <c r="DO23" s="327">
        <v>1153966</v>
      </c>
      <c r="DP23" s="327">
        <v>295676</v>
      </c>
      <c r="DQ23" s="327">
        <v>112885</v>
      </c>
      <c r="DR23" s="328">
        <v>2266355</v>
      </c>
      <c r="DS23" s="330">
        <v>2284019</v>
      </c>
      <c r="DT23" s="326">
        <v>0</v>
      </c>
      <c r="DU23" s="327">
        <v>17664</v>
      </c>
      <c r="DV23" s="328">
        <v>17664</v>
      </c>
      <c r="DW23" s="326">
        <v>0</v>
      </c>
      <c r="DX23" s="327">
        <v>248410</v>
      </c>
      <c r="DY23" s="327">
        <v>455418</v>
      </c>
      <c r="DZ23" s="327">
        <v>1129146</v>
      </c>
      <c r="EA23" s="327">
        <v>295676</v>
      </c>
      <c r="EB23" s="327">
        <v>112885</v>
      </c>
      <c r="EC23" s="328">
        <v>2241535</v>
      </c>
      <c r="ED23" s="330">
        <v>2259199</v>
      </c>
      <c r="EE23" s="326">
        <v>0</v>
      </c>
      <c r="EF23" s="331">
        <v>0</v>
      </c>
      <c r="EG23" s="328">
        <v>0</v>
      </c>
      <c r="EH23" s="326">
        <v>0</v>
      </c>
      <c r="EI23" s="327">
        <v>0</v>
      </c>
      <c r="EJ23" s="327">
        <v>0</v>
      </c>
      <c r="EK23" s="327">
        <v>24820</v>
      </c>
      <c r="EL23" s="327">
        <v>0</v>
      </c>
      <c r="EM23" s="327">
        <v>0</v>
      </c>
      <c r="EN23" s="331">
        <v>24820</v>
      </c>
      <c r="EO23" s="330">
        <v>24820</v>
      </c>
      <c r="EP23" s="326">
        <v>0</v>
      </c>
      <c r="EQ23" s="327">
        <v>0</v>
      </c>
      <c r="ER23" s="331">
        <v>0</v>
      </c>
      <c r="ES23" s="332">
        <v>0</v>
      </c>
      <c r="ET23" s="327">
        <v>0</v>
      </c>
      <c r="EU23" s="327">
        <v>0</v>
      </c>
      <c r="EV23" s="327">
        <v>0</v>
      </c>
      <c r="EW23" s="327">
        <v>0</v>
      </c>
      <c r="EX23" s="327">
        <v>0</v>
      </c>
      <c r="EY23" s="328">
        <v>0</v>
      </c>
      <c r="EZ23" s="330">
        <v>0</v>
      </c>
      <c r="FA23" s="326">
        <v>0</v>
      </c>
      <c r="FB23" s="327">
        <v>0</v>
      </c>
      <c r="FC23" s="331">
        <v>0</v>
      </c>
      <c r="FD23" s="332">
        <v>0</v>
      </c>
      <c r="FE23" s="327">
        <v>0</v>
      </c>
      <c r="FF23" s="327">
        <v>0</v>
      </c>
      <c r="FG23" s="327">
        <v>0</v>
      </c>
      <c r="FH23" s="327">
        <v>0</v>
      </c>
      <c r="FI23" s="327">
        <v>0</v>
      </c>
      <c r="FJ23" s="328">
        <v>0</v>
      </c>
      <c r="FK23" s="330">
        <v>0</v>
      </c>
      <c r="FL23" s="326">
        <v>200224</v>
      </c>
      <c r="FM23" s="327">
        <v>165360</v>
      </c>
      <c r="FN23" s="328">
        <v>365584</v>
      </c>
      <c r="FO23" s="326">
        <v>0</v>
      </c>
      <c r="FP23" s="327">
        <v>257976</v>
      </c>
      <c r="FQ23" s="327">
        <v>865984</v>
      </c>
      <c r="FR23" s="327">
        <v>428128</v>
      </c>
      <c r="FS23" s="327">
        <v>428432</v>
      </c>
      <c r="FT23" s="327">
        <v>344960</v>
      </c>
      <c r="FU23" s="328">
        <v>2325480</v>
      </c>
      <c r="FV23" s="330">
        <v>2691064</v>
      </c>
      <c r="FW23" s="333">
        <v>40224</v>
      </c>
      <c r="FX23" s="327">
        <v>165360</v>
      </c>
      <c r="FY23" s="331">
        <v>205584</v>
      </c>
      <c r="FZ23" s="332">
        <v>0</v>
      </c>
      <c r="GA23" s="327">
        <v>257976</v>
      </c>
      <c r="GB23" s="327">
        <v>817584</v>
      </c>
      <c r="GC23" s="327">
        <v>428128</v>
      </c>
      <c r="GD23" s="327">
        <v>413912</v>
      </c>
      <c r="GE23" s="327">
        <v>344960</v>
      </c>
      <c r="GF23" s="328">
        <v>2262560</v>
      </c>
      <c r="GG23" s="334">
        <v>2468144</v>
      </c>
      <c r="GH23" s="333">
        <v>0</v>
      </c>
      <c r="GI23" s="327">
        <v>0</v>
      </c>
      <c r="GJ23" s="331">
        <v>0</v>
      </c>
      <c r="GK23" s="332">
        <v>0</v>
      </c>
      <c r="GL23" s="327">
        <v>0</v>
      </c>
      <c r="GM23" s="327">
        <v>48400</v>
      </c>
      <c r="GN23" s="327">
        <v>0</v>
      </c>
      <c r="GO23" s="327">
        <v>14520</v>
      </c>
      <c r="GP23" s="327">
        <v>0</v>
      </c>
      <c r="GQ23" s="328">
        <v>62920</v>
      </c>
      <c r="GR23" s="330">
        <v>62920</v>
      </c>
      <c r="GS23" s="326">
        <v>160000</v>
      </c>
      <c r="GT23" s="327">
        <v>0</v>
      </c>
      <c r="GU23" s="328">
        <v>160000</v>
      </c>
      <c r="GV23" s="326">
        <v>0</v>
      </c>
      <c r="GW23" s="327">
        <v>0</v>
      </c>
      <c r="GX23" s="327">
        <v>0</v>
      </c>
      <c r="GY23" s="327">
        <v>0</v>
      </c>
      <c r="GZ23" s="327">
        <v>0</v>
      </c>
      <c r="HA23" s="327">
        <v>0</v>
      </c>
      <c r="HB23" s="331">
        <v>0</v>
      </c>
      <c r="HC23" s="330">
        <v>160000</v>
      </c>
      <c r="HD23" s="326">
        <v>110432</v>
      </c>
      <c r="HE23" s="327">
        <v>97903</v>
      </c>
      <c r="HF23" s="331">
        <v>208335</v>
      </c>
      <c r="HG23" s="332">
        <v>0</v>
      </c>
      <c r="HH23" s="327">
        <v>2413863</v>
      </c>
      <c r="HI23" s="327">
        <v>1487407</v>
      </c>
      <c r="HJ23" s="327">
        <v>2673217</v>
      </c>
      <c r="HK23" s="327">
        <v>2082587</v>
      </c>
      <c r="HL23" s="327">
        <v>1154008</v>
      </c>
      <c r="HM23" s="328">
        <v>9811082</v>
      </c>
      <c r="HN23" s="329">
        <v>10019417</v>
      </c>
      <c r="HO23" s="333">
        <v>0</v>
      </c>
      <c r="HP23" s="327">
        <v>0</v>
      </c>
      <c r="HQ23" s="328">
        <v>0</v>
      </c>
      <c r="HR23" s="326">
        <v>0</v>
      </c>
      <c r="HS23" s="327">
        <v>0</v>
      </c>
      <c r="HT23" s="327">
        <v>0</v>
      </c>
      <c r="HU23" s="327">
        <v>0</v>
      </c>
      <c r="HV23" s="327">
        <v>0</v>
      </c>
      <c r="HW23" s="327">
        <v>0</v>
      </c>
      <c r="HX23" s="331">
        <v>0</v>
      </c>
      <c r="HY23" s="330">
        <v>0</v>
      </c>
      <c r="HZ23" s="335">
        <v>51686</v>
      </c>
      <c r="IA23" s="336">
        <v>0</v>
      </c>
      <c r="IB23" s="337">
        <v>51686</v>
      </c>
      <c r="IC23" s="338">
        <v>0</v>
      </c>
      <c r="ID23" s="336">
        <v>1675514</v>
      </c>
      <c r="IE23" s="339">
        <v>1780078</v>
      </c>
      <c r="IF23" s="337">
        <v>4059814</v>
      </c>
      <c r="IG23" s="336">
        <v>1688090</v>
      </c>
      <c r="IH23" s="337">
        <v>872672</v>
      </c>
      <c r="II23" s="340">
        <v>10076168</v>
      </c>
      <c r="IJ23" s="341">
        <v>10127854</v>
      </c>
      <c r="IK23" s="342">
        <v>0</v>
      </c>
      <c r="IL23" s="343">
        <v>0</v>
      </c>
      <c r="IM23" s="344">
        <v>0</v>
      </c>
      <c r="IN23" s="404">
        <v>0</v>
      </c>
      <c r="IO23" s="345">
        <v>0</v>
      </c>
      <c r="IP23" s="345">
        <v>151905</v>
      </c>
      <c r="IQ23" s="345">
        <v>0</v>
      </c>
      <c r="IR23" s="345">
        <v>0</v>
      </c>
      <c r="IS23" s="345">
        <v>0</v>
      </c>
      <c r="IT23" s="346">
        <v>151905</v>
      </c>
      <c r="IU23" s="347">
        <v>151905</v>
      </c>
      <c r="IV23" s="348">
        <v>0</v>
      </c>
      <c r="IW23" s="345">
        <v>0</v>
      </c>
      <c r="IX23" s="349">
        <v>0</v>
      </c>
      <c r="IY23" s="404">
        <v>0</v>
      </c>
      <c r="IZ23" s="345">
        <v>0</v>
      </c>
      <c r="JA23" s="345">
        <v>0</v>
      </c>
      <c r="JB23" s="345">
        <v>0</v>
      </c>
      <c r="JC23" s="345">
        <v>0</v>
      </c>
      <c r="JD23" s="345">
        <v>0</v>
      </c>
      <c r="JE23" s="349">
        <v>0</v>
      </c>
      <c r="JF23" s="350">
        <v>0</v>
      </c>
      <c r="JG23" s="348">
        <v>0</v>
      </c>
      <c r="JH23" s="345">
        <v>0</v>
      </c>
      <c r="JI23" s="346">
        <v>0</v>
      </c>
      <c r="JJ23" s="351">
        <v>0</v>
      </c>
      <c r="JK23" s="345">
        <v>809311</v>
      </c>
      <c r="JL23" s="345">
        <v>502278</v>
      </c>
      <c r="JM23" s="345">
        <v>256196</v>
      </c>
      <c r="JN23" s="345">
        <v>0</v>
      </c>
      <c r="JO23" s="345">
        <v>47819</v>
      </c>
      <c r="JP23" s="349">
        <v>1615604</v>
      </c>
      <c r="JQ23" s="347">
        <v>1615604</v>
      </c>
      <c r="JR23" s="348">
        <v>0</v>
      </c>
      <c r="JS23" s="345">
        <v>0</v>
      </c>
      <c r="JT23" s="346">
        <v>0</v>
      </c>
      <c r="JU23" s="351">
        <v>0</v>
      </c>
      <c r="JV23" s="345">
        <v>0</v>
      </c>
      <c r="JW23" s="345">
        <v>0</v>
      </c>
      <c r="JX23" s="345">
        <v>631325</v>
      </c>
      <c r="JY23" s="345">
        <v>0</v>
      </c>
      <c r="JZ23" s="345">
        <v>224681</v>
      </c>
      <c r="KA23" s="349">
        <v>856006</v>
      </c>
      <c r="KB23" s="347">
        <v>856006</v>
      </c>
      <c r="KC23" s="352">
        <v>51686</v>
      </c>
      <c r="KD23" s="353">
        <v>0</v>
      </c>
      <c r="KE23" s="349">
        <v>51686</v>
      </c>
      <c r="KF23" s="351">
        <v>0</v>
      </c>
      <c r="KG23" s="345">
        <v>376092</v>
      </c>
      <c r="KH23" s="345">
        <v>366007</v>
      </c>
      <c r="KI23" s="345">
        <v>1003817</v>
      </c>
      <c r="KJ23" s="345">
        <v>490979</v>
      </c>
      <c r="KK23" s="345">
        <v>0</v>
      </c>
      <c r="KL23" s="349">
        <v>2236895</v>
      </c>
      <c r="KM23" s="354">
        <v>2288581</v>
      </c>
      <c r="KN23" s="342">
        <v>0</v>
      </c>
      <c r="KO23" s="343">
        <v>0</v>
      </c>
      <c r="KP23" s="344">
        <v>0</v>
      </c>
      <c r="KQ23" s="404">
        <v>0</v>
      </c>
      <c r="KR23" s="345">
        <v>490111</v>
      </c>
      <c r="KS23" s="345">
        <v>759888</v>
      </c>
      <c r="KT23" s="345">
        <v>1315785</v>
      </c>
      <c r="KU23" s="345">
        <v>596734</v>
      </c>
      <c r="KV23" s="345">
        <v>276624</v>
      </c>
      <c r="KW23" s="349">
        <v>3439142</v>
      </c>
      <c r="KX23" s="347">
        <v>3439142</v>
      </c>
      <c r="KY23" s="348">
        <v>0</v>
      </c>
      <c r="KZ23" s="345">
        <v>0</v>
      </c>
      <c r="LA23" s="349">
        <v>0</v>
      </c>
      <c r="LB23" s="404">
        <v>0</v>
      </c>
      <c r="LC23" s="345">
        <v>0</v>
      </c>
      <c r="LD23" s="345">
        <v>0</v>
      </c>
      <c r="LE23" s="345">
        <v>0</v>
      </c>
      <c r="LF23" s="345">
        <v>0</v>
      </c>
      <c r="LG23" s="345">
        <v>0</v>
      </c>
      <c r="LH23" s="349">
        <v>0</v>
      </c>
      <c r="LI23" s="350">
        <v>0</v>
      </c>
      <c r="LJ23" s="348">
        <v>0</v>
      </c>
      <c r="LK23" s="345">
        <v>0</v>
      </c>
      <c r="LL23" s="349">
        <v>0</v>
      </c>
      <c r="LM23" s="404">
        <v>0</v>
      </c>
      <c r="LN23" s="345">
        <v>0</v>
      </c>
      <c r="LO23" s="345">
        <v>0</v>
      </c>
      <c r="LP23" s="345">
        <v>281296</v>
      </c>
      <c r="LQ23" s="345">
        <v>276164</v>
      </c>
      <c r="LR23" s="345">
        <v>323548</v>
      </c>
      <c r="LS23" s="349">
        <v>881008</v>
      </c>
      <c r="LT23" s="347">
        <v>881008</v>
      </c>
      <c r="LU23" s="348">
        <v>0</v>
      </c>
      <c r="LV23" s="345">
        <v>0</v>
      </c>
      <c r="LW23" s="349">
        <v>0</v>
      </c>
      <c r="LX23" s="404">
        <v>0</v>
      </c>
      <c r="LY23" s="345">
        <v>0</v>
      </c>
      <c r="LZ23" s="345">
        <v>0</v>
      </c>
      <c r="MA23" s="345">
        <v>571395</v>
      </c>
      <c r="MB23" s="345">
        <v>324213</v>
      </c>
      <c r="MC23" s="345">
        <v>0</v>
      </c>
      <c r="MD23" s="349">
        <v>895608</v>
      </c>
      <c r="ME23" s="350">
        <v>895608</v>
      </c>
      <c r="MF23" s="348">
        <v>0</v>
      </c>
      <c r="MG23" s="345">
        <v>0</v>
      </c>
      <c r="MH23" s="349">
        <v>0</v>
      </c>
      <c r="MI23" s="404">
        <v>0</v>
      </c>
      <c r="MJ23" s="345">
        <v>0</v>
      </c>
      <c r="MK23" s="345">
        <v>1072025</v>
      </c>
      <c r="ML23" s="345">
        <v>4915061</v>
      </c>
      <c r="MM23" s="345">
        <v>6773313</v>
      </c>
      <c r="MN23" s="345">
        <v>2493659</v>
      </c>
      <c r="MO23" s="349">
        <v>15254058</v>
      </c>
      <c r="MP23" s="354">
        <v>15254058</v>
      </c>
      <c r="MQ23" s="348">
        <v>0</v>
      </c>
      <c r="MR23" s="345">
        <v>0</v>
      </c>
      <c r="MS23" s="349">
        <v>0</v>
      </c>
      <c r="MT23" s="404">
        <v>0</v>
      </c>
      <c r="MU23" s="345">
        <v>0</v>
      </c>
      <c r="MV23" s="345">
        <v>0</v>
      </c>
      <c r="MW23" s="345">
        <v>2637890</v>
      </c>
      <c r="MX23" s="345">
        <v>4973560</v>
      </c>
      <c r="MY23" s="345">
        <v>1463500</v>
      </c>
      <c r="MZ23" s="349">
        <v>9074950</v>
      </c>
      <c r="NA23" s="354">
        <v>9074950</v>
      </c>
      <c r="NB23" s="348">
        <v>0</v>
      </c>
      <c r="NC23" s="345">
        <v>0</v>
      </c>
      <c r="ND23" s="349">
        <v>0</v>
      </c>
      <c r="NE23" s="404">
        <v>0</v>
      </c>
      <c r="NF23" s="345">
        <v>0</v>
      </c>
      <c r="NG23" s="345">
        <v>1072025</v>
      </c>
      <c r="NH23" s="345">
        <v>2277171</v>
      </c>
      <c r="NI23" s="345">
        <v>1799753</v>
      </c>
      <c r="NJ23" s="345">
        <v>1030159</v>
      </c>
      <c r="NK23" s="349">
        <v>6179108</v>
      </c>
      <c r="NL23" s="347">
        <v>6179108</v>
      </c>
      <c r="NM23" s="348">
        <v>0</v>
      </c>
      <c r="NN23" s="345">
        <v>0</v>
      </c>
      <c r="NO23" s="349">
        <v>0</v>
      </c>
      <c r="NP23" s="404">
        <v>0</v>
      </c>
      <c r="NQ23" s="345">
        <v>0</v>
      </c>
      <c r="NR23" s="345">
        <v>0</v>
      </c>
      <c r="NS23" s="345">
        <v>0</v>
      </c>
      <c r="NT23" s="345">
        <v>0</v>
      </c>
      <c r="NU23" s="345">
        <v>0</v>
      </c>
      <c r="NV23" s="349">
        <v>0</v>
      </c>
      <c r="NW23" s="350">
        <v>0</v>
      </c>
      <c r="NX23" s="348">
        <v>0</v>
      </c>
      <c r="NY23" s="345">
        <v>0</v>
      </c>
      <c r="NZ23" s="349">
        <v>0</v>
      </c>
      <c r="OA23" s="404">
        <v>0</v>
      </c>
      <c r="OB23" s="345">
        <v>0</v>
      </c>
      <c r="OC23" s="345">
        <v>0</v>
      </c>
      <c r="OD23" s="345">
        <v>0</v>
      </c>
      <c r="OE23" s="345">
        <v>0</v>
      </c>
      <c r="OF23" s="345">
        <v>0</v>
      </c>
      <c r="OG23" s="349">
        <v>0</v>
      </c>
      <c r="OH23" s="350">
        <v>0</v>
      </c>
      <c r="OI23" s="348">
        <v>648948</v>
      </c>
      <c r="OJ23" s="345">
        <v>973902</v>
      </c>
      <c r="OK23" s="346">
        <v>1622850</v>
      </c>
      <c r="OL23" s="351">
        <v>0</v>
      </c>
      <c r="OM23" s="345">
        <v>10226568</v>
      </c>
      <c r="ON23" s="345">
        <v>10128301</v>
      </c>
      <c r="OO23" s="345">
        <v>17803220</v>
      </c>
      <c r="OP23" s="345">
        <v>14596362</v>
      </c>
      <c r="OQ23" s="345">
        <v>7856027</v>
      </c>
      <c r="OR23" s="349">
        <v>60610478</v>
      </c>
      <c r="OS23" s="354">
        <v>62233328</v>
      </c>
    </row>
    <row r="24" spans="2:409" s="70" customFormat="1" ht="21" customHeight="1" x14ac:dyDescent="0.2">
      <c r="B24" s="410" t="s">
        <v>19</v>
      </c>
      <c r="C24" s="326">
        <v>260129</v>
      </c>
      <c r="D24" s="327">
        <v>530396</v>
      </c>
      <c r="E24" s="328">
        <v>790525</v>
      </c>
      <c r="F24" s="329">
        <v>0</v>
      </c>
      <c r="G24" s="327">
        <v>4094477</v>
      </c>
      <c r="H24" s="327">
        <v>4128274</v>
      </c>
      <c r="I24" s="327">
        <v>2423357</v>
      </c>
      <c r="J24" s="327">
        <v>2097959</v>
      </c>
      <c r="K24" s="327">
        <v>2600035</v>
      </c>
      <c r="L24" s="329">
        <v>15344102</v>
      </c>
      <c r="M24" s="330">
        <v>16134627</v>
      </c>
      <c r="N24" s="326">
        <v>44445</v>
      </c>
      <c r="O24" s="327">
        <v>218484</v>
      </c>
      <c r="P24" s="328">
        <v>262929</v>
      </c>
      <c r="Q24" s="326">
        <v>0</v>
      </c>
      <c r="R24" s="327">
        <v>1285233</v>
      </c>
      <c r="S24" s="327">
        <v>762554</v>
      </c>
      <c r="T24" s="327">
        <v>626581</v>
      </c>
      <c r="U24" s="327">
        <v>1165339</v>
      </c>
      <c r="V24" s="327">
        <v>935855</v>
      </c>
      <c r="W24" s="328">
        <v>4775562</v>
      </c>
      <c r="X24" s="330">
        <v>5038491</v>
      </c>
      <c r="Y24" s="326">
        <v>0</v>
      </c>
      <c r="Z24" s="327">
        <v>0</v>
      </c>
      <c r="AA24" s="328">
        <v>0</v>
      </c>
      <c r="AB24" s="326">
        <v>0</v>
      </c>
      <c r="AC24" s="327">
        <v>400639</v>
      </c>
      <c r="AD24" s="327">
        <v>223683</v>
      </c>
      <c r="AE24" s="327">
        <v>174006</v>
      </c>
      <c r="AF24" s="327">
        <v>677263</v>
      </c>
      <c r="AG24" s="327">
        <v>241013</v>
      </c>
      <c r="AH24" s="328">
        <v>1716604</v>
      </c>
      <c r="AI24" s="330">
        <v>1716604</v>
      </c>
      <c r="AJ24" s="326">
        <v>0</v>
      </c>
      <c r="AK24" s="327">
        <v>0</v>
      </c>
      <c r="AL24" s="328">
        <v>0</v>
      </c>
      <c r="AM24" s="326">
        <v>0</v>
      </c>
      <c r="AN24" s="327">
        <v>0</v>
      </c>
      <c r="AO24" s="327">
        <v>0</v>
      </c>
      <c r="AP24" s="327">
        <v>85702</v>
      </c>
      <c r="AQ24" s="327">
        <v>0</v>
      </c>
      <c r="AR24" s="327">
        <v>197358</v>
      </c>
      <c r="AS24" s="328">
        <v>283060</v>
      </c>
      <c r="AT24" s="330">
        <v>283060</v>
      </c>
      <c r="AU24" s="326">
        <v>22717</v>
      </c>
      <c r="AV24" s="327">
        <v>114404</v>
      </c>
      <c r="AW24" s="328">
        <v>137121</v>
      </c>
      <c r="AX24" s="326">
        <v>0</v>
      </c>
      <c r="AY24" s="327">
        <v>530563</v>
      </c>
      <c r="AZ24" s="327">
        <v>289808</v>
      </c>
      <c r="BA24" s="327">
        <v>223121</v>
      </c>
      <c r="BB24" s="327">
        <v>316714</v>
      </c>
      <c r="BC24" s="327">
        <v>278496</v>
      </c>
      <c r="BD24" s="328">
        <v>1638702</v>
      </c>
      <c r="BE24" s="330">
        <v>1775823</v>
      </c>
      <c r="BF24" s="326">
        <v>0</v>
      </c>
      <c r="BG24" s="327">
        <v>0</v>
      </c>
      <c r="BH24" s="331">
        <v>0</v>
      </c>
      <c r="BI24" s="332">
        <v>0</v>
      </c>
      <c r="BJ24" s="327">
        <v>27927</v>
      </c>
      <c r="BK24" s="327">
        <v>27927</v>
      </c>
      <c r="BL24" s="327">
        <v>0</v>
      </c>
      <c r="BM24" s="327">
        <v>80466</v>
      </c>
      <c r="BN24" s="327">
        <v>31700</v>
      </c>
      <c r="BO24" s="328">
        <v>168020</v>
      </c>
      <c r="BP24" s="330">
        <v>168020</v>
      </c>
      <c r="BQ24" s="326">
        <v>21728</v>
      </c>
      <c r="BR24" s="327">
        <v>104080</v>
      </c>
      <c r="BS24" s="328">
        <v>125808</v>
      </c>
      <c r="BT24" s="326">
        <v>0</v>
      </c>
      <c r="BU24" s="327">
        <v>326104</v>
      </c>
      <c r="BV24" s="327">
        <v>221136</v>
      </c>
      <c r="BW24" s="327">
        <v>143752</v>
      </c>
      <c r="BX24" s="327">
        <v>90896</v>
      </c>
      <c r="BY24" s="327">
        <v>187288</v>
      </c>
      <c r="BZ24" s="328">
        <v>969176</v>
      </c>
      <c r="CA24" s="330">
        <v>1094984</v>
      </c>
      <c r="CB24" s="326">
        <v>63686</v>
      </c>
      <c r="CC24" s="327">
        <v>79567</v>
      </c>
      <c r="CD24" s="328">
        <v>143253</v>
      </c>
      <c r="CE24" s="326">
        <v>0</v>
      </c>
      <c r="CF24" s="327">
        <v>998274</v>
      </c>
      <c r="CG24" s="327">
        <v>1738735</v>
      </c>
      <c r="CH24" s="327">
        <v>539952</v>
      </c>
      <c r="CI24" s="327">
        <v>230020</v>
      </c>
      <c r="CJ24" s="327">
        <v>227574</v>
      </c>
      <c r="CK24" s="328">
        <v>3734555</v>
      </c>
      <c r="CL24" s="330">
        <v>3877808</v>
      </c>
      <c r="CM24" s="326">
        <v>0</v>
      </c>
      <c r="CN24" s="327">
        <v>0</v>
      </c>
      <c r="CO24" s="328">
        <v>0</v>
      </c>
      <c r="CP24" s="332">
        <v>0</v>
      </c>
      <c r="CQ24" s="327">
        <v>638548</v>
      </c>
      <c r="CR24" s="327">
        <v>848344</v>
      </c>
      <c r="CS24" s="327">
        <v>332633</v>
      </c>
      <c r="CT24" s="327">
        <v>75722</v>
      </c>
      <c r="CU24" s="327">
        <v>227574</v>
      </c>
      <c r="CV24" s="328">
        <v>2122821</v>
      </c>
      <c r="CW24" s="330">
        <v>2122821</v>
      </c>
      <c r="CX24" s="326">
        <v>63686</v>
      </c>
      <c r="CY24" s="327">
        <v>79567</v>
      </c>
      <c r="CZ24" s="328">
        <v>143253</v>
      </c>
      <c r="DA24" s="326">
        <v>0</v>
      </c>
      <c r="DB24" s="327">
        <v>359726</v>
      </c>
      <c r="DC24" s="327">
        <v>890391</v>
      </c>
      <c r="DD24" s="327">
        <v>207319</v>
      </c>
      <c r="DE24" s="327">
        <v>154298</v>
      </c>
      <c r="DF24" s="327">
        <v>0</v>
      </c>
      <c r="DG24" s="328">
        <v>1611734</v>
      </c>
      <c r="DH24" s="330">
        <v>1754987</v>
      </c>
      <c r="DI24" s="326">
        <v>0</v>
      </c>
      <c r="DJ24" s="327">
        <v>0</v>
      </c>
      <c r="DK24" s="331">
        <v>0</v>
      </c>
      <c r="DL24" s="332">
        <v>0</v>
      </c>
      <c r="DM24" s="327">
        <v>58465</v>
      </c>
      <c r="DN24" s="327">
        <v>242663</v>
      </c>
      <c r="DO24" s="327">
        <v>256984</v>
      </c>
      <c r="DP24" s="327">
        <v>0</v>
      </c>
      <c r="DQ24" s="327">
        <v>0</v>
      </c>
      <c r="DR24" s="328">
        <v>558112</v>
      </c>
      <c r="DS24" s="330">
        <v>558112</v>
      </c>
      <c r="DT24" s="326">
        <v>0</v>
      </c>
      <c r="DU24" s="327">
        <v>0</v>
      </c>
      <c r="DV24" s="328">
        <v>0</v>
      </c>
      <c r="DW24" s="326">
        <v>0</v>
      </c>
      <c r="DX24" s="327">
        <v>42916</v>
      </c>
      <c r="DY24" s="327">
        <v>179387</v>
      </c>
      <c r="DZ24" s="327">
        <v>0</v>
      </c>
      <c r="EA24" s="327">
        <v>0</v>
      </c>
      <c r="EB24" s="327">
        <v>0</v>
      </c>
      <c r="EC24" s="328">
        <v>222303</v>
      </c>
      <c r="ED24" s="330">
        <v>222303</v>
      </c>
      <c r="EE24" s="326">
        <v>0</v>
      </c>
      <c r="EF24" s="331">
        <v>0</v>
      </c>
      <c r="EG24" s="328">
        <v>0</v>
      </c>
      <c r="EH24" s="326">
        <v>0</v>
      </c>
      <c r="EI24" s="327">
        <v>15549</v>
      </c>
      <c r="EJ24" s="327">
        <v>63276</v>
      </c>
      <c r="EK24" s="327">
        <v>256984</v>
      </c>
      <c r="EL24" s="327">
        <v>0</v>
      </c>
      <c r="EM24" s="327">
        <v>0</v>
      </c>
      <c r="EN24" s="331">
        <v>335809</v>
      </c>
      <c r="EO24" s="330">
        <v>335809</v>
      </c>
      <c r="EP24" s="326">
        <v>0</v>
      </c>
      <c r="EQ24" s="327">
        <v>0</v>
      </c>
      <c r="ER24" s="331">
        <v>0</v>
      </c>
      <c r="ES24" s="332">
        <v>0</v>
      </c>
      <c r="ET24" s="327">
        <v>0</v>
      </c>
      <c r="EU24" s="327">
        <v>0</v>
      </c>
      <c r="EV24" s="327">
        <v>0</v>
      </c>
      <c r="EW24" s="327">
        <v>0</v>
      </c>
      <c r="EX24" s="327">
        <v>0</v>
      </c>
      <c r="EY24" s="328">
        <v>0</v>
      </c>
      <c r="EZ24" s="330">
        <v>0</v>
      </c>
      <c r="FA24" s="326">
        <v>0</v>
      </c>
      <c r="FB24" s="327">
        <v>0</v>
      </c>
      <c r="FC24" s="331">
        <v>0</v>
      </c>
      <c r="FD24" s="332">
        <v>0</v>
      </c>
      <c r="FE24" s="327">
        <v>0</v>
      </c>
      <c r="FF24" s="327">
        <v>0</v>
      </c>
      <c r="FG24" s="327">
        <v>0</v>
      </c>
      <c r="FH24" s="327">
        <v>0</v>
      </c>
      <c r="FI24" s="327">
        <v>0</v>
      </c>
      <c r="FJ24" s="328">
        <v>0</v>
      </c>
      <c r="FK24" s="330">
        <v>0</v>
      </c>
      <c r="FL24" s="326">
        <v>34480</v>
      </c>
      <c r="FM24" s="327">
        <v>44288</v>
      </c>
      <c r="FN24" s="328">
        <v>78768</v>
      </c>
      <c r="FO24" s="326">
        <v>0</v>
      </c>
      <c r="FP24" s="327">
        <v>254624</v>
      </c>
      <c r="FQ24" s="327">
        <v>322976</v>
      </c>
      <c r="FR24" s="327">
        <v>281664</v>
      </c>
      <c r="FS24" s="327">
        <v>227408</v>
      </c>
      <c r="FT24" s="327">
        <v>266376</v>
      </c>
      <c r="FU24" s="328">
        <v>1353048</v>
      </c>
      <c r="FV24" s="330">
        <v>1431816</v>
      </c>
      <c r="FW24" s="333">
        <v>34480</v>
      </c>
      <c r="FX24" s="327">
        <v>44288</v>
      </c>
      <c r="FY24" s="331">
        <v>78768</v>
      </c>
      <c r="FZ24" s="332">
        <v>0</v>
      </c>
      <c r="GA24" s="327">
        <v>232448</v>
      </c>
      <c r="GB24" s="327">
        <v>322976</v>
      </c>
      <c r="GC24" s="327">
        <v>121664</v>
      </c>
      <c r="GD24" s="327">
        <v>194848</v>
      </c>
      <c r="GE24" s="327">
        <v>215776</v>
      </c>
      <c r="GF24" s="328">
        <v>1087712</v>
      </c>
      <c r="GG24" s="334">
        <v>1166480</v>
      </c>
      <c r="GH24" s="333">
        <v>0</v>
      </c>
      <c r="GI24" s="327">
        <v>0</v>
      </c>
      <c r="GJ24" s="331">
        <v>0</v>
      </c>
      <c r="GK24" s="332">
        <v>0</v>
      </c>
      <c r="GL24" s="327">
        <v>22176</v>
      </c>
      <c r="GM24" s="327">
        <v>0</v>
      </c>
      <c r="GN24" s="327">
        <v>0</v>
      </c>
      <c r="GO24" s="327">
        <v>32560</v>
      </c>
      <c r="GP24" s="327">
        <v>50600</v>
      </c>
      <c r="GQ24" s="328">
        <v>105336</v>
      </c>
      <c r="GR24" s="330">
        <v>105336</v>
      </c>
      <c r="GS24" s="326">
        <v>0</v>
      </c>
      <c r="GT24" s="327">
        <v>0</v>
      </c>
      <c r="GU24" s="328">
        <v>0</v>
      </c>
      <c r="GV24" s="326">
        <v>0</v>
      </c>
      <c r="GW24" s="327">
        <v>0</v>
      </c>
      <c r="GX24" s="327">
        <v>0</v>
      </c>
      <c r="GY24" s="327">
        <v>160000</v>
      </c>
      <c r="GZ24" s="327">
        <v>0</v>
      </c>
      <c r="HA24" s="327">
        <v>0</v>
      </c>
      <c r="HB24" s="331">
        <v>160000</v>
      </c>
      <c r="HC24" s="330">
        <v>160000</v>
      </c>
      <c r="HD24" s="326">
        <v>117518</v>
      </c>
      <c r="HE24" s="327">
        <v>188057</v>
      </c>
      <c r="HF24" s="331">
        <v>305575</v>
      </c>
      <c r="HG24" s="332">
        <v>0</v>
      </c>
      <c r="HH24" s="327">
        <v>1497881</v>
      </c>
      <c r="HI24" s="327">
        <v>1061346</v>
      </c>
      <c r="HJ24" s="327">
        <v>718176</v>
      </c>
      <c r="HK24" s="327">
        <v>475192</v>
      </c>
      <c r="HL24" s="327">
        <v>1170230</v>
      </c>
      <c r="HM24" s="328">
        <v>4922825</v>
      </c>
      <c r="HN24" s="329">
        <v>5228400</v>
      </c>
      <c r="HO24" s="333">
        <v>0</v>
      </c>
      <c r="HP24" s="327">
        <v>0</v>
      </c>
      <c r="HQ24" s="328">
        <v>0</v>
      </c>
      <c r="HR24" s="326">
        <v>0</v>
      </c>
      <c r="HS24" s="327">
        <v>0</v>
      </c>
      <c r="HT24" s="327">
        <v>0</v>
      </c>
      <c r="HU24" s="327">
        <v>0</v>
      </c>
      <c r="HV24" s="327">
        <v>0</v>
      </c>
      <c r="HW24" s="327">
        <v>0</v>
      </c>
      <c r="HX24" s="331">
        <v>0</v>
      </c>
      <c r="HY24" s="330">
        <v>0</v>
      </c>
      <c r="HZ24" s="358">
        <v>0</v>
      </c>
      <c r="IA24" s="356">
        <v>0</v>
      </c>
      <c r="IB24" s="358">
        <v>0</v>
      </c>
      <c r="IC24" s="355">
        <v>0</v>
      </c>
      <c r="ID24" s="356">
        <v>976044</v>
      </c>
      <c r="IE24" s="357">
        <v>1730932</v>
      </c>
      <c r="IF24" s="358">
        <v>1232302</v>
      </c>
      <c r="IG24" s="356">
        <v>0</v>
      </c>
      <c r="IH24" s="358">
        <v>1743262</v>
      </c>
      <c r="II24" s="359">
        <v>5682540</v>
      </c>
      <c r="IJ24" s="358">
        <v>5682540</v>
      </c>
      <c r="IK24" s="342">
        <v>0</v>
      </c>
      <c r="IL24" s="343">
        <v>0</v>
      </c>
      <c r="IM24" s="344">
        <v>0</v>
      </c>
      <c r="IN24" s="404">
        <v>0</v>
      </c>
      <c r="IO24" s="345">
        <v>0</v>
      </c>
      <c r="IP24" s="345">
        <v>0</v>
      </c>
      <c r="IQ24" s="345">
        <v>0</v>
      </c>
      <c r="IR24" s="345">
        <v>0</v>
      </c>
      <c r="IS24" s="345">
        <v>0</v>
      </c>
      <c r="IT24" s="346">
        <v>0</v>
      </c>
      <c r="IU24" s="347">
        <v>0</v>
      </c>
      <c r="IV24" s="348">
        <v>0</v>
      </c>
      <c r="IW24" s="345">
        <v>0</v>
      </c>
      <c r="IX24" s="349">
        <v>0</v>
      </c>
      <c r="IY24" s="404">
        <v>0</v>
      </c>
      <c r="IZ24" s="345">
        <v>0</v>
      </c>
      <c r="JA24" s="345">
        <v>0</v>
      </c>
      <c r="JB24" s="345">
        <v>0</v>
      </c>
      <c r="JC24" s="345">
        <v>0</v>
      </c>
      <c r="JD24" s="345">
        <v>0</v>
      </c>
      <c r="JE24" s="349">
        <v>0</v>
      </c>
      <c r="JF24" s="350">
        <v>0</v>
      </c>
      <c r="JG24" s="348">
        <v>0</v>
      </c>
      <c r="JH24" s="345">
        <v>0</v>
      </c>
      <c r="JI24" s="346">
        <v>0</v>
      </c>
      <c r="JJ24" s="351">
        <v>0</v>
      </c>
      <c r="JK24" s="345">
        <v>341099</v>
      </c>
      <c r="JL24" s="345">
        <v>164526</v>
      </c>
      <c r="JM24" s="345">
        <v>0</v>
      </c>
      <c r="JN24" s="345">
        <v>0</v>
      </c>
      <c r="JO24" s="345">
        <v>0</v>
      </c>
      <c r="JP24" s="349">
        <v>505625</v>
      </c>
      <c r="JQ24" s="347">
        <v>505625</v>
      </c>
      <c r="JR24" s="348">
        <v>0</v>
      </c>
      <c r="JS24" s="345">
        <v>0</v>
      </c>
      <c r="JT24" s="346">
        <v>0</v>
      </c>
      <c r="JU24" s="351">
        <v>0</v>
      </c>
      <c r="JV24" s="345">
        <v>119577</v>
      </c>
      <c r="JW24" s="345">
        <v>164106</v>
      </c>
      <c r="JX24" s="345">
        <v>0</v>
      </c>
      <c r="JY24" s="345">
        <v>0</v>
      </c>
      <c r="JZ24" s="345">
        <v>0</v>
      </c>
      <c r="KA24" s="349">
        <v>283683</v>
      </c>
      <c r="KB24" s="347">
        <v>283683</v>
      </c>
      <c r="KC24" s="352">
        <v>0</v>
      </c>
      <c r="KD24" s="353">
        <v>0</v>
      </c>
      <c r="KE24" s="349">
        <v>0</v>
      </c>
      <c r="KF24" s="351">
        <v>0</v>
      </c>
      <c r="KG24" s="345">
        <v>278898</v>
      </c>
      <c r="KH24" s="345">
        <v>897792</v>
      </c>
      <c r="KI24" s="345">
        <v>958789</v>
      </c>
      <c r="KJ24" s="345">
        <v>0</v>
      </c>
      <c r="KK24" s="345">
        <v>0</v>
      </c>
      <c r="KL24" s="349">
        <v>2135479</v>
      </c>
      <c r="KM24" s="354">
        <v>2135479</v>
      </c>
      <c r="KN24" s="342">
        <v>0</v>
      </c>
      <c r="KO24" s="343">
        <v>0</v>
      </c>
      <c r="KP24" s="344">
        <v>0</v>
      </c>
      <c r="KQ24" s="404">
        <v>0</v>
      </c>
      <c r="KR24" s="345">
        <v>236470</v>
      </c>
      <c r="KS24" s="345">
        <v>504508</v>
      </c>
      <c r="KT24" s="345">
        <v>273513</v>
      </c>
      <c r="KU24" s="345">
        <v>0</v>
      </c>
      <c r="KV24" s="345">
        <v>273304</v>
      </c>
      <c r="KW24" s="349">
        <v>1287795</v>
      </c>
      <c r="KX24" s="347">
        <v>1287795</v>
      </c>
      <c r="KY24" s="348">
        <v>0</v>
      </c>
      <c r="KZ24" s="345">
        <v>0</v>
      </c>
      <c r="LA24" s="349">
        <v>0</v>
      </c>
      <c r="LB24" s="404">
        <v>0</v>
      </c>
      <c r="LC24" s="345">
        <v>0</v>
      </c>
      <c r="LD24" s="345">
        <v>0</v>
      </c>
      <c r="LE24" s="345">
        <v>0</v>
      </c>
      <c r="LF24" s="345">
        <v>0</v>
      </c>
      <c r="LG24" s="345">
        <v>0</v>
      </c>
      <c r="LH24" s="349">
        <v>0</v>
      </c>
      <c r="LI24" s="350">
        <v>0</v>
      </c>
      <c r="LJ24" s="348">
        <v>0</v>
      </c>
      <c r="LK24" s="345">
        <v>0</v>
      </c>
      <c r="LL24" s="349">
        <v>0</v>
      </c>
      <c r="LM24" s="404">
        <v>0</v>
      </c>
      <c r="LN24" s="345">
        <v>0</v>
      </c>
      <c r="LO24" s="345">
        <v>0</v>
      </c>
      <c r="LP24" s="345">
        <v>0</v>
      </c>
      <c r="LQ24" s="345">
        <v>0</v>
      </c>
      <c r="LR24" s="345">
        <v>0</v>
      </c>
      <c r="LS24" s="349">
        <v>0</v>
      </c>
      <c r="LT24" s="347">
        <v>0</v>
      </c>
      <c r="LU24" s="348">
        <v>0</v>
      </c>
      <c r="LV24" s="345">
        <v>0</v>
      </c>
      <c r="LW24" s="349">
        <v>0</v>
      </c>
      <c r="LX24" s="404">
        <v>0</v>
      </c>
      <c r="LY24" s="345">
        <v>0</v>
      </c>
      <c r="LZ24" s="345">
        <v>0</v>
      </c>
      <c r="MA24" s="345">
        <v>0</v>
      </c>
      <c r="MB24" s="345">
        <v>0</v>
      </c>
      <c r="MC24" s="345">
        <v>1469958</v>
      </c>
      <c r="MD24" s="349">
        <v>1469958</v>
      </c>
      <c r="ME24" s="350">
        <v>1469958</v>
      </c>
      <c r="MF24" s="348">
        <v>0</v>
      </c>
      <c r="MG24" s="345">
        <v>0</v>
      </c>
      <c r="MH24" s="349">
        <v>0</v>
      </c>
      <c r="MI24" s="404">
        <v>0</v>
      </c>
      <c r="MJ24" s="345">
        <v>694883</v>
      </c>
      <c r="MK24" s="345">
        <v>589284</v>
      </c>
      <c r="ML24" s="345">
        <v>1614314</v>
      </c>
      <c r="MM24" s="345">
        <v>2799861</v>
      </c>
      <c r="MN24" s="345">
        <v>1307601</v>
      </c>
      <c r="MO24" s="349">
        <v>7005943</v>
      </c>
      <c r="MP24" s="354">
        <v>7005943</v>
      </c>
      <c r="MQ24" s="348">
        <v>0</v>
      </c>
      <c r="MR24" s="345">
        <v>0</v>
      </c>
      <c r="MS24" s="349">
        <v>0</v>
      </c>
      <c r="MT24" s="404">
        <v>0</v>
      </c>
      <c r="MU24" s="345">
        <v>0</v>
      </c>
      <c r="MV24" s="345">
        <v>0</v>
      </c>
      <c r="MW24" s="345">
        <v>1024475</v>
      </c>
      <c r="MX24" s="345">
        <v>1403624</v>
      </c>
      <c r="MY24" s="345">
        <v>992825</v>
      </c>
      <c r="MZ24" s="349">
        <v>3420924</v>
      </c>
      <c r="NA24" s="354">
        <v>3420924</v>
      </c>
      <c r="NB24" s="348">
        <v>0</v>
      </c>
      <c r="NC24" s="345">
        <v>0</v>
      </c>
      <c r="ND24" s="349">
        <v>0</v>
      </c>
      <c r="NE24" s="404">
        <v>0</v>
      </c>
      <c r="NF24" s="345">
        <v>694883</v>
      </c>
      <c r="NG24" s="345">
        <v>589284</v>
      </c>
      <c r="NH24" s="345">
        <v>589839</v>
      </c>
      <c r="NI24" s="345">
        <v>1396237</v>
      </c>
      <c r="NJ24" s="345">
        <v>314776</v>
      </c>
      <c r="NK24" s="349">
        <v>3585019</v>
      </c>
      <c r="NL24" s="347">
        <v>3585019</v>
      </c>
      <c r="NM24" s="348">
        <v>0</v>
      </c>
      <c r="NN24" s="345">
        <v>0</v>
      </c>
      <c r="NO24" s="349">
        <v>0</v>
      </c>
      <c r="NP24" s="404">
        <v>0</v>
      </c>
      <c r="NQ24" s="345">
        <v>0</v>
      </c>
      <c r="NR24" s="345">
        <v>0</v>
      </c>
      <c r="NS24" s="345">
        <v>0</v>
      </c>
      <c r="NT24" s="345">
        <v>0</v>
      </c>
      <c r="NU24" s="345">
        <v>0</v>
      </c>
      <c r="NV24" s="349">
        <v>0</v>
      </c>
      <c r="NW24" s="350">
        <v>0</v>
      </c>
      <c r="NX24" s="348">
        <v>0</v>
      </c>
      <c r="NY24" s="345">
        <v>0</v>
      </c>
      <c r="NZ24" s="349">
        <v>0</v>
      </c>
      <c r="OA24" s="404">
        <v>0</v>
      </c>
      <c r="OB24" s="345">
        <v>0</v>
      </c>
      <c r="OC24" s="345">
        <v>0</v>
      </c>
      <c r="OD24" s="345">
        <v>0</v>
      </c>
      <c r="OE24" s="345">
        <v>0</v>
      </c>
      <c r="OF24" s="345">
        <v>0</v>
      </c>
      <c r="OG24" s="349">
        <v>0</v>
      </c>
      <c r="OH24" s="350">
        <v>0</v>
      </c>
      <c r="OI24" s="348">
        <v>260129</v>
      </c>
      <c r="OJ24" s="345">
        <v>530396</v>
      </c>
      <c r="OK24" s="346">
        <v>790525</v>
      </c>
      <c r="OL24" s="351">
        <v>0</v>
      </c>
      <c r="OM24" s="345">
        <v>5765404</v>
      </c>
      <c r="ON24" s="345">
        <v>6448490</v>
      </c>
      <c r="OO24" s="345">
        <v>5269973</v>
      </c>
      <c r="OP24" s="345">
        <v>4897820</v>
      </c>
      <c r="OQ24" s="345">
        <v>5650898</v>
      </c>
      <c r="OR24" s="349">
        <v>28032585</v>
      </c>
      <c r="OS24" s="354">
        <v>28823110</v>
      </c>
    </row>
    <row r="25" spans="2:409" s="70" customFormat="1" ht="21" customHeight="1" x14ac:dyDescent="0.2">
      <c r="B25" s="410" t="s">
        <v>20</v>
      </c>
      <c r="C25" s="326">
        <v>427623</v>
      </c>
      <c r="D25" s="327">
        <v>563597</v>
      </c>
      <c r="E25" s="328">
        <v>991220</v>
      </c>
      <c r="F25" s="326">
        <v>0</v>
      </c>
      <c r="G25" s="327">
        <v>6361116</v>
      </c>
      <c r="H25" s="327">
        <v>4872022</v>
      </c>
      <c r="I25" s="327">
        <v>5490540</v>
      </c>
      <c r="J25" s="327">
        <v>3815891</v>
      </c>
      <c r="K25" s="327">
        <v>2052310</v>
      </c>
      <c r="L25" s="367">
        <v>22591879</v>
      </c>
      <c r="M25" s="330">
        <v>23583099</v>
      </c>
      <c r="N25" s="326">
        <v>156540</v>
      </c>
      <c r="O25" s="327">
        <v>218202</v>
      </c>
      <c r="P25" s="328">
        <v>374742</v>
      </c>
      <c r="Q25" s="326">
        <v>0</v>
      </c>
      <c r="R25" s="327">
        <v>1650488</v>
      </c>
      <c r="S25" s="327">
        <v>1854007</v>
      </c>
      <c r="T25" s="327">
        <v>1157530</v>
      </c>
      <c r="U25" s="327">
        <v>1183330</v>
      </c>
      <c r="V25" s="327">
        <v>893891</v>
      </c>
      <c r="W25" s="328">
        <v>6739246</v>
      </c>
      <c r="X25" s="330">
        <v>7113988</v>
      </c>
      <c r="Y25" s="326">
        <v>0</v>
      </c>
      <c r="Z25" s="327">
        <v>0</v>
      </c>
      <c r="AA25" s="328">
        <v>0</v>
      </c>
      <c r="AB25" s="326">
        <v>0</v>
      </c>
      <c r="AC25" s="327">
        <v>650067</v>
      </c>
      <c r="AD25" s="327">
        <v>490948</v>
      </c>
      <c r="AE25" s="327">
        <v>344453</v>
      </c>
      <c r="AF25" s="327">
        <v>630792</v>
      </c>
      <c r="AG25" s="327">
        <v>409208</v>
      </c>
      <c r="AH25" s="328">
        <v>2525468</v>
      </c>
      <c r="AI25" s="330">
        <v>2525468</v>
      </c>
      <c r="AJ25" s="326">
        <v>0</v>
      </c>
      <c r="AK25" s="327">
        <v>0</v>
      </c>
      <c r="AL25" s="328">
        <v>0</v>
      </c>
      <c r="AM25" s="326">
        <v>0</v>
      </c>
      <c r="AN25" s="327">
        <v>0</v>
      </c>
      <c r="AO25" s="327">
        <v>0</v>
      </c>
      <c r="AP25" s="327">
        <v>0</v>
      </c>
      <c r="AQ25" s="327">
        <v>108096</v>
      </c>
      <c r="AR25" s="327">
        <v>59988</v>
      </c>
      <c r="AS25" s="328">
        <v>168084</v>
      </c>
      <c r="AT25" s="330">
        <v>168084</v>
      </c>
      <c r="AU25" s="326">
        <v>101814</v>
      </c>
      <c r="AV25" s="327">
        <v>97795</v>
      </c>
      <c r="AW25" s="328">
        <v>199609</v>
      </c>
      <c r="AX25" s="326">
        <v>0</v>
      </c>
      <c r="AY25" s="327">
        <v>601001</v>
      </c>
      <c r="AZ25" s="327">
        <v>1004929</v>
      </c>
      <c r="BA25" s="327">
        <v>350339</v>
      </c>
      <c r="BB25" s="327">
        <v>135339</v>
      </c>
      <c r="BC25" s="327">
        <v>336151</v>
      </c>
      <c r="BD25" s="328">
        <v>2427759</v>
      </c>
      <c r="BE25" s="330">
        <v>2627368</v>
      </c>
      <c r="BF25" s="326">
        <v>29574</v>
      </c>
      <c r="BG25" s="327">
        <v>75215</v>
      </c>
      <c r="BH25" s="331">
        <v>104789</v>
      </c>
      <c r="BI25" s="332">
        <v>0</v>
      </c>
      <c r="BJ25" s="327">
        <v>152588</v>
      </c>
      <c r="BK25" s="327">
        <v>197818</v>
      </c>
      <c r="BL25" s="327">
        <v>192962</v>
      </c>
      <c r="BM25" s="327">
        <v>84207</v>
      </c>
      <c r="BN25" s="327">
        <v>0</v>
      </c>
      <c r="BO25" s="328">
        <v>627575</v>
      </c>
      <c r="BP25" s="330">
        <v>732364</v>
      </c>
      <c r="BQ25" s="326">
        <v>25152</v>
      </c>
      <c r="BR25" s="327">
        <v>45192</v>
      </c>
      <c r="BS25" s="328">
        <v>70344</v>
      </c>
      <c r="BT25" s="326">
        <v>0</v>
      </c>
      <c r="BU25" s="327">
        <v>246832</v>
      </c>
      <c r="BV25" s="327">
        <v>160312</v>
      </c>
      <c r="BW25" s="327">
        <v>269776</v>
      </c>
      <c r="BX25" s="327">
        <v>224896</v>
      </c>
      <c r="BY25" s="327">
        <v>88544</v>
      </c>
      <c r="BZ25" s="328">
        <v>990360</v>
      </c>
      <c r="CA25" s="330">
        <v>1060704</v>
      </c>
      <c r="CB25" s="326">
        <v>42621</v>
      </c>
      <c r="CC25" s="327">
        <v>0</v>
      </c>
      <c r="CD25" s="328">
        <v>42621</v>
      </c>
      <c r="CE25" s="326">
        <v>0</v>
      </c>
      <c r="CF25" s="327">
        <v>2765579</v>
      </c>
      <c r="CG25" s="327">
        <v>1701947</v>
      </c>
      <c r="CH25" s="327">
        <v>1794468</v>
      </c>
      <c r="CI25" s="327">
        <v>681482</v>
      </c>
      <c r="CJ25" s="327">
        <v>75401</v>
      </c>
      <c r="CK25" s="328">
        <v>7018877</v>
      </c>
      <c r="CL25" s="330">
        <v>7061498</v>
      </c>
      <c r="CM25" s="326">
        <v>0</v>
      </c>
      <c r="CN25" s="327">
        <v>0</v>
      </c>
      <c r="CO25" s="328">
        <v>0</v>
      </c>
      <c r="CP25" s="332">
        <v>0</v>
      </c>
      <c r="CQ25" s="327">
        <v>2008760</v>
      </c>
      <c r="CR25" s="327">
        <v>1336426</v>
      </c>
      <c r="CS25" s="327">
        <v>1489944</v>
      </c>
      <c r="CT25" s="327">
        <v>517840</v>
      </c>
      <c r="CU25" s="327">
        <v>58397</v>
      </c>
      <c r="CV25" s="328">
        <v>5411367</v>
      </c>
      <c r="CW25" s="330">
        <v>5411367</v>
      </c>
      <c r="CX25" s="326">
        <v>42621</v>
      </c>
      <c r="CY25" s="327">
        <v>0</v>
      </c>
      <c r="CZ25" s="328">
        <v>42621</v>
      </c>
      <c r="DA25" s="326">
        <v>0</v>
      </c>
      <c r="DB25" s="327">
        <v>756819</v>
      </c>
      <c r="DC25" s="327">
        <v>365521</v>
      </c>
      <c r="DD25" s="327">
        <v>304524</v>
      </c>
      <c r="DE25" s="327">
        <v>163642</v>
      </c>
      <c r="DF25" s="327">
        <v>17004</v>
      </c>
      <c r="DG25" s="328">
        <v>1607510</v>
      </c>
      <c r="DH25" s="330">
        <v>1650131</v>
      </c>
      <c r="DI25" s="326">
        <v>51056</v>
      </c>
      <c r="DJ25" s="327">
        <v>0</v>
      </c>
      <c r="DK25" s="331">
        <v>51056</v>
      </c>
      <c r="DL25" s="332">
        <v>0</v>
      </c>
      <c r="DM25" s="327">
        <v>629634</v>
      </c>
      <c r="DN25" s="327">
        <v>770130</v>
      </c>
      <c r="DO25" s="327">
        <v>658097</v>
      </c>
      <c r="DP25" s="327">
        <v>163439</v>
      </c>
      <c r="DQ25" s="327">
        <v>461746</v>
      </c>
      <c r="DR25" s="328">
        <v>2683046</v>
      </c>
      <c r="DS25" s="330">
        <v>2734102</v>
      </c>
      <c r="DT25" s="326">
        <v>51056</v>
      </c>
      <c r="DU25" s="327">
        <v>0</v>
      </c>
      <c r="DV25" s="328">
        <v>51056</v>
      </c>
      <c r="DW25" s="326">
        <v>0</v>
      </c>
      <c r="DX25" s="327">
        <v>629634</v>
      </c>
      <c r="DY25" s="327">
        <v>770130</v>
      </c>
      <c r="DZ25" s="327">
        <v>597986</v>
      </c>
      <c r="EA25" s="327">
        <v>96928</v>
      </c>
      <c r="EB25" s="327">
        <v>461746</v>
      </c>
      <c r="EC25" s="328">
        <v>2556424</v>
      </c>
      <c r="ED25" s="330">
        <v>2607480</v>
      </c>
      <c r="EE25" s="326">
        <v>0</v>
      </c>
      <c r="EF25" s="331">
        <v>0</v>
      </c>
      <c r="EG25" s="328">
        <v>0</v>
      </c>
      <c r="EH25" s="326">
        <v>0</v>
      </c>
      <c r="EI25" s="327">
        <v>0</v>
      </c>
      <c r="EJ25" s="327">
        <v>0</v>
      </c>
      <c r="EK25" s="327">
        <v>60111</v>
      </c>
      <c r="EL25" s="327">
        <v>66511</v>
      </c>
      <c r="EM25" s="327">
        <v>0</v>
      </c>
      <c r="EN25" s="331">
        <v>126622</v>
      </c>
      <c r="EO25" s="330">
        <v>126622</v>
      </c>
      <c r="EP25" s="326">
        <v>0</v>
      </c>
      <c r="EQ25" s="327">
        <v>0</v>
      </c>
      <c r="ER25" s="331">
        <v>0</v>
      </c>
      <c r="ES25" s="332">
        <v>0</v>
      </c>
      <c r="ET25" s="327">
        <v>0</v>
      </c>
      <c r="EU25" s="327">
        <v>0</v>
      </c>
      <c r="EV25" s="327">
        <v>0</v>
      </c>
      <c r="EW25" s="327">
        <v>0</v>
      </c>
      <c r="EX25" s="327">
        <v>0</v>
      </c>
      <c r="EY25" s="328">
        <v>0</v>
      </c>
      <c r="EZ25" s="330">
        <v>0</v>
      </c>
      <c r="FA25" s="326">
        <v>0</v>
      </c>
      <c r="FB25" s="327">
        <v>0</v>
      </c>
      <c r="FC25" s="331">
        <v>0</v>
      </c>
      <c r="FD25" s="332">
        <v>0</v>
      </c>
      <c r="FE25" s="327">
        <v>0</v>
      </c>
      <c r="FF25" s="327">
        <v>0</v>
      </c>
      <c r="FG25" s="327">
        <v>0</v>
      </c>
      <c r="FH25" s="327">
        <v>0</v>
      </c>
      <c r="FI25" s="327">
        <v>0</v>
      </c>
      <c r="FJ25" s="328">
        <v>0</v>
      </c>
      <c r="FK25" s="330">
        <v>0</v>
      </c>
      <c r="FL25" s="326">
        <v>65208</v>
      </c>
      <c r="FM25" s="327">
        <v>101704</v>
      </c>
      <c r="FN25" s="328">
        <v>166912</v>
      </c>
      <c r="FO25" s="326">
        <v>0</v>
      </c>
      <c r="FP25" s="327">
        <v>386736</v>
      </c>
      <c r="FQ25" s="327">
        <v>477648</v>
      </c>
      <c r="FR25" s="327">
        <v>274528</v>
      </c>
      <c r="FS25" s="327">
        <v>262824</v>
      </c>
      <c r="FT25" s="327">
        <v>138368</v>
      </c>
      <c r="FU25" s="328">
        <v>1540104</v>
      </c>
      <c r="FV25" s="330">
        <v>1707016</v>
      </c>
      <c r="FW25" s="333">
        <v>65208</v>
      </c>
      <c r="FX25" s="327">
        <v>101704</v>
      </c>
      <c r="FY25" s="331">
        <v>166912</v>
      </c>
      <c r="FZ25" s="332">
        <v>0</v>
      </c>
      <c r="GA25" s="327">
        <v>386736</v>
      </c>
      <c r="GB25" s="327">
        <v>449928</v>
      </c>
      <c r="GC25" s="327">
        <v>274528</v>
      </c>
      <c r="GD25" s="327">
        <v>210464</v>
      </c>
      <c r="GE25" s="327">
        <v>138368</v>
      </c>
      <c r="GF25" s="328">
        <v>1460024</v>
      </c>
      <c r="GG25" s="334">
        <v>1626936</v>
      </c>
      <c r="GH25" s="333">
        <v>0</v>
      </c>
      <c r="GI25" s="327">
        <v>0</v>
      </c>
      <c r="GJ25" s="331">
        <v>0</v>
      </c>
      <c r="GK25" s="332">
        <v>0</v>
      </c>
      <c r="GL25" s="327">
        <v>0</v>
      </c>
      <c r="GM25" s="327">
        <v>27720</v>
      </c>
      <c r="GN25" s="327">
        <v>0</v>
      </c>
      <c r="GO25" s="327">
        <v>52360</v>
      </c>
      <c r="GP25" s="327">
        <v>0</v>
      </c>
      <c r="GQ25" s="328">
        <v>80080</v>
      </c>
      <c r="GR25" s="330">
        <v>80080</v>
      </c>
      <c r="GS25" s="326">
        <v>0</v>
      </c>
      <c r="GT25" s="327">
        <v>0</v>
      </c>
      <c r="GU25" s="328">
        <v>0</v>
      </c>
      <c r="GV25" s="326">
        <v>0</v>
      </c>
      <c r="GW25" s="327">
        <v>0</v>
      </c>
      <c r="GX25" s="327">
        <v>0</v>
      </c>
      <c r="GY25" s="327">
        <v>0</v>
      </c>
      <c r="GZ25" s="327">
        <v>0</v>
      </c>
      <c r="HA25" s="327">
        <v>0</v>
      </c>
      <c r="HB25" s="331">
        <v>0</v>
      </c>
      <c r="HC25" s="330">
        <v>0</v>
      </c>
      <c r="HD25" s="326">
        <v>112198</v>
      </c>
      <c r="HE25" s="327">
        <v>243691</v>
      </c>
      <c r="HF25" s="331">
        <v>355889</v>
      </c>
      <c r="HG25" s="332">
        <v>0</v>
      </c>
      <c r="HH25" s="327">
        <v>928679</v>
      </c>
      <c r="HI25" s="327">
        <v>68290</v>
      </c>
      <c r="HJ25" s="327">
        <v>1605917</v>
      </c>
      <c r="HK25" s="327">
        <v>1524816</v>
      </c>
      <c r="HL25" s="327">
        <v>482904</v>
      </c>
      <c r="HM25" s="328">
        <v>4610606</v>
      </c>
      <c r="HN25" s="329">
        <v>4966495</v>
      </c>
      <c r="HO25" s="333">
        <v>0</v>
      </c>
      <c r="HP25" s="327">
        <v>0</v>
      </c>
      <c r="HQ25" s="328">
        <v>0</v>
      </c>
      <c r="HR25" s="326">
        <v>0</v>
      </c>
      <c r="HS25" s="327">
        <v>0</v>
      </c>
      <c r="HT25" s="327">
        <v>0</v>
      </c>
      <c r="HU25" s="327">
        <v>0</v>
      </c>
      <c r="HV25" s="327">
        <v>0</v>
      </c>
      <c r="HW25" s="327">
        <v>0</v>
      </c>
      <c r="HX25" s="331">
        <v>0</v>
      </c>
      <c r="HY25" s="330">
        <v>0</v>
      </c>
      <c r="HZ25" s="335">
        <v>0</v>
      </c>
      <c r="IA25" s="336">
        <v>0</v>
      </c>
      <c r="IB25" s="337">
        <v>0</v>
      </c>
      <c r="IC25" s="338">
        <v>0</v>
      </c>
      <c r="ID25" s="336">
        <v>753197</v>
      </c>
      <c r="IE25" s="339">
        <v>1025658</v>
      </c>
      <c r="IF25" s="337">
        <v>1873805</v>
      </c>
      <c r="IG25" s="336">
        <v>367768</v>
      </c>
      <c r="IH25" s="337">
        <v>0</v>
      </c>
      <c r="II25" s="340">
        <v>4020428</v>
      </c>
      <c r="IJ25" s="341">
        <v>4020428</v>
      </c>
      <c r="IK25" s="342">
        <v>0</v>
      </c>
      <c r="IL25" s="343">
        <v>0</v>
      </c>
      <c r="IM25" s="344">
        <v>0</v>
      </c>
      <c r="IN25" s="404">
        <v>0</v>
      </c>
      <c r="IO25" s="345">
        <v>0</v>
      </c>
      <c r="IP25" s="345">
        <v>0</v>
      </c>
      <c r="IQ25" s="345">
        <v>0</v>
      </c>
      <c r="IR25" s="345">
        <v>0</v>
      </c>
      <c r="IS25" s="345">
        <v>0</v>
      </c>
      <c r="IT25" s="346">
        <v>0</v>
      </c>
      <c r="IU25" s="347">
        <v>0</v>
      </c>
      <c r="IV25" s="348">
        <v>0</v>
      </c>
      <c r="IW25" s="345">
        <v>0</v>
      </c>
      <c r="IX25" s="349">
        <v>0</v>
      </c>
      <c r="IY25" s="404">
        <v>0</v>
      </c>
      <c r="IZ25" s="345">
        <v>0</v>
      </c>
      <c r="JA25" s="345">
        <v>0</v>
      </c>
      <c r="JB25" s="345">
        <v>0</v>
      </c>
      <c r="JC25" s="345">
        <v>0</v>
      </c>
      <c r="JD25" s="345">
        <v>0</v>
      </c>
      <c r="JE25" s="349">
        <v>0</v>
      </c>
      <c r="JF25" s="350">
        <v>0</v>
      </c>
      <c r="JG25" s="348">
        <v>0</v>
      </c>
      <c r="JH25" s="345">
        <v>0</v>
      </c>
      <c r="JI25" s="346">
        <v>0</v>
      </c>
      <c r="JJ25" s="351">
        <v>0</v>
      </c>
      <c r="JK25" s="345">
        <v>753197</v>
      </c>
      <c r="JL25" s="345">
        <v>759831</v>
      </c>
      <c r="JM25" s="345">
        <v>307613</v>
      </c>
      <c r="JN25" s="345">
        <v>93232</v>
      </c>
      <c r="JO25" s="345">
        <v>0</v>
      </c>
      <c r="JP25" s="349">
        <v>1913873</v>
      </c>
      <c r="JQ25" s="347">
        <v>1913873</v>
      </c>
      <c r="JR25" s="348">
        <v>0</v>
      </c>
      <c r="JS25" s="345">
        <v>0</v>
      </c>
      <c r="JT25" s="346">
        <v>0</v>
      </c>
      <c r="JU25" s="351">
        <v>0</v>
      </c>
      <c r="JV25" s="345">
        <v>0</v>
      </c>
      <c r="JW25" s="345">
        <v>0</v>
      </c>
      <c r="JX25" s="345">
        <v>0</v>
      </c>
      <c r="JY25" s="345">
        <v>0</v>
      </c>
      <c r="JZ25" s="345">
        <v>0</v>
      </c>
      <c r="KA25" s="349">
        <v>0</v>
      </c>
      <c r="KB25" s="347">
        <v>0</v>
      </c>
      <c r="KC25" s="352">
        <v>0</v>
      </c>
      <c r="KD25" s="353">
        <v>0</v>
      </c>
      <c r="KE25" s="349">
        <v>0</v>
      </c>
      <c r="KF25" s="351">
        <v>0</v>
      </c>
      <c r="KG25" s="345">
        <v>0</v>
      </c>
      <c r="KH25" s="345">
        <v>0</v>
      </c>
      <c r="KI25" s="345">
        <v>498408</v>
      </c>
      <c r="KJ25" s="345">
        <v>0</v>
      </c>
      <c r="KK25" s="345">
        <v>0</v>
      </c>
      <c r="KL25" s="349">
        <v>498408</v>
      </c>
      <c r="KM25" s="354">
        <v>498408</v>
      </c>
      <c r="KN25" s="342">
        <v>0</v>
      </c>
      <c r="KO25" s="343">
        <v>0</v>
      </c>
      <c r="KP25" s="344">
        <v>0</v>
      </c>
      <c r="KQ25" s="404">
        <v>0</v>
      </c>
      <c r="KR25" s="345">
        <v>0</v>
      </c>
      <c r="KS25" s="345">
        <v>265827</v>
      </c>
      <c r="KT25" s="345">
        <v>1067784</v>
      </c>
      <c r="KU25" s="345">
        <v>274536</v>
      </c>
      <c r="KV25" s="345">
        <v>0</v>
      </c>
      <c r="KW25" s="349">
        <v>1608147</v>
      </c>
      <c r="KX25" s="347">
        <v>1608147</v>
      </c>
      <c r="KY25" s="348">
        <v>0</v>
      </c>
      <c r="KZ25" s="345">
        <v>0</v>
      </c>
      <c r="LA25" s="349">
        <v>0</v>
      </c>
      <c r="LB25" s="404">
        <v>0</v>
      </c>
      <c r="LC25" s="345">
        <v>0</v>
      </c>
      <c r="LD25" s="345">
        <v>0</v>
      </c>
      <c r="LE25" s="345">
        <v>0</v>
      </c>
      <c r="LF25" s="345">
        <v>0</v>
      </c>
      <c r="LG25" s="345">
        <v>0</v>
      </c>
      <c r="LH25" s="349">
        <v>0</v>
      </c>
      <c r="LI25" s="350">
        <v>0</v>
      </c>
      <c r="LJ25" s="348">
        <v>0</v>
      </c>
      <c r="LK25" s="345">
        <v>0</v>
      </c>
      <c r="LL25" s="349">
        <v>0</v>
      </c>
      <c r="LM25" s="404">
        <v>0</v>
      </c>
      <c r="LN25" s="345">
        <v>0</v>
      </c>
      <c r="LO25" s="345">
        <v>0</v>
      </c>
      <c r="LP25" s="345">
        <v>0</v>
      </c>
      <c r="LQ25" s="345">
        <v>0</v>
      </c>
      <c r="LR25" s="345">
        <v>0</v>
      </c>
      <c r="LS25" s="349">
        <v>0</v>
      </c>
      <c r="LT25" s="347">
        <v>0</v>
      </c>
      <c r="LU25" s="348">
        <v>0</v>
      </c>
      <c r="LV25" s="345">
        <v>0</v>
      </c>
      <c r="LW25" s="349">
        <v>0</v>
      </c>
      <c r="LX25" s="404">
        <v>0</v>
      </c>
      <c r="LY25" s="345">
        <v>0</v>
      </c>
      <c r="LZ25" s="345">
        <v>0</v>
      </c>
      <c r="MA25" s="345">
        <v>0</v>
      </c>
      <c r="MB25" s="345">
        <v>0</v>
      </c>
      <c r="MC25" s="345">
        <v>0</v>
      </c>
      <c r="MD25" s="349">
        <v>0</v>
      </c>
      <c r="ME25" s="350">
        <v>0</v>
      </c>
      <c r="MF25" s="348">
        <v>0</v>
      </c>
      <c r="MG25" s="345">
        <v>0</v>
      </c>
      <c r="MH25" s="349">
        <v>0</v>
      </c>
      <c r="MI25" s="404">
        <v>0</v>
      </c>
      <c r="MJ25" s="345">
        <v>0</v>
      </c>
      <c r="MK25" s="345">
        <v>540726</v>
      </c>
      <c r="ML25" s="345">
        <v>1785021</v>
      </c>
      <c r="MM25" s="345">
        <v>3115183</v>
      </c>
      <c r="MN25" s="345">
        <v>1710432</v>
      </c>
      <c r="MO25" s="349">
        <v>7151362</v>
      </c>
      <c r="MP25" s="354">
        <v>7151362</v>
      </c>
      <c r="MQ25" s="348">
        <v>0</v>
      </c>
      <c r="MR25" s="345">
        <v>0</v>
      </c>
      <c r="MS25" s="349">
        <v>0</v>
      </c>
      <c r="MT25" s="404">
        <v>0</v>
      </c>
      <c r="MU25" s="345">
        <v>0</v>
      </c>
      <c r="MV25" s="345">
        <v>261307</v>
      </c>
      <c r="MW25" s="345">
        <v>1510940</v>
      </c>
      <c r="MX25" s="345">
        <v>2485748</v>
      </c>
      <c r="MY25" s="345">
        <v>1322725</v>
      </c>
      <c r="MZ25" s="349">
        <v>5580720</v>
      </c>
      <c r="NA25" s="354">
        <v>5580720</v>
      </c>
      <c r="NB25" s="348">
        <v>0</v>
      </c>
      <c r="NC25" s="345">
        <v>0</v>
      </c>
      <c r="ND25" s="349">
        <v>0</v>
      </c>
      <c r="NE25" s="404">
        <v>0</v>
      </c>
      <c r="NF25" s="345">
        <v>0</v>
      </c>
      <c r="NG25" s="345">
        <v>279419</v>
      </c>
      <c r="NH25" s="345">
        <v>274081</v>
      </c>
      <c r="NI25" s="345">
        <v>629435</v>
      </c>
      <c r="NJ25" s="345">
        <v>0</v>
      </c>
      <c r="NK25" s="349">
        <v>1182935</v>
      </c>
      <c r="NL25" s="347">
        <v>1182935</v>
      </c>
      <c r="NM25" s="348">
        <v>0</v>
      </c>
      <c r="NN25" s="345">
        <v>0</v>
      </c>
      <c r="NO25" s="349">
        <v>0</v>
      </c>
      <c r="NP25" s="404">
        <v>0</v>
      </c>
      <c r="NQ25" s="345">
        <v>0</v>
      </c>
      <c r="NR25" s="345">
        <v>0</v>
      </c>
      <c r="NS25" s="345">
        <v>0</v>
      </c>
      <c r="NT25" s="345">
        <v>0</v>
      </c>
      <c r="NU25" s="345">
        <v>0</v>
      </c>
      <c r="NV25" s="349">
        <v>0</v>
      </c>
      <c r="NW25" s="350">
        <v>0</v>
      </c>
      <c r="NX25" s="348">
        <v>0</v>
      </c>
      <c r="NY25" s="345">
        <v>0</v>
      </c>
      <c r="NZ25" s="349">
        <v>0</v>
      </c>
      <c r="OA25" s="404">
        <v>0</v>
      </c>
      <c r="OB25" s="345">
        <v>0</v>
      </c>
      <c r="OC25" s="345">
        <v>0</v>
      </c>
      <c r="OD25" s="345">
        <v>0</v>
      </c>
      <c r="OE25" s="345">
        <v>0</v>
      </c>
      <c r="OF25" s="345">
        <v>387707</v>
      </c>
      <c r="OG25" s="349">
        <v>387707</v>
      </c>
      <c r="OH25" s="350">
        <v>387707</v>
      </c>
      <c r="OI25" s="348">
        <v>427623</v>
      </c>
      <c r="OJ25" s="345">
        <v>563597</v>
      </c>
      <c r="OK25" s="346">
        <v>991220</v>
      </c>
      <c r="OL25" s="351">
        <v>0</v>
      </c>
      <c r="OM25" s="345">
        <v>7114313</v>
      </c>
      <c r="ON25" s="345">
        <v>6438406</v>
      </c>
      <c r="OO25" s="345">
        <v>9149366</v>
      </c>
      <c r="OP25" s="345">
        <v>7298842</v>
      </c>
      <c r="OQ25" s="345">
        <v>3762742</v>
      </c>
      <c r="OR25" s="349">
        <v>33763669</v>
      </c>
      <c r="OS25" s="354">
        <v>34754889</v>
      </c>
    </row>
    <row r="26" spans="2:409" s="70" customFormat="1" ht="21" customHeight="1" x14ac:dyDescent="0.2">
      <c r="B26" s="410" t="s">
        <v>21</v>
      </c>
      <c r="C26" s="326">
        <v>207695</v>
      </c>
      <c r="D26" s="327">
        <v>360165</v>
      </c>
      <c r="E26" s="328">
        <v>567860</v>
      </c>
      <c r="F26" s="329">
        <v>0</v>
      </c>
      <c r="G26" s="327">
        <v>3884702</v>
      </c>
      <c r="H26" s="327">
        <v>5007285</v>
      </c>
      <c r="I26" s="327">
        <v>3141914</v>
      </c>
      <c r="J26" s="327">
        <v>3845761</v>
      </c>
      <c r="K26" s="327">
        <v>2348986</v>
      </c>
      <c r="L26" s="367">
        <v>18228648</v>
      </c>
      <c r="M26" s="330">
        <v>18796508</v>
      </c>
      <c r="N26" s="326">
        <v>122814</v>
      </c>
      <c r="O26" s="327">
        <v>122345</v>
      </c>
      <c r="P26" s="328">
        <v>245159</v>
      </c>
      <c r="Q26" s="326">
        <v>0</v>
      </c>
      <c r="R26" s="327">
        <v>1246961</v>
      </c>
      <c r="S26" s="327">
        <v>1731756</v>
      </c>
      <c r="T26" s="327">
        <v>759209</v>
      </c>
      <c r="U26" s="327">
        <v>1496505</v>
      </c>
      <c r="V26" s="327">
        <v>898635</v>
      </c>
      <c r="W26" s="328">
        <v>6133066</v>
      </c>
      <c r="X26" s="330">
        <v>6378225</v>
      </c>
      <c r="Y26" s="326">
        <v>0</v>
      </c>
      <c r="Z26" s="327">
        <v>0</v>
      </c>
      <c r="AA26" s="328">
        <v>0</v>
      </c>
      <c r="AB26" s="326">
        <v>0</v>
      </c>
      <c r="AC26" s="327">
        <v>437494</v>
      </c>
      <c r="AD26" s="327">
        <v>530886</v>
      </c>
      <c r="AE26" s="327">
        <v>194847</v>
      </c>
      <c r="AF26" s="327">
        <v>863296</v>
      </c>
      <c r="AG26" s="327">
        <v>636024</v>
      </c>
      <c r="AH26" s="328">
        <v>2662547</v>
      </c>
      <c r="AI26" s="330">
        <v>2662547</v>
      </c>
      <c r="AJ26" s="326">
        <v>0</v>
      </c>
      <c r="AK26" s="327">
        <v>0</v>
      </c>
      <c r="AL26" s="328">
        <v>0</v>
      </c>
      <c r="AM26" s="326">
        <v>0</v>
      </c>
      <c r="AN26" s="327">
        <v>0</v>
      </c>
      <c r="AO26" s="327">
        <v>0</v>
      </c>
      <c r="AP26" s="327">
        <v>59277</v>
      </c>
      <c r="AQ26" s="327">
        <v>0</v>
      </c>
      <c r="AR26" s="327">
        <v>47422</v>
      </c>
      <c r="AS26" s="328">
        <v>106699</v>
      </c>
      <c r="AT26" s="330">
        <v>106699</v>
      </c>
      <c r="AU26" s="326">
        <v>50646</v>
      </c>
      <c r="AV26" s="327">
        <v>83808</v>
      </c>
      <c r="AW26" s="328">
        <v>134454</v>
      </c>
      <c r="AX26" s="326">
        <v>0</v>
      </c>
      <c r="AY26" s="327">
        <v>605513</v>
      </c>
      <c r="AZ26" s="327">
        <v>759066</v>
      </c>
      <c r="BA26" s="327">
        <v>319865</v>
      </c>
      <c r="BB26" s="327">
        <v>343474</v>
      </c>
      <c r="BC26" s="327">
        <v>104661</v>
      </c>
      <c r="BD26" s="328">
        <v>2132579</v>
      </c>
      <c r="BE26" s="330">
        <v>2267033</v>
      </c>
      <c r="BF26" s="326">
        <v>37000</v>
      </c>
      <c r="BG26" s="327">
        <v>25657</v>
      </c>
      <c r="BH26" s="331">
        <v>62657</v>
      </c>
      <c r="BI26" s="332">
        <v>0</v>
      </c>
      <c r="BJ26" s="327">
        <v>54242</v>
      </c>
      <c r="BK26" s="327">
        <v>139084</v>
      </c>
      <c r="BL26" s="327">
        <v>68828</v>
      </c>
      <c r="BM26" s="327">
        <v>31295</v>
      </c>
      <c r="BN26" s="327">
        <v>0</v>
      </c>
      <c r="BO26" s="328">
        <v>293449</v>
      </c>
      <c r="BP26" s="330">
        <v>356106</v>
      </c>
      <c r="BQ26" s="326">
        <v>35168</v>
      </c>
      <c r="BR26" s="327">
        <v>12880</v>
      </c>
      <c r="BS26" s="328">
        <v>48048</v>
      </c>
      <c r="BT26" s="326">
        <v>0</v>
      </c>
      <c r="BU26" s="327">
        <v>149712</v>
      </c>
      <c r="BV26" s="327">
        <v>302720</v>
      </c>
      <c r="BW26" s="327">
        <v>116392</v>
      </c>
      <c r="BX26" s="327">
        <v>258440</v>
      </c>
      <c r="BY26" s="327">
        <v>110528</v>
      </c>
      <c r="BZ26" s="328">
        <v>937792</v>
      </c>
      <c r="CA26" s="330">
        <v>985840</v>
      </c>
      <c r="CB26" s="326">
        <v>19681</v>
      </c>
      <c r="CC26" s="327">
        <v>79372</v>
      </c>
      <c r="CD26" s="328">
        <v>99053</v>
      </c>
      <c r="CE26" s="326">
        <v>0</v>
      </c>
      <c r="CF26" s="327">
        <v>1228639</v>
      </c>
      <c r="CG26" s="327">
        <v>1337443</v>
      </c>
      <c r="CH26" s="327">
        <v>624882</v>
      </c>
      <c r="CI26" s="327">
        <v>392217</v>
      </c>
      <c r="CJ26" s="327">
        <v>56519</v>
      </c>
      <c r="CK26" s="328">
        <v>3639700</v>
      </c>
      <c r="CL26" s="330">
        <v>3738753</v>
      </c>
      <c r="CM26" s="326">
        <v>0</v>
      </c>
      <c r="CN26" s="327">
        <v>0</v>
      </c>
      <c r="CO26" s="328">
        <v>0</v>
      </c>
      <c r="CP26" s="332">
        <v>0</v>
      </c>
      <c r="CQ26" s="327">
        <v>960734</v>
      </c>
      <c r="CR26" s="327">
        <v>1217091</v>
      </c>
      <c r="CS26" s="327">
        <v>532610</v>
      </c>
      <c r="CT26" s="327">
        <v>392217</v>
      </c>
      <c r="CU26" s="327">
        <v>56519</v>
      </c>
      <c r="CV26" s="328">
        <v>3159171</v>
      </c>
      <c r="CW26" s="330">
        <v>3159171</v>
      </c>
      <c r="CX26" s="326">
        <v>19681</v>
      </c>
      <c r="CY26" s="327">
        <v>79372</v>
      </c>
      <c r="CZ26" s="328">
        <v>99053</v>
      </c>
      <c r="DA26" s="326">
        <v>0</v>
      </c>
      <c r="DB26" s="327">
        <v>267905</v>
      </c>
      <c r="DC26" s="327">
        <v>120352</v>
      </c>
      <c r="DD26" s="327">
        <v>92272</v>
      </c>
      <c r="DE26" s="327">
        <v>0</v>
      </c>
      <c r="DF26" s="327">
        <v>0</v>
      </c>
      <c r="DG26" s="328">
        <v>480529</v>
      </c>
      <c r="DH26" s="330">
        <v>579582</v>
      </c>
      <c r="DI26" s="326">
        <v>0</v>
      </c>
      <c r="DJ26" s="327">
        <v>0</v>
      </c>
      <c r="DK26" s="331">
        <v>0</v>
      </c>
      <c r="DL26" s="332">
        <v>0</v>
      </c>
      <c r="DM26" s="327">
        <v>162493</v>
      </c>
      <c r="DN26" s="327">
        <v>76060</v>
      </c>
      <c r="DO26" s="327">
        <v>70093</v>
      </c>
      <c r="DP26" s="327">
        <v>103565</v>
      </c>
      <c r="DQ26" s="327">
        <v>0</v>
      </c>
      <c r="DR26" s="328">
        <v>412211</v>
      </c>
      <c r="DS26" s="330">
        <v>412211</v>
      </c>
      <c r="DT26" s="326">
        <v>0</v>
      </c>
      <c r="DU26" s="327">
        <v>0</v>
      </c>
      <c r="DV26" s="328">
        <v>0</v>
      </c>
      <c r="DW26" s="326">
        <v>0</v>
      </c>
      <c r="DX26" s="327">
        <v>162493</v>
      </c>
      <c r="DY26" s="327">
        <v>76060</v>
      </c>
      <c r="DZ26" s="327">
        <v>70093</v>
      </c>
      <c r="EA26" s="327">
        <v>103565</v>
      </c>
      <c r="EB26" s="327">
        <v>0</v>
      </c>
      <c r="EC26" s="328">
        <v>412211</v>
      </c>
      <c r="ED26" s="330">
        <v>412211</v>
      </c>
      <c r="EE26" s="326">
        <v>0</v>
      </c>
      <c r="EF26" s="331">
        <v>0</v>
      </c>
      <c r="EG26" s="328">
        <v>0</v>
      </c>
      <c r="EH26" s="326">
        <v>0</v>
      </c>
      <c r="EI26" s="327">
        <v>0</v>
      </c>
      <c r="EJ26" s="327">
        <v>0</v>
      </c>
      <c r="EK26" s="327">
        <v>0</v>
      </c>
      <c r="EL26" s="327">
        <v>0</v>
      </c>
      <c r="EM26" s="327">
        <v>0</v>
      </c>
      <c r="EN26" s="331">
        <v>0</v>
      </c>
      <c r="EO26" s="330">
        <v>0</v>
      </c>
      <c r="EP26" s="326">
        <v>0</v>
      </c>
      <c r="EQ26" s="327">
        <v>0</v>
      </c>
      <c r="ER26" s="331">
        <v>0</v>
      </c>
      <c r="ES26" s="332">
        <v>0</v>
      </c>
      <c r="ET26" s="327">
        <v>0</v>
      </c>
      <c r="EU26" s="327">
        <v>0</v>
      </c>
      <c r="EV26" s="327">
        <v>0</v>
      </c>
      <c r="EW26" s="327">
        <v>0</v>
      </c>
      <c r="EX26" s="327">
        <v>0</v>
      </c>
      <c r="EY26" s="328">
        <v>0</v>
      </c>
      <c r="EZ26" s="330">
        <v>0</v>
      </c>
      <c r="FA26" s="326">
        <v>0</v>
      </c>
      <c r="FB26" s="327">
        <v>0</v>
      </c>
      <c r="FC26" s="331">
        <v>0</v>
      </c>
      <c r="FD26" s="332">
        <v>0</v>
      </c>
      <c r="FE26" s="327">
        <v>0</v>
      </c>
      <c r="FF26" s="327">
        <v>0</v>
      </c>
      <c r="FG26" s="327">
        <v>0</v>
      </c>
      <c r="FH26" s="327">
        <v>0</v>
      </c>
      <c r="FI26" s="327">
        <v>0</v>
      </c>
      <c r="FJ26" s="328">
        <v>0</v>
      </c>
      <c r="FK26" s="330">
        <v>0</v>
      </c>
      <c r="FL26" s="326">
        <v>65200</v>
      </c>
      <c r="FM26" s="327">
        <v>158448</v>
      </c>
      <c r="FN26" s="328">
        <v>223648</v>
      </c>
      <c r="FO26" s="326">
        <v>0</v>
      </c>
      <c r="FP26" s="327">
        <v>560017</v>
      </c>
      <c r="FQ26" s="327">
        <v>382920</v>
      </c>
      <c r="FR26" s="327">
        <v>253784</v>
      </c>
      <c r="FS26" s="327">
        <v>244384</v>
      </c>
      <c r="FT26" s="327">
        <v>147840</v>
      </c>
      <c r="FU26" s="328">
        <v>1588945</v>
      </c>
      <c r="FV26" s="330">
        <v>1812593</v>
      </c>
      <c r="FW26" s="333">
        <v>41968</v>
      </c>
      <c r="FX26" s="327">
        <v>158448</v>
      </c>
      <c r="FY26" s="331">
        <v>200416</v>
      </c>
      <c r="FZ26" s="332">
        <v>0</v>
      </c>
      <c r="GA26" s="327">
        <v>150528</v>
      </c>
      <c r="GB26" s="327">
        <v>382920</v>
      </c>
      <c r="GC26" s="327">
        <v>253784</v>
      </c>
      <c r="GD26" s="327">
        <v>244384</v>
      </c>
      <c r="GE26" s="327">
        <v>91840</v>
      </c>
      <c r="GF26" s="328">
        <v>1123456</v>
      </c>
      <c r="GG26" s="334">
        <v>1323872</v>
      </c>
      <c r="GH26" s="333">
        <v>23232</v>
      </c>
      <c r="GI26" s="327">
        <v>0</v>
      </c>
      <c r="GJ26" s="331">
        <v>23232</v>
      </c>
      <c r="GK26" s="332">
        <v>0</v>
      </c>
      <c r="GL26" s="327">
        <v>17489</v>
      </c>
      <c r="GM26" s="327">
        <v>0</v>
      </c>
      <c r="GN26" s="327">
        <v>0</v>
      </c>
      <c r="GO26" s="327">
        <v>0</v>
      </c>
      <c r="GP26" s="327">
        <v>0</v>
      </c>
      <c r="GQ26" s="328">
        <v>17489</v>
      </c>
      <c r="GR26" s="330">
        <v>40721</v>
      </c>
      <c r="GS26" s="326">
        <v>0</v>
      </c>
      <c r="GT26" s="327">
        <v>0</v>
      </c>
      <c r="GU26" s="328">
        <v>0</v>
      </c>
      <c r="GV26" s="326">
        <v>0</v>
      </c>
      <c r="GW26" s="327">
        <v>392000</v>
      </c>
      <c r="GX26" s="327">
        <v>0</v>
      </c>
      <c r="GY26" s="327">
        <v>0</v>
      </c>
      <c r="GZ26" s="327">
        <v>0</v>
      </c>
      <c r="HA26" s="327">
        <v>56000</v>
      </c>
      <c r="HB26" s="331">
        <v>448000</v>
      </c>
      <c r="HC26" s="330">
        <v>448000</v>
      </c>
      <c r="HD26" s="326">
        <v>0</v>
      </c>
      <c r="HE26" s="327">
        <v>0</v>
      </c>
      <c r="HF26" s="331">
        <v>0</v>
      </c>
      <c r="HG26" s="332">
        <v>0</v>
      </c>
      <c r="HH26" s="327">
        <v>686592</v>
      </c>
      <c r="HI26" s="327">
        <v>1479106</v>
      </c>
      <c r="HJ26" s="327">
        <v>1433946</v>
      </c>
      <c r="HK26" s="327">
        <v>1609090</v>
      </c>
      <c r="HL26" s="327">
        <v>1245992</v>
      </c>
      <c r="HM26" s="328">
        <v>6454726</v>
      </c>
      <c r="HN26" s="329">
        <v>6454726</v>
      </c>
      <c r="HO26" s="333">
        <v>0</v>
      </c>
      <c r="HP26" s="327">
        <v>0</v>
      </c>
      <c r="HQ26" s="328">
        <v>0</v>
      </c>
      <c r="HR26" s="326">
        <v>0</v>
      </c>
      <c r="HS26" s="327">
        <v>0</v>
      </c>
      <c r="HT26" s="327">
        <v>0</v>
      </c>
      <c r="HU26" s="327">
        <v>0</v>
      </c>
      <c r="HV26" s="327">
        <v>0</v>
      </c>
      <c r="HW26" s="327">
        <v>0</v>
      </c>
      <c r="HX26" s="331">
        <v>0</v>
      </c>
      <c r="HY26" s="330">
        <v>0</v>
      </c>
      <c r="HZ26" s="358">
        <v>0</v>
      </c>
      <c r="IA26" s="356">
        <v>0</v>
      </c>
      <c r="IB26" s="358">
        <v>0</v>
      </c>
      <c r="IC26" s="355">
        <v>0</v>
      </c>
      <c r="ID26" s="356">
        <v>895478</v>
      </c>
      <c r="IE26" s="357">
        <v>852236</v>
      </c>
      <c r="IF26" s="358">
        <v>568979</v>
      </c>
      <c r="IG26" s="356">
        <v>691568</v>
      </c>
      <c r="IH26" s="358">
        <v>0</v>
      </c>
      <c r="II26" s="359">
        <v>3008261</v>
      </c>
      <c r="IJ26" s="358">
        <v>3008261</v>
      </c>
      <c r="IK26" s="342">
        <v>0</v>
      </c>
      <c r="IL26" s="343">
        <v>0</v>
      </c>
      <c r="IM26" s="344">
        <v>0</v>
      </c>
      <c r="IN26" s="404">
        <v>0</v>
      </c>
      <c r="IO26" s="345">
        <v>130099</v>
      </c>
      <c r="IP26" s="345">
        <v>0</v>
      </c>
      <c r="IQ26" s="345">
        <v>0</v>
      </c>
      <c r="IR26" s="345">
        <v>0</v>
      </c>
      <c r="IS26" s="345">
        <v>0</v>
      </c>
      <c r="IT26" s="346">
        <v>130099</v>
      </c>
      <c r="IU26" s="347">
        <v>130099</v>
      </c>
      <c r="IV26" s="348">
        <v>0</v>
      </c>
      <c r="IW26" s="345">
        <v>0</v>
      </c>
      <c r="IX26" s="349">
        <v>0</v>
      </c>
      <c r="IY26" s="404">
        <v>0</v>
      </c>
      <c r="IZ26" s="345">
        <v>0</v>
      </c>
      <c r="JA26" s="345">
        <v>0</v>
      </c>
      <c r="JB26" s="345">
        <v>0</v>
      </c>
      <c r="JC26" s="345">
        <v>0</v>
      </c>
      <c r="JD26" s="345">
        <v>0</v>
      </c>
      <c r="JE26" s="349">
        <v>0</v>
      </c>
      <c r="JF26" s="350">
        <v>0</v>
      </c>
      <c r="JG26" s="348">
        <v>0</v>
      </c>
      <c r="JH26" s="345">
        <v>0</v>
      </c>
      <c r="JI26" s="346">
        <v>0</v>
      </c>
      <c r="JJ26" s="351">
        <v>0</v>
      </c>
      <c r="JK26" s="345">
        <v>520399</v>
      </c>
      <c r="JL26" s="345">
        <v>330031</v>
      </c>
      <c r="JM26" s="345">
        <v>272516</v>
      </c>
      <c r="JN26" s="345">
        <v>424292</v>
      </c>
      <c r="JO26" s="345">
        <v>0</v>
      </c>
      <c r="JP26" s="349">
        <v>1547238</v>
      </c>
      <c r="JQ26" s="347">
        <v>1547238</v>
      </c>
      <c r="JR26" s="348">
        <v>0</v>
      </c>
      <c r="JS26" s="345">
        <v>0</v>
      </c>
      <c r="JT26" s="346">
        <v>0</v>
      </c>
      <c r="JU26" s="351">
        <v>0</v>
      </c>
      <c r="JV26" s="345">
        <v>0</v>
      </c>
      <c r="JW26" s="345">
        <v>0</v>
      </c>
      <c r="JX26" s="345">
        <v>0</v>
      </c>
      <c r="JY26" s="345">
        <v>0</v>
      </c>
      <c r="JZ26" s="345">
        <v>0</v>
      </c>
      <c r="KA26" s="349">
        <v>0</v>
      </c>
      <c r="KB26" s="347">
        <v>0</v>
      </c>
      <c r="KC26" s="352">
        <v>0</v>
      </c>
      <c r="KD26" s="353">
        <v>0</v>
      </c>
      <c r="KE26" s="349">
        <v>0</v>
      </c>
      <c r="KF26" s="351">
        <v>0</v>
      </c>
      <c r="KG26" s="345">
        <v>0</v>
      </c>
      <c r="KH26" s="345">
        <v>0</v>
      </c>
      <c r="KI26" s="345">
        <v>237543</v>
      </c>
      <c r="KJ26" s="345">
        <v>0</v>
      </c>
      <c r="KK26" s="345">
        <v>0</v>
      </c>
      <c r="KL26" s="349">
        <v>237543</v>
      </c>
      <c r="KM26" s="354">
        <v>237543</v>
      </c>
      <c r="KN26" s="342">
        <v>0</v>
      </c>
      <c r="KO26" s="343">
        <v>0</v>
      </c>
      <c r="KP26" s="344">
        <v>0</v>
      </c>
      <c r="KQ26" s="404">
        <v>0</v>
      </c>
      <c r="KR26" s="345">
        <v>244980</v>
      </c>
      <c r="KS26" s="345">
        <v>522205</v>
      </c>
      <c r="KT26" s="345">
        <v>58920</v>
      </c>
      <c r="KU26" s="345">
        <v>267276</v>
      </c>
      <c r="KV26" s="345">
        <v>0</v>
      </c>
      <c r="KW26" s="349">
        <v>1093381</v>
      </c>
      <c r="KX26" s="347">
        <v>1093381</v>
      </c>
      <c r="KY26" s="348">
        <v>0</v>
      </c>
      <c r="KZ26" s="345">
        <v>0</v>
      </c>
      <c r="LA26" s="349">
        <v>0</v>
      </c>
      <c r="LB26" s="404">
        <v>0</v>
      </c>
      <c r="LC26" s="345">
        <v>0</v>
      </c>
      <c r="LD26" s="345">
        <v>0</v>
      </c>
      <c r="LE26" s="345">
        <v>0</v>
      </c>
      <c r="LF26" s="345">
        <v>0</v>
      </c>
      <c r="LG26" s="345">
        <v>0</v>
      </c>
      <c r="LH26" s="349">
        <v>0</v>
      </c>
      <c r="LI26" s="350">
        <v>0</v>
      </c>
      <c r="LJ26" s="348">
        <v>0</v>
      </c>
      <c r="LK26" s="345">
        <v>0</v>
      </c>
      <c r="LL26" s="349">
        <v>0</v>
      </c>
      <c r="LM26" s="404">
        <v>0</v>
      </c>
      <c r="LN26" s="345">
        <v>0</v>
      </c>
      <c r="LO26" s="345">
        <v>0</v>
      </c>
      <c r="LP26" s="345">
        <v>0</v>
      </c>
      <c r="LQ26" s="345">
        <v>0</v>
      </c>
      <c r="LR26" s="345">
        <v>0</v>
      </c>
      <c r="LS26" s="349">
        <v>0</v>
      </c>
      <c r="LT26" s="347">
        <v>0</v>
      </c>
      <c r="LU26" s="348">
        <v>0</v>
      </c>
      <c r="LV26" s="345">
        <v>0</v>
      </c>
      <c r="LW26" s="349">
        <v>0</v>
      </c>
      <c r="LX26" s="404">
        <v>0</v>
      </c>
      <c r="LY26" s="345">
        <v>0</v>
      </c>
      <c r="LZ26" s="345">
        <v>0</v>
      </c>
      <c r="MA26" s="345">
        <v>0</v>
      </c>
      <c r="MB26" s="345">
        <v>0</v>
      </c>
      <c r="MC26" s="345">
        <v>0</v>
      </c>
      <c r="MD26" s="349">
        <v>0</v>
      </c>
      <c r="ME26" s="350">
        <v>0</v>
      </c>
      <c r="MF26" s="348">
        <v>0</v>
      </c>
      <c r="MG26" s="345">
        <v>0</v>
      </c>
      <c r="MH26" s="349">
        <v>0</v>
      </c>
      <c r="MI26" s="404">
        <v>0</v>
      </c>
      <c r="MJ26" s="345">
        <v>193182</v>
      </c>
      <c r="MK26" s="345">
        <v>0</v>
      </c>
      <c r="ML26" s="345">
        <v>2076691</v>
      </c>
      <c r="MM26" s="345">
        <v>1451754</v>
      </c>
      <c r="MN26" s="345">
        <v>2382491</v>
      </c>
      <c r="MO26" s="349">
        <v>6104118</v>
      </c>
      <c r="MP26" s="354">
        <v>6104118</v>
      </c>
      <c r="MQ26" s="348">
        <v>0</v>
      </c>
      <c r="MR26" s="345">
        <v>0</v>
      </c>
      <c r="MS26" s="349">
        <v>0</v>
      </c>
      <c r="MT26" s="404">
        <v>0</v>
      </c>
      <c r="MU26" s="345">
        <v>0</v>
      </c>
      <c r="MV26" s="345">
        <v>0</v>
      </c>
      <c r="MW26" s="345">
        <v>892336</v>
      </c>
      <c r="MX26" s="345">
        <v>1451754</v>
      </c>
      <c r="MY26" s="345">
        <v>2330550</v>
      </c>
      <c r="MZ26" s="349">
        <v>4674640</v>
      </c>
      <c r="NA26" s="354">
        <v>4674640</v>
      </c>
      <c r="NB26" s="348">
        <v>0</v>
      </c>
      <c r="NC26" s="345">
        <v>0</v>
      </c>
      <c r="ND26" s="349">
        <v>0</v>
      </c>
      <c r="NE26" s="404">
        <v>0</v>
      </c>
      <c r="NF26" s="345">
        <v>193182</v>
      </c>
      <c r="NG26" s="345">
        <v>0</v>
      </c>
      <c r="NH26" s="345">
        <v>1184355</v>
      </c>
      <c r="NI26" s="345">
        <v>0</v>
      </c>
      <c r="NJ26" s="345">
        <v>0</v>
      </c>
      <c r="NK26" s="349">
        <v>1377537</v>
      </c>
      <c r="NL26" s="347">
        <v>1377537</v>
      </c>
      <c r="NM26" s="348">
        <v>0</v>
      </c>
      <c r="NN26" s="345">
        <v>0</v>
      </c>
      <c r="NO26" s="349">
        <v>0</v>
      </c>
      <c r="NP26" s="404">
        <v>0</v>
      </c>
      <c r="NQ26" s="345">
        <v>0</v>
      </c>
      <c r="NR26" s="345">
        <v>0</v>
      </c>
      <c r="NS26" s="345">
        <v>0</v>
      </c>
      <c r="NT26" s="345">
        <v>0</v>
      </c>
      <c r="NU26" s="345">
        <v>0</v>
      </c>
      <c r="NV26" s="349">
        <v>0</v>
      </c>
      <c r="NW26" s="350">
        <v>0</v>
      </c>
      <c r="NX26" s="348">
        <v>0</v>
      </c>
      <c r="NY26" s="345">
        <v>0</v>
      </c>
      <c r="NZ26" s="349">
        <v>0</v>
      </c>
      <c r="OA26" s="404">
        <v>0</v>
      </c>
      <c r="OB26" s="345">
        <v>0</v>
      </c>
      <c r="OC26" s="345">
        <v>0</v>
      </c>
      <c r="OD26" s="345">
        <v>0</v>
      </c>
      <c r="OE26" s="345">
        <v>0</v>
      </c>
      <c r="OF26" s="345">
        <v>51941</v>
      </c>
      <c r="OG26" s="349">
        <v>51941</v>
      </c>
      <c r="OH26" s="350">
        <v>51941</v>
      </c>
      <c r="OI26" s="348">
        <v>207695</v>
      </c>
      <c r="OJ26" s="345">
        <v>360165</v>
      </c>
      <c r="OK26" s="346">
        <v>567860</v>
      </c>
      <c r="OL26" s="351">
        <v>0</v>
      </c>
      <c r="OM26" s="345">
        <v>4973362</v>
      </c>
      <c r="ON26" s="345">
        <v>5859521</v>
      </c>
      <c r="OO26" s="345">
        <v>5787584</v>
      </c>
      <c r="OP26" s="345">
        <v>5989083</v>
      </c>
      <c r="OQ26" s="345">
        <v>4731477</v>
      </c>
      <c r="OR26" s="349">
        <v>27341027</v>
      </c>
      <c r="OS26" s="354">
        <v>27908887</v>
      </c>
    </row>
    <row r="27" spans="2:409" s="70" customFormat="1" ht="21" customHeight="1" x14ac:dyDescent="0.2">
      <c r="B27" s="410" t="s">
        <v>22</v>
      </c>
      <c r="C27" s="326">
        <v>166130</v>
      </c>
      <c r="D27" s="327">
        <v>119468</v>
      </c>
      <c r="E27" s="328">
        <v>285598</v>
      </c>
      <c r="F27" s="329">
        <v>0</v>
      </c>
      <c r="G27" s="327">
        <v>2680641</v>
      </c>
      <c r="H27" s="327">
        <v>1174148</v>
      </c>
      <c r="I27" s="327">
        <v>2229580</v>
      </c>
      <c r="J27" s="327">
        <v>2041172</v>
      </c>
      <c r="K27" s="327">
        <v>510574</v>
      </c>
      <c r="L27" s="367">
        <v>8636115</v>
      </c>
      <c r="M27" s="330">
        <v>8921713</v>
      </c>
      <c r="N27" s="326">
        <v>53728</v>
      </c>
      <c r="O27" s="327">
        <v>0</v>
      </c>
      <c r="P27" s="328">
        <v>53728</v>
      </c>
      <c r="Q27" s="326">
        <v>0</v>
      </c>
      <c r="R27" s="327">
        <v>718272</v>
      </c>
      <c r="S27" s="327">
        <v>441470</v>
      </c>
      <c r="T27" s="327">
        <v>363539</v>
      </c>
      <c r="U27" s="327">
        <v>331071</v>
      </c>
      <c r="V27" s="327">
        <v>318410</v>
      </c>
      <c r="W27" s="328">
        <v>2172762</v>
      </c>
      <c r="X27" s="330">
        <v>2226490</v>
      </c>
      <c r="Y27" s="326">
        <v>0</v>
      </c>
      <c r="Z27" s="327">
        <v>0</v>
      </c>
      <c r="AA27" s="328">
        <v>0</v>
      </c>
      <c r="AB27" s="326">
        <v>0</v>
      </c>
      <c r="AC27" s="327">
        <v>484613</v>
      </c>
      <c r="AD27" s="327">
        <v>90631</v>
      </c>
      <c r="AE27" s="327">
        <v>118335</v>
      </c>
      <c r="AF27" s="327">
        <v>142661</v>
      </c>
      <c r="AG27" s="327">
        <v>155702</v>
      </c>
      <c r="AH27" s="328">
        <v>991942</v>
      </c>
      <c r="AI27" s="330">
        <v>991942</v>
      </c>
      <c r="AJ27" s="326">
        <v>0</v>
      </c>
      <c r="AK27" s="327">
        <v>0</v>
      </c>
      <c r="AL27" s="328">
        <v>0</v>
      </c>
      <c r="AM27" s="326">
        <v>0</v>
      </c>
      <c r="AN27" s="327">
        <v>0</v>
      </c>
      <c r="AO27" s="327">
        <v>0</v>
      </c>
      <c r="AP27" s="327">
        <v>0</v>
      </c>
      <c r="AQ27" s="327">
        <v>0</v>
      </c>
      <c r="AR27" s="327">
        <v>0</v>
      </c>
      <c r="AS27" s="328">
        <v>0</v>
      </c>
      <c r="AT27" s="330">
        <v>0</v>
      </c>
      <c r="AU27" s="326">
        <v>0</v>
      </c>
      <c r="AV27" s="327">
        <v>0</v>
      </c>
      <c r="AW27" s="328">
        <v>0</v>
      </c>
      <c r="AX27" s="326">
        <v>0</v>
      </c>
      <c r="AY27" s="327">
        <v>143066</v>
      </c>
      <c r="AZ27" s="327">
        <v>232337</v>
      </c>
      <c r="BA27" s="327">
        <v>176444</v>
      </c>
      <c r="BB27" s="327">
        <v>62402</v>
      </c>
      <c r="BC27" s="327">
        <v>147604</v>
      </c>
      <c r="BD27" s="328">
        <v>761853</v>
      </c>
      <c r="BE27" s="330">
        <v>761853</v>
      </c>
      <c r="BF27" s="326">
        <v>29680</v>
      </c>
      <c r="BG27" s="327">
        <v>0</v>
      </c>
      <c r="BH27" s="331">
        <v>29680</v>
      </c>
      <c r="BI27" s="332">
        <v>0</v>
      </c>
      <c r="BJ27" s="327">
        <v>31209</v>
      </c>
      <c r="BK27" s="327">
        <v>70870</v>
      </c>
      <c r="BL27" s="327">
        <v>0</v>
      </c>
      <c r="BM27" s="327">
        <v>0</v>
      </c>
      <c r="BN27" s="327">
        <v>0</v>
      </c>
      <c r="BO27" s="328">
        <v>102079</v>
      </c>
      <c r="BP27" s="330">
        <v>131759</v>
      </c>
      <c r="BQ27" s="326">
        <v>24048</v>
      </c>
      <c r="BR27" s="327">
        <v>0</v>
      </c>
      <c r="BS27" s="328">
        <v>24048</v>
      </c>
      <c r="BT27" s="326">
        <v>0</v>
      </c>
      <c r="BU27" s="327">
        <v>59384</v>
      </c>
      <c r="BV27" s="327">
        <v>47632</v>
      </c>
      <c r="BW27" s="327">
        <v>68760</v>
      </c>
      <c r="BX27" s="327">
        <v>126008</v>
      </c>
      <c r="BY27" s="327">
        <v>15104</v>
      </c>
      <c r="BZ27" s="328">
        <v>316888</v>
      </c>
      <c r="CA27" s="330">
        <v>340936</v>
      </c>
      <c r="CB27" s="326">
        <v>0</v>
      </c>
      <c r="CC27" s="327">
        <v>0</v>
      </c>
      <c r="CD27" s="328">
        <v>0</v>
      </c>
      <c r="CE27" s="326">
        <v>0</v>
      </c>
      <c r="CF27" s="327">
        <v>803726</v>
      </c>
      <c r="CG27" s="327">
        <v>387502</v>
      </c>
      <c r="CH27" s="327">
        <v>874872</v>
      </c>
      <c r="CI27" s="327">
        <v>147041</v>
      </c>
      <c r="CJ27" s="327">
        <v>78548</v>
      </c>
      <c r="CK27" s="328">
        <v>2291689</v>
      </c>
      <c r="CL27" s="330">
        <v>2291689</v>
      </c>
      <c r="CM27" s="326">
        <v>0</v>
      </c>
      <c r="CN27" s="327">
        <v>0</v>
      </c>
      <c r="CO27" s="328">
        <v>0</v>
      </c>
      <c r="CP27" s="332">
        <v>0</v>
      </c>
      <c r="CQ27" s="327">
        <v>669735</v>
      </c>
      <c r="CR27" s="327">
        <v>387502</v>
      </c>
      <c r="CS27" s="327">
        <v>874872</v>
      </c>
      <c r="CT27" s="327">
        <v>0</v>
      </c>
      <c r="CU27" s="327">
        <v>39220</v>
      </c>
      <c r="CV27" s="328">
        <v>1971329</v>
      </c>
      <c r="CW27" s="330">
        <v>1971329</v>
      </c>
      <c r="CX27" s="326">
        <v>0</v>
      </c>
      <c r="CY27" s="327">
        <v>0</v>
      </c>
      <c r="CZ27" s="328">
        <v>0</v>
      </c>
      <c r="DA27" s="326">
        <v>0</v>
      </c>
      <c r="DB27" s="327">
        <v>133991</v>
      </c>
      <c r="DC27" s="327">
        <v>0</v>
      </c>
      <c r="DD27" s="327">
        <v>0</v>
      </c>
      <c r="DE27" s="327">
        <v>147041</v>
      </c>
      <c r="DF27" s="327">
        <v>39328</v>
      </c>
      <c r="DG27" s="328">
        <v>320360</v>
      </c>
      <c r="DH27" s="330">
        <v>320360</v>
      </c>
      <c r="DI27" s="326">
        <v>0</v>
      </c>
      <c r="DJ27" s="327">
        <v>0</v>
      </c>
      <c r="DK27" s="331">
        <v>0</v>
      </c>
      <c r="DL27" s="332">
        <v>0</v>
      </c>
      <c r="DM27" s="327">
        <v>65666</v>
      </c>
      <c r="DN27" s="327">
        <v>0</v>
      </c>
      <c r="DO27" s="327">
        <v>261541</v>
      </c>
      <c r="DP27" s="327">
        <v>384176</v>
      </c>
      <c r="DQ27" s="327">
        <v>0</v>
      </c>
      <c r="DR27" s="328">
        <v>711383</v>
      </c>
      <c r="DS27" s="330">
        <v>711383</v>
      </c>
      <c r="DT27" s="326">
        <v>0</v>
      </c>
      <c r="DU27" s="327">
        <v>0</v>
      </c>
      <c r="DV27" s="328">
        <v>0</v>
      </c>
      <c r="DW27" s="326">
        <v>0</v>
      </c>
      <c r="DX27" s="327">
        <v>0</v>
      </c>
      <c r="DY27" s="327">
        <v>0</v>
      </c>
      <c r="DZ27" s="327">
        <v>228486</v>
      </c>
      <c r="EA27" s="327">
        <v>384176</v>
      </c>
      <c r="EB27" s="327">
        <v>0</v>
      </c>
      <c r="EC27" s="328">
        <v>612662</v>
      </c>
      <c r="ED27" s="330">
        <v>612662</v>
      </c>
      <c r="EE27" s="326">
        <v>0</v>
      </c>
      <c r="EF27" s="331">
        <v>0</v>
      </c>
      <c r="EG27" s="328">
        <v>0</v>
      </c>
      <c r="EH27" s="326">
        <v>0</v>
      </c>
      <c r="EI27" s="327">
        <v>65666</v>
      </c>
      <c r="EJ27" s="327">
        <v>0</v>
      </c>
      <c r="EK27" s="327">
        <v>33055</v>
      </c>
      <c r="EL27" s="327">
        <v>0</v>
      </c>
      <c r="EM27" s="327">
        <v>0</v>
      </c>
      <c r="EN27" s="331">
        <v>98721</v>
      </c>
      <c r="EO27" s="330">
        <v>98721</v>
      </c>
      <c r="EP27" s="326">
        <v>0</v>
      </c>
      <c r="EQ27" s="327">
        <v>0</v>
      </c>
      <c r="ER27" s="331">
        <v>0</v>
      </c>
      <c r="ES27" s="332">
        <v>0</v>
      </c>
      <c r="ET27" s="327">
        <v>0</v>
      </c>
      <c r="EU27" s="327">
        <v>0</v>
      </c>
      <c r="EV27" s="327">
        <v>0</v>
      </c>
      <c r="EW27" s="327">
        <v>0</v>
      </c>
      <c r="EX27" s="327">
        <v>0</v>
      </c>
      <c r="EY27" s="328">
        <v>0</v>
      </c>
      <c r="EZ27" s="330">
        <v>0</v>
      </c>
      <c r="FA27" s="326">
        <v>0</v>
      </c>
      <c r="FB27" s="327">
        <v>0</v>
      </c>
      <c r="FC27" s="331">
        <v>0</v>
      </c>
      <c r="FD27" s="332">
        <v>0</v>
      </c>
      <c r="FE27" s="327">
        <v>0</v>
      </c>
      <c r="FF27" s="327">
        <v>0</v>
      </c>
      <c r="FG27" s="327">
        <v>0</v>
      </c>
      <c r="FH27" s="327">
        <v>0</v>
      </c>
      <c r="FI27" s="327">
        <v>0</v>
      </c>
      <c r="FJ27" s="328">
        <v>0</v>
      </c>
      <c r="FK27" s="330">
        <v>0</v>
      </c>
      <c r="FL27" s="326">
        <v>3200</v>
      </c>
      <c r="FM27" s="327">
        <v>16240</v>
      </c>
      <c r="FN27" s="328">
        <v>19440</v>
      </c>
      <c r="FO27" s="326">
        <v>0</v>
      </c>
      <c r="FP27" s="327">
        <v>203856</v>
      </c>
      <c r="FQ27" s="327">
        <v>167840</v>
      </c>
      <c r="FR27" s="327">
        <v>325096</v>
      </c>
      <c r="FS27" s="327">
        <v>81168</v>
      </c>
      <c r="FT27" s="327">
        <v>113616</v>
      </c>
      <c r="FU27" s="328">
        <v>891576</v>
      </c>
      <c r="FV27" s="330">
        <v>911016</v>
      </c>
      <c r="FW27" s="333">
        <v>3200</v>
      </c>
      <c r="FX27" s="327">
        <v>16240</v>
      </c>
      <c r="FY27" s="331">
        <v>19440</v>
      </c>
      <c r="FZ27" s="332">
        <v>0</v>
      </c>
      <c r="GA27" s="327">
        <v>142136</v>
      </c>
      <c r="GB27" s="327">
        <v>167840</v>
      </c>
      <c r="GC27" s="327">
        <v>165096</v>
      </c>
      <c r="GD27" s="327">
        <v>81168</v>
      </c>
      <c r="GE27" s="327">
        <v>84576</v>
      </c>
      <c r="GF27" s="328">
        <v>640816</v>
      </c>
      <c r="GG27" s="334">
        <v>660256</v>
      </c>
      <c r="GH27" s="333">
        <v>0</v>
      </c>
      <c r="GI27" s="327">
        <v>0</v>
      </c>
      <c r="GJ27" s="331">
        <v>0</v>
      </c>
      <c r="GK27" s="332">
        <v>0</v>
      </c>
      <c r="GL27" s="327">
        <v>30360</v>
      </c>
      <c r="GM27" s="327">
        <v>0</v>
      </c>
      <c r="GN27" s="327">
        <v>0</v>
      </c>
      <c r="GO27" s="327">
        <v>0</v>
      </c>
      <c r="GP27" s="327">
        <v>29040</v>
      </c>
      <c r="GQ27" s="328">
        <v>59400</v>
      </c>
      <c r="GR27" s="330">
        <v>59400</v>
      </c>
      <c r="GS27" s="326">
        <v>0</v>
      </c>
      <c r="GT27" s="327">
        <v>0</v>
      </c>
      <c r="GU27" s="328">
        <v>0</v>
      </c>
      <c r="GV27" s="326">
        <v>0</v>
      </c>
      <c r="GW27" s="327">
        <v>31360</v>
      </c>
      <c r="GX27" s="327">
        <v>0</v>
      </c>
      <c r="GY27" s="327">
        <v>160000</v>
      </c>
      <c r="GZ27" s="327">
        <v>0</v>
      </c>
      <c r="HA27" s="327">
        <v>0</v>
      </c>
      <c r="HB27" s="331">
        <v>191360</v>
      </c>
      <c r="HC27" s="330">
        <v>191360</v>
      </c>
      <c r="HD27" s="326">
        <v>109202</v>
      </c>
      <c r="HE27" s="327">
        <v>103228</v>
      </c>
      <c r="HF27" s="331">
        <v>212430</v>
      </c>
      <c r="HG27" s="332">
        <v>0</v>
      </c>
      <c r="HH27" s="327">
        <v>889121</v>
      </c>
      <c r="HI27" s="327">
        <v>177336</v>
      </c>
      <c r="HJ27" s="327">
        <v>404532</v>
      </c>
      <c r="HK27" s="327">
        <v>1097716</v>
      </c>
      <c r="HL27" s="327">
        <v>0</v>
      </c>
      <c r="HM27" s="328">
        <v>2568705</v>
      </c>
      <c r="HN27" s="329">
        <v>2781135</v>
      </c>
      <c r="HO27" s="333">
        <v>0</v>
      </c>
      <c r="HP27" s="327">
        <v>0</v>
      </c>
      <c r="HQ27" s="328">
        <v>0</v>
      </c>
      <c r="HR27" s="326">
        <v>0</v>
      </c>
      <c r="HS27" s="327">
        <v>0</v>
      </c>
      <c r="HT27" s="327">
        <v>0</v>
      </c>
      <c r="HU27" s="327">
        <v>0</v>
      </c>
      <c r="HV27" s="327">
        <v>0</v>
      </c>
      <c r="HW27" s="327">
        <v>0</v>
      </c>
      <c r="HX27" s="331">
        <v>0</v>
      </c>
      <c r="HY27" s="330">
        <v>0</v>
      </c>
      <c r="HZ27" s="335">
        <v>0</v>
      </c>
      <c r="IA27" s="336">
        <v>0</v>
      </c>
      <c r="IB27" s="337">
        <v>0</v>
      </c>
      <c r="IC27" s="338">
        <v>0</v>
      </c>
      <c r="ID27" s="336">
        <v>670244</v>
      </c>
      <c r="IE27" s="339">
        <v>1156148</v>
      </c>
      <c r="IF27" s="337">
        <v>1269679</v>
      </c>
      <c r="IG27" s="336">
        <v>1518089</v>
      </c>
      <c r="IH27" s="337">
        <v>350314</v>
      </c>
      <c r="II27" s="340">
        <v>4964474</v>
      </c>
      <c r="IJ27" s="341">
        <v>4964474</v>
      </c>
      <c r="IK27" s="342">
        <v>0</v>
      </c>
      <c r="IL27" s="343">
        <v>0</v>
      </c>
      <c r="IM27" s="344">
        <v>0</v>
      </c>
      <c r="IN27" s="404">
        <v>0</v>
      </c>
      <c r="IO27" s="345">
        <v>0</v>
      </c>
      <c r="IP27" s="345">
        <v>109160</v>
      </c>
      <c r="IQ27" s="345">
        <v>311392</v>
      </c>
      <c r="IR27" s="345">
        <v>0</v>
      </c>
      <c r="IS27" s="345">
        <v>0</v>
      </c>
      <c r="IT27" s="346">
        <v>420552</v>
      </c>
      <c r="IU27" s="347">
        <v>420552</v>
      </c>
      <c r="IV27" s="348">
        <v>0</v>
      </c>
      <c r="IW27" s="345">
        <v>0</v>
      </c>
      <c r="IX27" s="349">
        <v>0</v>
      </c>
      <c r="IY27" s="404">
        <v>0</v>
      </c>
      <c r="IZ27" s="345">
        <v>0</v>
      </c>
      <c r="JA27" s="345">
        <v>0</v>
      </c>
      <c r="JB27" s="345">
        <v>0</v>
      </c>
      <c r="JC27" s="345">
        <v>0</v>
      </c>
      <c r="JD27" s="345">
        <v>0</v>
      </c>
      <c r="JE27" s="349">
        <v>0</v>
      </c>
      <c r="JF27" s="350">
        <v>0</v>
      </c>
      <c r="JG27" s="348">
        <v>0</v>
      </c>
      <c r="JH27" s="345">
        <v>0</v>
      </c>
      <c r="JI27" s="346">
        <v>0</v>
      </c>
      <c r="JJ27" s="351">
        <v>0</v>
      </c>
      <c r="JK27" s="345">
        <v>323881</v>
      </c>
      <c r="JL27" s="345">
        <v>133594</v>
      </c>
      <c r="JM27" s="345">
        <v>25714</v>
      </c>
      <c r="JN27" s="345">
        <v>122635</v>
      </c>
      <c r="JO27" s="345">
        <v>350314</v>
      </c>
      <c r="JP27" s="349">
        <v>956138</v>
      </c>
      <c r="JQ27" s="347">
        <v>956138</v>
      </c>
      <c r="JR27" s="348">
        <v>0</v>
      </c>
      <c r="JS27" s="345">
        <v>0</v>
      </c>
      <c r="JT27" s="346">
        <v>0</v>
      </c>
      <c r="JU27" s="351">
        <v>0</v>
      </c>
      <c r="JV27" s="345">
        <v>0</v>
      </c>
      <c r="JW27" s="345">
        <v>0</v>
      </c>
      <c r="JX27" s="345">
        <v>203700</v>
      </c>
      <c r="JY27" s="345">
        <v>0</v>
      </c>
      <c r="JZ27" s="345">
        <v>0</v>
      </c>
      <c r="KA27" s="349">
        <v>203700</v>
      </c>
      <c r="KB27" s="347">
        <v>203700</v>
      </c>
      <c r="KC27" s="352">
        <v>0</v>
      </c>
      <c r="KD27" s="353">
        <v>0</v>
      </c>
      <c r="KE27" s="349">
        <v>0</v>
      </c>
      <c r="KF27" s="351">
        <v>0</v>
      </c>
      <c r="KG27" s="345">
        <v>111959</v>
      </c>
      <c r="KH27" s="345">
        <v>176876</v>
      </c>
      <c r="KI27" s="345">
        <v>476988</v>
      </c>
      <c r="KJ27" s="345">
        <v>0</v>
      </c>
      <c r="KK27" s="345">
        <v>0</v>
      </c>
      <c r="KL27" s="349">
        <v>765823</v>
      </c>
      <c r="KM27" s="354">
        <v>765823</v>
      </c>
      <c r="KN27" s="342">
        <v>0</v>
      </c>
      <c r="KO27" s="343">
        <v>0</v>
      </c>
      <c r="KP27" s="344">
        <v>0</v>
      </c>
      <c r="KQ27" s="404">
        <v>0</v>
      </c>
      <c r="KR27" s="345">
        <v>234404</v>
      </c>
      <c r="KS27" s="345">
        <v>497077</v>
      </c>
      <c r="KT27" s="345">
        <v>251885</v>
      </c>
      <c r="KU27" s="345">
        <v>259356</v>
      </c>
      <c r="KV27" s="345">
        <v>0</v>
      </c>
      <c r="KW27" s="349">
        <v>1242722</v>
      </c>
      <c r="KX27" s="347">
        <v>1242722</v>
      </c>
      <c r="KY27" s="348">
        <v>0</v>
      </c>
      <c r="KZ27" s="345">
        <v>0</v>
      </c>
      <c r="LA27" s="349">
        <v>0</v>
      </c>
      <c r="LB27" s="404">
        <v>0</v>
      </c>
      <c r="LC27" s="345">
        <v>0</v>
      </c>
      <c r="LD27" s="345">
        <v>0</v>
      </c>
      <c r="LE27" s="345">
        <v>0</v>
      </c>
      <c r="LF27" s="345">
        <v>0</v>
      </c>
      <c r="LG27" s="345">
        <v>0</v>
      </c>
      <c r="LH27" s="349">
        <v>0</v>
      </c>
      <c r="LI27" s="350">
        <v>0</v>
      </c>
      <c r="LJ27" s="348">
        <v>0</v>
      </c>
      <c r="LK27" s="345">
        <v>0</v>
      </c>
      <c r="LL27" s="349">
        <v>0</v>
      </c>
      <c r="LM27" s="404">
        <v>0</v>
      </c>
      <c r="LN27" s="345">
        <v>0</v>
      </c>
      <c r="LO27" s="345">
        <v>239441</v>
      </c>
      <c r="LP27" s="345">
        <v>0</v>
      </c>
      <c r="LQ27" s="345">
        <v>1136098</v>
      </c>
      <c r="LR27" s="345">
        <v>0</v>
      </c>
      <c r="LS27" s="349">
        <v>1375539</v>
      </c>
      <c r="LT27" s="347">
        <v>1375539</v>
      </c>
      <c r="LU27" s="348">
        <v>0</v>
      </c>
      <c r="LV27" s="345">
        <v>0</v>
      </c>
      <c r="LW27" s="349">
        <v>0</v>
      </c>
      <c r="LX27" s="404">
        <v>0</v>
      </c>
      <c r="LY27" s="345">
        <v>0</v>
      </c>
      <c r="LZ27" s="345">
        <v>0</v>
      </c>
      <c r="MA27" s="345">
        <v>0</v>
      </c>
      <c r="MB27" s="345">
        <v>0</v>
      </c>
      <c r="MC27" s="345">
        <v>0</v>
      </c>
      <c r="MD27" s="349">
        <v>0</v>
      </c>
      <c r="ME27" s="350">
        <v>0</v>
      </c>
      <c r="MF27" s="348">
        <v>0</v>
      </c>
      <c r="MG27" s="345">
        <v>0</v>
      </c>
      <c r="MH27" s="349">
        <v>0</v>
      </c>
      <c r="MI27" s="404">
        <v>0</v>
      </c>
      <c r="MJ27" s="345">
        <v>0</v>
      </c>
      <c r="MK27" s="345">
        <v>405290</v>
      </c>
      <c r="ML27" s="345">
        <v>1616780</v>
      </c>
      <c r="MM27" s="345">
        <v>1590772</v>
      </c>
      <c r="MN27" s="345">
        <v>414538</v>
      </c>
      <c r="MO27" s="349">
        <v>4027380</v>
      </c>
      <c r="MP27" s="354">
        <v>4027380</v>
      </c>
      <c r="MQ27" s="348">
        <v>0</v>
      </c>
      <c r="MR27" s="345">
        <v>0</v>
      </c>
      <c r="MS27" s="349">
        <v>0</v>
      </c>
      <c r="MT27" s="404">
        <v>0</v>
      </c>
      <c r="MU27" s="345">
        <v>0</v>
      </c>
      <c r="MV27" s="345">
        <v>0</v>
      </c>
      <c r="MW27" s="345">
        <v>1027010</v>
      </c>
      <c r="MX27" s="345">
        <v>277568</v>
      </c>
      <c r="MY27" s="345">
        <v>414538</v>
      </c>
      <c r="MZ27" s="349">
        <v>1719116</v>
      </c>
      <c r="NA27" s="354">
        <v>1719116</v>
      </c>
      <c r="NB27" s="348">
        <v>0</v>
      </c>
      <c r="NC27" s="345">
        <v>0</v>
      </c>
      <c r="ND27" s="349">
        <v>0</v>
      </c>
      <c r="NE27" s="404">
        <v>0</v>
      </c>
      <c r="NF27" s="345">
        <v>0</v>
      </c>
      <c r="NG27" s="345">
        <v>405290</v>
      </c>
      <c r="NH27" s="345">
        <v>589770</v>
      </c>
      <c r="NI27" s="345">
        <v>977856</v>
      </c>
      <c r="NJ27" s="345">
        <v>0</v>
      </c>
      <c r="NK27" s="349">
        <v>1972916</v>
      </c>
      <c r="NL27" s="347">
        <v>1972916</v>
      </c>
      <c r="NM27" s="348">
        <v>0</v>
      </c>
      <c r="NN27" s="345">
        <v>0</v>
      </c>
      <c r="NO27" s="349">
        <v>0</v>
      </c>
      <c r="NP27" s="404">
        <v>0</v>
      </c>
      <c r="NQ27" s="345">
        <v>0</v>
      </c>
      <c r="NR27" s="345">
        <v>0</v>
      </c>
      <c r="NS27" s="345">
        <v>0</v>
      </c>
      <c r="NT27" s="345">
        <v>0</v>
      </c>
      <c r="NU27" s="345">
        <v>0</v>
      </c>
      <c r="NV27" s="349">
        <v>0</v>
      </c>
      <c r="NW27" s="350">
        <v>0</v>
      </c>
      <c r="NX27" s="348">
        <v>0</v>
      </c>
      <c r="NY27" s="345">
        <v>0</v>
      </c>
      <c r="NZ27" s="349">
        <v>0</v>
      </c>
      <c r="OA27" s="404">
        <v>0</v>
      </c>
      <c r="OB27" s="345">
        <v>0</v>
      </c>
      <c r="OC27" s="345">
        <v>0</v>
      </c>
      <c r="OD27" s="345">
        <v>0</v>
      </c>
      <c r="OE27" s="345">
        <v>335348</v>
      </c>
      <c r="OF27" s="345">
        <v>0</v>
      </c>
      <c r="OG27" s="349">
        <v>335348</v>
      </c>
      <c r="OH27" s="350">
        <v>335348</v>
      </c>
      <c r="OI27" s="348">
        <v>166130</v>
      </c>
      <c r="OJ27" s="345">
        <v>119468</v>
      </c>
      <c r="OK27" s="346">
        <v>285598</v>
      </c>
      <c r="OL27" s="351">
        <v>0</v>
      </c>
      <c r="OM27" s="345">
        <v>3350885</v>
      </c>
      <c r="ON27" s="345">
        <v>2735586</v>
      </c>
      <c r="OO27" s="345">
        <v>5116039</v>
      </c>
      <c r="OP27" s="345">
        <v>5150033</v>
      </c>
      <c r="OQ27" s="345">
        <v>1275426</v>
      </c>
      <c r="OR27" s="349">
        <v>17627969</v>
      </c>
      <c r="OS27" s="354">
        <v>17913567</v>
      </c>
    </row>
    <row r="28" spans="2:409" s="70" customFormat="1" ht="21" customHeight="1" x14ac:dyDescent="0.2">
      <c r="B28" s="410" t="s">
        <v>23</v>
      </c>
      <c r="C28" s="326">
        <v>403056</v>
      </c>
      <c r="D28" s="327">
        <v>262295</v>
      </c>
      <c r="E28" s="328">
        <v>665351</v>
      </c>
      <c r="F28" s="329">
        <v>0</v>
      </c>
      <c r="G28" s="327">
        <v>2483077</v>
      </c>
      <c r="H28" s="327">
        <v>2784671</v>
      </c>
      <c r="I28" s="327">
        <v>1787771</v>
      </c>
      <c r="J28" s="327">
        <v>1696338</v>
      </c>
      <c r="K28" s="327">
        <v>1735485</v>
      </c>
      <c r="L28" s="367">
        <v>10487342</v>
      </c>
      <c r="M28" s="330">
        <v>11152693</v>
      </c>
      <c r="N28" s="326">
        <v>155959</v>
      </c>
      <c r="O28" s="327">
        <v>126847</v>
      </c>
      <c r="P28" s="328">
        <v>282806</v>
      </c>
      <c r="Q28" s="326">
        <v>0</v>
      </c>
      <c r="R28" s="327">
        <v>840640</v>
      </c>
      <c r="S28" s="327">
        <v>968565</v>
      </c>
      <c r="T28" s="327">
        <v>114131</v>
      </c>
      <c r="U28" s="327">
        <v>404628</v>
      </c>
      <c r="V28" s="327">
        <v>425503</v>
      </c>
      <c r="W28" s="328">
        <v>2753467</v>
      </c>
      <c r="X28" s="330">
        <v>3036273</v>
      </c>
      <c r="Y28" s="326">
        <v>0</v>
      </c>
      <c r="Z28" s="327">
        <v>0</v>
      </c>
      <c r="AA28" s="328">
        <v>0</v>
      </c>
      <c r="AB28" s="326">
        <v>0</v>
      </c>
      <c r="AC28" s="327">
        <v>328854</v>
      </c>
      <c r="AD28" s="327">
        <v>302723</v>
      </c>
      <c r="AE28" s="327">
        <v>3867</v>
      </c>
      <c r="AF28" s="327">
        <v>176113</v>
      </c>
      <c r="AG28" s="327">
        <v>281700</v>
      </c>
      <c r="AH28" s="328">
        <v>1093257</v>
      </c>
      <c r="AI28" s="330">
        <v>1093257</v>
      </c>
      <c r="AJ28" s="326">
        <v>0</v>
      </c>
      <c r="AK28" s="327">
        <v>0</v>
      </c>
      <c r="AL28" s="328">
        <v>0</v>
      </c>
      <c r="AM28" s="326">
        <v>0</v>
      </c>
      <c r="AN28" s="327">
        <v>0</v>
      </c>
      <c r="AO28" s="327">
        <v>0</v>
      </c>
      <c r="AP28" s="327">
        <v>0</v>
      </c>
      <c r="AQ28" s="327">
        <v>0</v>
      </c>
      <c r="AR28" s="327">
        <v>0</v>
      </c>
      <c r="AS28" s="328">
        <v>0</v>
      </c>
      <c r="AT28" s="330">
        <v>0</v>
      </c>
      <c r="AU28" s="326">
        <v>107871</v>
      </c>
      <c r="AV28" s="327">
        <v>78273</v>
      </c>
      <c r="AW28" s="328">
        <v>186144</v>
      </c>
      <c r="AX28" s="326">
        <v>0</v>
      </c>
      <c r="AY28" s="327">
        <v>289650</v>
      </c>
      <c r="AZ28" s="327">
        <v>551026</v>
      </c>
      <c r="BA28" s="327">
        <v>0</v>
      </c>
      <c r="BB28" s="327">
        <v>95851</v>
      </c>
      <c r="BC28" s="327">
        <v>66451</v>
      </c>
      <c r="BD28" s="328">
        <v>1002978</v>
      </c>
      <c r="BE28" s="330">
        <v>1189122</v>
      </c>
      <c r="BF28" s="326">
        <v>0</v>
      </c>
      <c r="BG28" s="327">
        <v>46182</v>
      </c>
      <c r="BH28" s="331">
        <v>46182</v>
      </c>
      <c r="BI28" s="332">
        <v>0</v>
      </c>
      <c r="BJ28" s="327">
        <v>58296</v>
      </c>
      <c r="BK28" s="327">
        <v>0</v>
      </c>
      <c r="BL28" s="327">
        <v>0</v>
      </c>
      <c r="BM28" s="327">
        <v>0</v>
      </c>
      <c r="BN28" s="327">
        <v>0</v>
      </c>
      <c r="BO28" s="328">
        <v>58296</v>
      </c>
      <c r="BP28" s="330">
        <v>104478</v>
      </c>
      <c r="BQ28" s="326">
        <v>48088</v>
      </c>
      <c r="BR28" s="327">
        <v>2392</v>
      </c>
      <c r="BS28" s="328">
        <v>50480</v>
      </c>
      <c r="BT28" s="326">
        <v>0</v>
      </c>
      <c r="BU28" s="327">
        <v>163840</v>
      </c>
      <c r="BV28" s="327">
        <v>114816</v>
      </c>
      <c r="BW28" s="327">
        <v>110264</v>
      </c>
      <c r="BX28" s="327">
        <v>132664</v>
      </c>
      <c r="BY28" s="327">
        <v>77352</v>
      </c>
      <c r="BZ28" s="328">
        <v>598936</v>
      </c>
      <c r="CA28" s="330">
        <v>649416</v>
      </c>
      <c r="CB28" s="326">
        <v>0</v>
      </c>
      <c r="CC28" s="327">
        <v>0</v>
      </c>
      <c r="CD28" s="328">
        <v>0</v>
      </c>
      <c r="CE28" s="326">
        <v>0</v>
      </c>
      <c r="CF28" s="327">
        <v>531276</v>
      </c>
      <c r="CG28" s="327">
        <v>1295660</v>
      </c>
      <c r="CH28" s="327">
        <v>463482</v>
      </c>
      <c r="CI28" s="327">
        <v>439632</v>
      </c>
      <c r="CJ28" s="327">
        <v>299373</v>
      </c>
      <c r="CK28" s="328">
        <v>3029423</v>
      </c>
      <c r="CL28" s="330">
        <v>3029423</v>
      </c>
      <c r="CM28" s="326">
        <v>0</v>
      </c>
      <c r="CN28" s="327">
        <v>0</v>
      </c>
      <c r="CO28" s="328">
        <v>0</v>
      </c>
      <c r="CP28" s="332">
        <v>0</v>
      </c>
      <c r="CQ28" s="327">
        <v>324828</v>
      </c>
      <c r="CR28" s="327">
        <v>1051506</v>
      </c>
      <c r="CS28" s="327">
        <v>463482</v>
      </c>
      <c r="CT28" s="327">
        <v>275870</v>
      </c>
      <c r="CU28" s="327">
        <v>299373</v>
      </c>
      <c r="CV28" s="328">
        <v>2415059</v>
      </c>
      <c r="CW28" s="330">
        <v>2415059</v>
      </c>
      <c r="CX28" s="326">
        <v>0</v>
      </c>
      <c r="CY28" s="327">
        <v>0</v>
      </c>
      <c r="CZ28" s="328">
        <v>0</v>
      </c>
      <c r="DA28" s="326">
        <v>0</v>
      </c>
      <c r="DB28" s="327">
        <v>206448</v>
      </c>
      <c r="DC28" s="327">
        <v>244154</v>
      </c>
      <c r="DD28" s="327">
        <v>0</v>
      </c>
      <c r="DE28" s="327">
        <v>163762</v>
      </c>
      <c r="DF28" s="327">
        <v>0</v>
      </c>
      <c r="DG28" s="328">
        <v>614364</v>
      </c>
      <c r="DH28" s="330">
        <v>614364</v>
      </c>
      <c r="DI28" s="326">
        <v>0</v>
      </c>
      <c r="DJ28" s="327">
        <v>0</v>
      </c>
      <c r="DK28" s="331">
        <v>0</v>
      </c>
      <c r="DL28" s="332">
        <v>0</v>
      </c>
      <c r="DM28" s="327">
        <v>30204</v>
      </c>
      <c r="DN28" s="327">
        <v>108494</v>
      </c>
      <c r="DO28" s="327">
        <v>211581</v>
      </c>
      <c r="DP28" s="327">
        <v>110319</v>
      </c>
      <c r="DQ28" s="327">
        <v>422479</v>
      </c>
      <c r="DR28" s="328">
        <v>883077</v>
      </c>
      <c r="DS28" s="330">
        <v>883077</v>
      </c>
      <c r="DT28" s="326">
        <v>0</v>
      </c>
      <c r="DU28" s="327">
        <v>0</v>
      </c>
      <c r="DV28" s="328">
        <v>0</v>
      </c>
      <c r="DW28" s="326">
        <v>0</v>
      </c>
      <c r="DX28" s="327">
        <v>0</v>
      </c>
      <c r="DY28" s="327">
        <v>66042</v>
      </c>
      <c r="DZ28" s="327">
        <v>211581</v>
      </c>
      <c r="EA28" s="327">
        <v>110319</v>
      </c>
      <c r="EB28" s="327">
        <v>422479</v>
      </c>
      <c r="EC28" s="328">
        <v>810421</v>
      </c>
      <c r="ED28" s="330">
        <v>810421</v>
      </c>
      <c r="EE28" s="326">
        <v>0</v>
      </c>
      <c r="EF28" s="331">
        <v>0</v>
      </c>
      <c r="EG28" s="328">
        <v>0</v>
      </c>
      <c r="EH28" s="326">
        <v>0</v>
      </c>
      <c r="EI28" s="327">
        <v>30204</v>
      </c>
      <c r="EJ28" s="327">
        <v>42452</v>
      </c>
      <c r="EK28" s="327">
        <v>0</v>
      </c>
      <c r="EL28" s="327">
        <v>0</v>
      </c>
      <c r="EM28" s="327">
        <v>0</v>
      </c>
      <c r="EN28" s="331">
        <v>72656</v>
      </c>
      <c r="EO28" s="330">
        <v>72656</v>
      </c>
      <c r="EP28" s="326">
        <v>0</v>
      </c>
      <c r="EQ28" s="327">
        <v>0</v>
      </c>
      <c r="ER28" s="331">
        <v>0</v>
      </c>
      <c r="ES28" s="332">
        <v>0</v>
      </c>
      <c r="ET28" s="327">
        <v>0</v>
      </c>
      <c r="EU28" s="327">
        <v>0</v>
      </c>
      <c r="EV28" s="327">
        <v>0</v>
      </c>
      <c r="EW28" s="327">
        <v>0</v>
      </c>
      <c r="EX28" s="327">
        <v>0</v>
      </c>
      <c r="EY28" s="328">
        <v>0</v>
      </c>
      <c r="EZ28" s="330">
        <v>0</v>
      </c>
      <c r="FA28" s="326">
        <v>0</v>
      </c>
      <c r="FB28" s="327">
        <v>0</v>
      </c>
      <c r="FC28" s="331">
        <v>0</v>
      </c>
      <c r="FD28" s="332">
        <v>0</v>
      </c>
      <c r="FE28" s="327">
        <v>0</v>
      </c>
      <c r="FF28" s="327">
        <v>0</v>
      </c>
      <c r="FG28" s="327">
        <v>0</v>
      </c>
      <c r="FH28" s="327">
        <v>0</v>
      </c>
      <c r="FI28" s="327">
        <v>0</v>
      </c>
      <c r="FJ28" s="328">
        <v>0</v>
      </c>
      <c r="FK28" s="330">
        <v>0</v>
      </c>
      <c r="FL28" s="326">
        <v>79552</v>
      </c>
      <c r="FM28" s="327">
        <v>135448</v>
      </c>
      <c r="FN28" s="328">
        <v>215000</v>
      </c>
      <c r="FO28" s="326">
        <v>0</v>
      </c>
      <c r="FP28" s="327">
        <v>99336</v>
      </c>
      <c r="FQ28" s="327">
        <v>411952</v>
      </c>
      <c r="FR28" s="327">
        <v>53304</v>
      </c>
      <c r="FS28" s="327">
        <v>62592</v>
      </c>
      <c r="FT28" s="327">
        <v>100256</v>
      </c>
      <c r="FU28" s="328">
        <v>727440</v>
      </c>
      <c r="FV28" s="330">
        <v>942440</v>
      </c>
      <c r="FW28" s="333">
        <v>25152</v>
      </c>
      <c r="FX28" s="327">
        <v>112216</v>
      </c>
      <c r="FY28" s="331">
        <v>137368</v>
      </c>
      <c r="FZ28" s="332">
        <v>0</v>
      </c>
      <c r="GA28" s="327">
        <v>99336</v>
      </c>
      <c r="GB28" s="327">
        <v>359872</v>
      </c>
      <c r="GC28" s="327">
        <v>53304</v>
      </c>
      <c r="GD28" s="327">
        <v>62592</v>
      </c>
      <c r="GE28" s="327">
        <v>100256</v>
      </c>
      <c r="GF28" s="328">
        <v>675360</v>
      </c>
      <c r="GG28" s="334">
        <v>812728</v>
      </c>
      <c r="GH28" s="333">
        <v>0</v>
      </c>
      <c r="GI28" s="327">
        <v>23232</v>
      </c>
      <c r="GJ28" s="331">
        <v>23232</v>
      </c>
      <c r="GK28" s="332">
        <v>0</v>
      </c>
      <c r="GL28" s="327">
        <v>0</v>
      </c>
      <c r="GM28" s="327">
        <v>0</v>
      </c>
      <c r="GN28" s="327">
        <v>0</v>
      </c>
      <c r="GO28" s="327">
        <v>0</v>
      </c>
      <c r="GP28" s="327">
        <v>0</v>
      </c>
      <c r="GQ28" s="328">
        <v>0</v>
      </c>
      <c r="GR28" s="330">
        <v>23232</v>
      </c>
      <c r="GS28" s="326">
        <v>54400</v>
      </c>
      <c r="GT28" s="327">
        <v>0</v>
      </c>
      <c r="GU28" s="328">
        <v>54400</v>
      </c>
      <c r="GV28" s="326">
        <v>0</v>
      </c>
      <c r="GW28" s="327">
        <v>0</v>
      </c>
      <c r="GX28" s="327">
        <v>52080</v>
      </c>
      <c r="GY28" s="327">
        <v>0</v>
      </c>
      <c r="GZ28" s="327">
        <v>0</v>
      </c>
      <c r="HA28" s="327">
        <v>0</v>
      </c>
      <c r="HB28" s="331">
        <v>52080</v>
      </c>
      <c r="HC28" s="330">
        <v>106480</v>
      </c>
      <c r="HD28" s="326">
        <v>167545</v>
      </c>
      <c r="HE28" s="327">
        <v>0</v>
      </c>
      <c r="HF28" s="331">
        <v>167545</v>
      </c>
      <c r="HG28" s="332">
        <v>0</v>
      </c>
      <c r="HH28" s="327">
        <v>981621</v>
      </c>
      <c r="HI28" s="327">
        <v>0</v>
      </c>
      <c r="HJ28" s="327">
        <v>945273</v>
      </c>
      <c r="HK28" s="327">
        <v>679167</v>
      </c>
      <c r="HL28" s="327">
        <v>487874</v>
      </c>
      <c r="HM28" s="328">
        <v>3093935</v>
      </c>
      <c r="HN28" s="329">
        <v>3261480</v>
      </c>
      <c r="HO28" s="333">
        <v>0</v>
      </c>
      <c r="HP28" s="327">
        <v>0</v>
      </c>
      <c r="HQ28" s="328">
        <v>0</v>
      </c>
      <c r="HR28" s="326">
        <v>0</v>
      </c>
      <c r="HS28" s="327">
        <v>0</v>
      </c>
      <c r="HT28" s="327">
        <v>0</v>
      </c>
      <c r="HU28" s="327">
        <v>0</v>
      </c>
      <c r="HV28" s="327">
        <v>0</v>
      </c>
      <c r="HW28" s="327">
        <v>0</v>
      </c>
      <c r="HX28" s="331">
        <v>0</v>
      </c>
      <c r="HY28" s="330">
        <v>0</v>
      </c>
      <c r="HZ28" s="358">
        <v>0</v>
      </c>
      <c r="IA28" s="356">
        <v>0</v>
      </c>
      <c r="IB28" s="358">
        <v>0</v>
      </c>
      <c r="IC28" s="355">
        <v>0</v>
      </c>
      <c r="ID28" s="356">
        <v>686706</v>
      </c>
      <c r="IE28" s="357">
        <v>816528</v>
      </c>
      <c r="IF28" s="358">
        <v>835902</v>
      </c>
      <c r="IG28" s="356">
        <v>267578</v>
      </c>
      <c r="IH28" s="358">
        <v>0</v>
      </c>
      <c r="II28" s="359">
        <v>2606714</v>
      </c>
      <c r="IJ28" s="358">
        <v>2606714</v>
      </c>
      <c r="IK28" s="342">
        <v>0</v>
      </c>
      <c r="IL28" s="343">
        <v>0</v>
      </c>
      <c r="IM28" s="344">
        <v>0</v>
      </c>
      <c r="IN28" s="404">
        <v>0</v>
      </c>
      <c r="IO28" s="345">
        <v>0</v>
      </c>
      <c r="IP28" s="345">
        <v>0</v>
      </c>
      <c r="IQ28" s="345">
        <v>0</v>
      </c>
      <c r="IR28" s="345">
        <v>0</v>
      </c>
      <c r="IS28" s="345">
        <v>0</v>
      </c>
      <c r="IT28" s="346">
        <v>0</v>
      </c>
      <c r="IU28" s="347">
        <v>0</v>
      </c>
      <c r="IV28" s="348">
        <v>0</v>
      </c>
      <c r="IW28" s="345">
        <v>0</v>
      </c>
      <c r="IX28" s="349">
        <v>0</v>
      </c>
      <c r="IY28" s="404">
        <v>0</v>
      </c>
      <c r="IZ28" s="345">
        <v>0</v>
      </c>
      <c r="JA28" s="345">
        <v>0</v>
      </c>
      <c r="JB28" s="345">
        <v>0</v>
      </c>
      <c r="JC28" s="345">
        <v>0</v>
      </c>
      <c r="JD28" s="345">
        <v>0</v>
      </c>
      <c r="JE28" s="349">
        <v>0</v>
      </c>
      <c r="JF28" s="350">
        <v>0</v>
      </c>
      <c r="JG28" s="348">
        <v>0</v>
      </c>
      <c r="JH28" s="345">
        <v>0</v>
      </c>
      <c r="JI28" s="346">
        <v>0</v>
      </c>
      <c r="JJ28" s="351">
        <v>0</v>
      </c>
      <c r="JK28" s="345">
        <v>196712</v>
      </c>
      <c r="JL28" s="345">
        <v>40966</v>
      </c>
      <c r="JM28" s="345">
        <v>0</v>
      </c>
      <c r="JN28" s="345">
        <v>0</v>
      </c>
      <c r="JO28" s="345">
        <v>0</v>
      </c>
      <c r="JP28" s="349">
        <v>237678</v>
      </c>
      <c r="JQ28" s="347">
        <v>237678</v>
      </c>
      <c r="JR28" s="348">
        <v>0</v>
      </c>
      <c r="JS28" s="345">
        <v>0</v>
      </c>
      <c r="JT28" s="346">
        <v>0</v>
      </c>
      <c r="JU28" s="351">
        <v>0</v>
      </c>
      <c r="JV28" s="345">
        <v>0</v>
      </c>
      <c r="JW28" s="345">
        <v>0</v>
      </c>
      <c r="JX28" s="345">
        <v>0</v>
      </c>
      <c r="JY28" s="345">
        <v>0</v>
      </c>
      <c r="JZ28" s="345">
        <v>0</v>
      </c>
      <c r="KA28" s="349">
        <v>0</v>
      </c>
      <c r="KB28" s="347">
        <v>0</v>
      </c>
      <c r="KC28" s="352">
        <v>0</v>
      </c>
      <c r="KD28" s="353">
        <v>0</v>
      </c>
      <c r="KE28" s="349">
        <v>0</v>
      </c>
      <c r="KF28" s="351">
        <v>0</v>
      </c>
      <c r="KG28" s="345">
        <v>0</v>
      </c>
      <c r="KH28" s="345">
        <v>0</v>
      </c>
      <c r="KI28" s="345">
        <v>85244</v>
      </c>
      <c r="KJ28" s="345">
        <v>0</v>
      </c>
      <c r="KK28" s="345">
        <v>0</v>
      </c>
      <c r="KL28" s="349">
        <v>85244</v>
      </c>
      <c r="KM28" s="354">
        <v>85244</v>
      </c>
      <c r="KN28" s="342">
        <v>0</v>
      </c>
      <c r="KO28" s="343">
        <v>0</v>
      </c>
      <c r="KP28" s="344">
        <v>0</v>
      </c>
      <c r="KQ28" s="404">
        <v>0</v>
      </c>
      <c r="KR28" s="345">
        <v>489994</v>
      </c>
      <c r="KS28" s="345">
        <v>775562</v>
      </c>
      <c r="KT28" s="345">
        <v>750658</v>
      </c>
      <c r="KU28" s="345">
        <v>267578</v>
      </c>
      <c r="KV28" s="345">
        <v>0</v>
      </c>
      <c r="KW28" s="349">
        <v>2283792</v>
      </c>
      <c r="KX28" s="347">
        <v>2283792</v>
      </c>
      <c r="KY28" s="348">
        <v>0</v>
      </c>
      <c r="KZ28" s="345">
        <v>0</v>
      </c>
      <c r="LA28" s="349">
        <v>0</v>
      </c>
      <c r="LB28" s="404">
        <v>0</v>
      </c>
      <c r="LC28" s="345">
        <v>0</v>
      </c>
      <c r="LD28" s="345">
        <v>0</v>
      </c>
      <c r="LE28" s="345">
        <v>0</v>
      </c>
      <c r="LF28" s="345">
        <v>0</v>
      </c>
      <c r="LG28" s="345">
        <v>0</v>
      </c>
      <c r="LH28" s="349">
        <v>0</v>
      </c>
      <c r="LI28" s="350">
        <v>0</v>
      </c>
      <c r="LJ28" s="348">
        <v>0</v>
      </c>
      <c r="LK28" s="345">
        <v>0</v>
      </c>
      <c r="LL28" s="349">
        <v>0</v>
      </c>
      <c r="LM28" s="404">
        <v>0</v>
      </c>
      <c r="LN28" s="345">
        <v>0</v>
      </c>
      <c r="LO28" s="345">
        <v>0</v>
      </c>
      <c r="LP28" s="345">
        <v>0</v>
      </c>
      <c r="LQ28" s="345">
        <v>0</v>
      </c>
      <c r="LR28" s="345">
        <v>0</v>
      </c>
      <c r="LS28" s="349">
        <v>0</v>
      </c>
      <c r="LT28" s="347">
        <v>0</v>
      </c>
      <c r="LU28" s="348">
        <v>0</v>
      </c>
      <c r="LV28" s="345">
        <v>0</v>
      </c>
      <c r="LW28" s="349">
        <v>0</v>
      </c>
      <c r="LX28" s="404">
        <v>0</v>
      </c>
      <c r="LY28" s="345">
        <v>0</v>
      </c>
      <c r="LZ28" s="345">
        <v>0</v>
      </c>
      <c r="MA28" s="345">
        <v>0</v>
      </c>
      <c r="MB28" s="345">
        <v>0</v>
      </c>
      <c r="MC28" s="345">
        <v>0</v>
      </c>
      <c r="MD28" s="349">
        <v>0</v>
      </c>
      <c r="ME28" s="350">
        <v>0</v>
      </c>
      <c r="MF28" s="348">
        <v>0</v>
      </c>
      <c r="MG28" s="345">
        <v>0</v>
      </c>
      <c r="MH28" s="349">
        <v>0</v>
      </c>
      <c r="MI28" s="404">
        <v>0</v>
      </c>
      <c r="MJ28" s="345">
        <v>0</v>
      </c>
      <c r="MK28" s="345">
        <v>0</v>
      </c>
      <c r="ML28" s="345">
        <v>1787336</v>
      </c>
      <c r="MM28" s="345">
        <v>2230185</v>
      </c>
      <c r="MN28" s="345">
        <v>1812437</v>
      </c>
      <c r="MO28" s="349">
        <v>5829958</v>
      </c>
      <c r="MP28" s="354">
        <v>5829958</v>
      </c>
      <c r="MQ28" s="348">
        <v>0</v>
      </c>
      <c r="MR28" s="345">
        <v>0</v>
      </c>
      <c r="MS28" s="349">
        <v>0</v>
      </c>
      <c r="MT28" s="404">
        <v>0</v>
      </c>
      <c r="MU28" s="345">
        <v>0</v>
      </c>
      <c r="MV28" s="345">
        <v>0</v>
      </c>
      <c r="MW28" s="345">
        <v>1482486</v>
      </c>
      <c r="MX28" s="345">
        <v>1656666</v>
      </c>
      <c r="MY28" s="345">
        <v>1133523</v>
      </c>
      <c r="MZ28" s="349">
        <v>4272675</v>
      </c>
      <c r="NA28" s="354">
        <v>4272675</v>
      </c>
      <c r="NB28" s="348">
        <v>0</v>
      </c>
      <c r="NC28" s="345">
        <v>0</v>
      </c>
      <c r="ND28" s="349">
        <v>0</v>
      </c>
      <c r="NE28" s="404">
        <v>0</v>
      </c>
      <c r="NF28" s="345">
        <v>0</v>
      </c>
      <c r="NG28" s="345">
        <v>0</v>
      </c>
      <c r="NH28" s="345">
        <v>304850</v>
      </c>
      <c r="NI28" s="345">
        <v>573519</v>
      </c>
      <c r="NJ28" s="345">
        <v>678914</v>
      </c>
      <c r="NK28" s="349">
        <v>1557283</v>
      </c>
      <c r="NL28" s="347">
        <v>1557283</v>
      </c>
      <c r="NM28" s="348">
        <v>0</v>
      </c>
      <c r="NN28" s="345">
        <v>0</v>
      </c>
      <c r="NO28" s="349">
        <v>0</v>
      </c>
      <c r="NP28" s="404">
        <v>0</v>
      </c>
      <c r="NQ28" s="345">
        <v>0</v>
      </c>
      <c r="NR28" s="345">
        <v>0</v>
      </c>
      <c r="NS28" s="345">
        <v>0</v>
      </c>
      <c r="NT28" s="345">
        <v>0</v>
      </c>
      <c r="NU28" s="345">
        <v>0</v>
      </c>
      <c r="NV28" s="349">
        <v>0</v>
      </c>
      <c r="NW28" s="350">
        <v>0</v>
      </c>
      <c r="NX28" s="348">
        <v>0</v>
      </c>
      <c r="NY28" s="345">
        <v>0</v>
      </c>
      <c r="NZ28" s="349">
        <v>0</v>
      </c>
      <c r="OA28" s="404">
        <v>0</v>
      </c>
      <c r="OB28" s="345">
        <v>0</v>
      </c>
      <c r="OC28" s="345">
        <v>0</v>
      </c>
      <c r="OD28" s="345">
        <v>0</v>
      </c>
      <c r="OE28" s="345">
        <v>0</v>
      </c>
      <c r="OF28" s="345">
        <v>0</v>
      </c>
      <c r="OG28" s="349">
        <v>0</v>
      </c>
      <c r="OH28" s="350">
        <v>0</v>
      </c>
      <c r="OI28" s="348">
        <v>403056</v>
      </c>
      <c r="OJ28" s="345">
        <v>262295</v>
      </c>
      <c r="OK28" s="346">
        <v>665351</v>
      </c>
      <c r="OL28" s="351">
        <v>0</v>
      </c>
      <c r="OM28" s="345">
        <v>3169783</v>
      </c>
      <c r="ON28" s="345">
        <v>3601199</v>
      </c>
      <c r="OO28" s="345">
        <v>4411009</v>
      </c>
      <c r="OP28" s="345">
        <v>4194101</v>
      </c>
      <c r="OQ28" s="345">
        <v>3547922</v>
      </c>
      <c r="OR28" s="349">
        <v>18924014</v>
      </c>
      <c r="OS28" s="354">
        <v>19589365</v>
      </c>
    </row>
    <row r="29" spans="2:409" s="70" customFormat="1" ht="21" customHeight="1" x14ac:dyDescent="0.2">
      <c r="B29" s="410" t="s">
        <v>24</v>
      </c>
      <c r="C29" s="326">
        <v>167190</v>
      </c>
      <c r="D29" s="327">
        <v>160027</v>
      </c>
      <c r="E29" s="328">
        <v>327217</v>
      </c>
      <c r="F29" s="329">
        <v>0</v>
      </c>
      <c r="G29" s="327">
        <v>2443894</v>
      </c>
      <c r="H29" s="327">
        <v>2366516</v>
      </c>
      <c r="I29" s="327">
        <v>2207869</v>
      </c>
      <c r="J29" s="327">
        <v>2110373</v>
      </c>
      <c r="K29" s="327">
        <v>825230</v>
      </c>
      <c r="L29" s="367">
        <v>9953882</v>
      </c>
      <c r="M29" s="330">
        <v>10281099</v>
      </c>
      <c r="N29" s="326">
        <v>62767</v>
      </c>
      <c r="O29" s="327">
        <v>61650</v>
      </c>
      <c r="P29" s="328">
        <v>124417</v>
      </c>
      <c r="Q29" s="326">
        <v>0</v>
      </c>
      <c r="R29" s="327">
        <v>1004916</v>
      </c>
      <c r="S29" s="327">
        <v>401222</v>
      </c>
      <c r="T29" s="327">
        <v>463983</v>
      </c>
      <c r="U29" s="327">
        <v>692039</v>
      </c>
      <c r="V29" s="327">
        <v>506595</v>
      </c>
      <c r="W29" s="328">
        <v>3068755</v>
      </c>
      <c r="X29" s="330">
        <v>3193172</v>
      </c>
      <c r="Y29" s="326">
        <v>0</v>
      </c>
      <c r="Z29" s="327">
        <v>0</v>
      </c>
      <c r="AA29" s="328">
        <v>0</v>
      </c>
      <c r="AB29" s="326">
        <v>0</v>
      </c>
      <c r="AC29" s="327">
        <v>525326</v>
      </c>
      <c r="AD29" s="327">
        <v>122652</v>
      </c>
      <c r="AE29" s="327">
        <v>146922</v>
      </c>
      <c r="AF29" s="327">
        <v>295218</v>
      </c>
      <c r="AG29" s="327">
        <v>428484</v>
      </c>
      <c r="AH29" s="328">
        <v>1518602</v>
      </c>
      <c r="AI29" s="330">
        <v>1518602</v>
      </c>
      <c r="AJ29" s="326">
        <v>0</v>
      </c>
      <c r="AK29" s="327">
        <v>0</v>
      </c>
      <c r="AL29" s="328">
        <v>0</v>
      </c>
      <c r="AM29" s="326">
        <v>0</v>
      </c>
      <c r="AN29" s="327">
        <v>0</v>
      </c>
      <c r="AO29" s="327">
        <v>0</v>
      </c>
      <c r="AP29" s="327">
        <v>0</v>
      </c>
      <c r="AQ29" s="327">
        <v>97015</v>
      </c>
      <c r="AR29" s="327">
        <v>0</v>
      </c>
      <c r="AS29" s="328">
        <v>97015</v>
      </c>
      <c r="AT29" s="330">
        <v>97015</v>
      </c>
      <c r="AU29" s="326">
        <v>25551</v>
      </c>
      <c r="AV29" s="327">
        <v>49690</v>
      </c>
      <c r="AW29" s="328">
        <v>75241</v>
      </c>
      <c r="AX29" s="326">
        <v>0</v>
      </c>
      <c r="AY29" s="327">
        <v>283174</v>
      </c>
      <c r="AZ29" s="327">
        <v>162154</v>
      </c>
      <c r="BA29" s="327">
        <v>212061</v>
      </c>
      <c r="BB29" s="327">
        <v>198982</v>
      </c>
      <c r="BC29" s="327">
        <v>38023</v>
      </c>
      <c r="BD29" s="328">
        <v>894394</v>
      </c>
      <c r="BE29" s="330">
        <v>969635</v>
      </c>
      <c r="BF29" s="326">
        <v>0</v>
      </c>
      <c r="BG29" s="327">
        <v>0</v>
      </c>
      <c r="BH29" s="331">
        <v>0</v>
      </c>
      <c r="BI29" s="332">
        <v>0</v>
      </c>
      <c r="BJ29" s="327">
        <v>44728</v>
      </c>
      <c r="BK29" s="327">
        <v>49504</v>
      </c>
      <c r="BL29" s="327">
        <v>0</v>
      </c>
      <c r="BM29" s="327">
        <v>0</v>
      </c>
      <c r="BN29" s="327">
        <v>0</v>
      </c>
      <c r="BO29" s="328">
        <v>94232</v>
      </c>
      <c r="BP29" s="330">
        <v>94232</v>
      </c>
      <c r="BQ29" s="326">
        <v>37216</v>
      </c>
      <c r="BR29" s="327">
        <v>11960</v>
      </c>
      <c r="BS29" s="328">
        <v>49176</v>
      </c>
      <c r="BT29" s="326">
        <v>0</v>
      </c>
      <c r="BU29" s="327">
        <v>151688</v>
      </c>
      <c r="BV29" s="327">
        <v>66912</v>
      </c>
      <c r="BW29" s="327">
        <v>105000</v>
      </c>
      <c r="BX29" s="327">
        <v>100824</v>
      </c>
      <c r="BY29" s="327">
        <v>40088</v>
      </c>
      <c r="BZ29" s="328">
        <v>464512</v>
      </c>
      <c r="CA29" s="330">
        <v>513688</v>
      </c>
      <c r="CB29" s="326">
        <v>20289</v>
      </c>
      <c r="CC29" s="327">
        <v>40857</v>
      </c>
      <c r="CD29" s="328">
        <v>61146</v>
      </c>
      <c r="CE29" s="326">
        <v>0</v>
      </c>
      <c r="CF29" s="327">
        <v>533870</v>
      </c>
      <c r="CG29" s="327">
        <v>1088142</v>
      </c>
      <c r="CH29" s="327">
        <v>745063</v>
      </c>
      <c r="CI29" s="327">
        <v>349550</v>
      </c>
      <c r="CJ29" s="327">
        <v>272235</v>
      </c>
      <c r="CK29" s="328">
        <v>2988860</v>
      </c>
      <c r="CL29" s="330">
        <v>3050006</v>
      </c>
      <c r="CM29" s="326">
        <v>0</v>
      </c>
      <c r="CN29" s="327">
        <v>0</v>
      </c>
      <c r="CO29" s="328">
        <v>0</v>
      </c>
      <c r="CP29" s="332">
        <v>0</v>
      </c>
      <c r="CQ29" s="327">
        <v>533870</v>
      </c>
      <c r="CR29" s="327">
        <v>639247</v>
      </c>
      <c r="CS29" s="327">
        <v>141248</v>
      </c>
      <c r="CT29" s="327">
        <v>103704</v>
      </c>
      <c r="CU29" s="327">
        <v>68928</v>
      </c>
      <c r="CV29" s="328">
        <v>1486997</v>
      </c>
      <c r="CW29" s="330">
        <v>1486997</v>
      </c>
      <c r="CX29" s="326">
        <v>20289</v>
      </c>
      <c r="CY29" s="327">
        <v>40857</v>
      </c>
      <c r="CZ29" s="328">
        <v>61146</v>
      </c>
      <c r="DA29" s="326">
        <v>0</v>
      </c>
      <c r="DB29" s="327">
        <v>0</v>
      </c>
      <c r="DC29" s="327">
        <v>448895</v>
      </c>
      <c r="DD29" s="327">
        <v>603815</v>
      </c>
      <c r="DE29" s="327">
        <v>245846</v>
      </c>
      <c r="DF29" s="327">
        <v>203307</v>
      </c>
      <c r="DG29" s="328">
        <v>1501863</v>
      </c>
      <c r="DH29" s="330">
        <v>1563009</v>
      </c>
      <c r="DI29" s="326">
        <v>0</v>
      </c>
      <c r="DJ29" s="327">
        <v>0</v>
      </c>
      <c r="DK29" s="331">
        <v>0</v>
      </c>
      <c r="DL29" s="332">
        <v>0</v>
      </c>
      <c r="DM29" s="327">
        <v>0</v>
      </c>
      <c r="DN29" s="327">
        <v>479801</v>
      </c>
      <c r="DO29" s="327">
        <v>138429</v>
      </c>
      <c r="DP29" s="327">
        <v>537757</v>
      </c>
      <c r="DQ29" s="327">
        <v>0</v>
      </c>
      <c r="DR29" s="328">
        <v>1155987</v>
      </c>
      <c r="DS29" s="330">
        <v>1155987</v>
      </c>
      <c r="DT29" s="326">
        <v>0</v>
      </c>
      <c r="DU29" s="327">
        <v>0</v>
      </c>
      <c r="DV29" s="328">
        <v>0</v>
      </c>
      <c r="DW29" s="326">
        <v>0</v>
      </c>
      <c r="DX29" s="327">
        <v>0</v>
      </c>
      <c r="DY29" s="327">
        <v>410924</v>
      </c>
      <c r="DZ29" s="327">
        <v>92037</v>
      </c>
      <c r="EA29" s="327">
        <v>537757</v>
      </c>
      <c r="EB29" s="327">
        <v>0</v>
      </c>
      <c r="EC29" s="328">
        <v>1040718</v>
      </c>
      <c r="ED29" s="330">
        <v>1040718</v>
      </c>
      <c r="EE29" s="326">
        <v>0</v>
      </c>
      <c r="EF29" s="331">
        <v>0</v>
      </c>
      <c r="EG29" s="328">
        <v>0</v>
      </c>
      <c r="EH29" s="326">
        <v>0</v>
      </c>
      <c r="EI29" s="327">
        <v>0</v>
      </c>
      <c r="EJ29" s="327">
        <v>68877</v>
      </c>
      <c r="EK29" s="327">
        <v>46392</v>
      </c>
      <c r="EL29" s="327">
        <v>0</v>
      </c>
      <c r="EM29" s="327">
        <v>0</v>
      </c>
      <c r="EN29" s="331">
        <v>115269</v>
      </c>
      <c r="EO29" s="330">
        <v>115269</v>
      </c>
      <c r="EP29" s="326">
        <v>0</v>
      </c>
      <c r="EQ29" s="327">
        <v>0</v>
      </c>
      <c r="ER29" s="331">
        <v>0</v>
      </c>
      <c r="ES29" s="332">
        <v>0</v>
      </c>
      <c r="ET29" s="327">
        <v>0</v>
      </c>
      <c r="EU29" s="327">
        <v>0</v>
      </c>
      <c r="EV29" s="327">
        <v>0</v>
      </c>
      <c r="EW29" s="327">
        <v>0</v>
      </c>
      <c r="EX29" s="327">
        <v>0</v>
      </c>
      <c r="EY29" s="328">
        <v>0</v>
      </c>
      <c r="EZ29" s="330">
        <v>0</v>
      </c>
      <c r="FA29" s="326">
        <v>0</v>
      </c>
      <c r="FB29" s="327">
        <v>0</v>
      </c>
      <c r="FC29" s="331">
        <v>0</v>
      </c>
      <c r="FD29" s="332">
        <v>0</v>
      </c>
      <c r="FE29" s="327">
        <v>0</v>
      </c>
      <c r="FF29" s="327">
        <v>0</v>
      </c>
      <c r="FG29" s="327">
        <v>0</v>
      </c>
      <c r="FH29" s="327">
        <v>0</v>
      </c>
      <c r="FI29" s="327">
        <v>0</v>
      </c>
      <c r="FJ29" s="328">
        <v>0</v>
      </c>
      <c r="FK29" s="330">
        <v>0</v>
      </c>
      <c r="FL29" s="326">
        <v>28800</v>
      </c>
      <c r="FM29" s="327">
        <v>57520</v>
      </c>
      <c r="FN29" s="328">
        <v>86320</v>
      </c>
      <c r="FO29" s="326">
        <v>0</v>
      </c>
      <c r="FP29" s="327">
        <v>82152</v>
      </c>
      <c r="FQ29" s="327">
        <v>211076</v>
      </c>
      <c r="FR29" s="327">
        <v>224056</v>
      </c>
      <c r="FS29" s="327">
        <v>154696</v>
      </c>
      <c r="FT29" s="327">
        <v>46400</v>
      </c>
      <c r="FU29" s="328">
        <v>718380</v>
      </c>
      <c r="FV29" s="330">
        <v>804700</v>
      </c>
      <c r="FW29" s="333">
        <v>28800</v>
      </c>
      <c r="FX29" s="327">
        <v>32440</v>
      </c>
      <c r="FY29" s="331">
        <v>61240</v>
      </c>
      <c r="FZ29" s="332">
        <v>0</v>
      </c>
      <c r="GA29" s="327">
        <v>50952</v>
      </c>
      <c r="GB29" s="327">
        <v>179440</v>
      </c>
      <c r="GC29" s="327">
        <v>160696</v>
      </c>
      <c r="GD29" s="327">
        <v>154696</v>
      </c>
      <c r="GE29" s="327">
        <v>46400</v>
      </c>
      <c r="GF29" s="328">
        <v>592184</v>
      </c>
      <c r="GG29" s="334">
        <v>653424</v>
      </c>
      <c r="GH29" s="333">
        <v>0</v>
      </c>
      <c r="GI29" s="327">
        <v>25080</v>
      </c>
      <c r="GJ29" s="331">
        <v>25080</v>
      </c>
      <c r="GK29" s="332">
        <v>0</v>
      </c>
      <c r="GL29" s="327">
        <v>0</v>
      </c>
      <c r="GM29" s="327">
        <v>31636</v>
      </c>
      <c r="GN29" s="327">
        <v>0</v>
      </c>
      <c r="GO29" s="327">
        <v>0</v>
      </c>
      <c r="GP29" s="327">
        <v>0</v>
      </c>
      <c r="GQ29" s="328">
        <v>31636</v>
      </c>
      <c r="GR29" s="330">
        <v>56716</v>
      </c>
      <c r="GS29" s="326">
        <v>0</v>
      </c>
      <c r="GT29" s="327">
        <v>0</v>
      </c>
      <c r="GU29" s="328">
        <v>0</v>
      </c>
      <c r="GV29" s="326">
        <v>0</v>
      </c>
      <c r="GW29" s="327">
        <v>31200</v>
      </c>
      <c r="GX29" s="327">
        <v>0</v>
      </c>
      <c r="GY29" s="327">
        <v>63360</v>
      </c>
      <c r="GZ29" s="327">
        <v>0</v>
      </c>
      <c r="HA29" s="327">
        <v>0</v>
      </c>
      <c r="HB29" s="331">
        <v>94560</v>
      </c>
      <c r="HC29" s="330">
        <v>94560</v>
      </c>
      <c r="HD29" s="326">
        <v>55334</v>
      </c>
      <c r="HE29" s="327">
        <v>0</v>
      </c>
      <c r="HF29" s="331">
        <v>55334</v>
      </c>
      <c r="HG29" s="332">
        <v>0</v>
      </c>
      <c r="HH29" s="327">
        <v>822956</v>
      </c>
      <c r="HI29" s="327">
        <v>186275</v>
      </c>
      <c r="HJ29" s="327">
        <v>636338</v>
      </c>
      <c r="HK29" s="327">
        <v>376331</v>
      </c>
      <c r="HL29" s="327">
        <v>0</v>
      </c>
      <c r="HM29" s="328">
        <v>2021900</v>
      </c>
      <c r="HN29" s="329">
        <v>2077234</v>
      </c>
      <c r="HO29" s="333">
        <v>0</v>
      </c>
      <c r="HP29" s="327">
        <v>0</v>
      </c>
      <c r="HQ29" s="328">
        <v>0</v>
      </c>
      <c r="HR29" s="326">
        <v>0</v>
      </c>
      <c r="HS29" s="327">
        <v>0</v>
      </c>
      <c r="HT29" s="327">
        <v>0</v>
      </c>
      <c r="HU29" s="327">
        <v>0</v>
      </c>
      <c r="HV29" s="327">
        <v>0</v>
      </c>
      <c r="HW29" s="327">
        <v>0</v>
      </c>
      <c r="HX29" s="331">
        <v>0</v>
      </c>
      <c r="HY29" s="330">
        <v>0</v>
      </c>
      <c r="HZ29" s="335">
        <v>45060</v>
      </c>
      <c r="IA29" s="336">
        <v>0</v>
      </c>
      <c r="IB29" s="337">
        <v>45060</v>
      </c>
      <c r="IC29" s="338">
        <v>0</v>
      </c>
      <c r="ID29" s="336">
        <v>182210</v>
      </c>
      <c r="IE29" s="339">
        <v>194433</v>
      </c>
      <c r="IF29" s="337">
        <v>1048114</v>
      </c>
      <c r="IG29" s="336">
        <v>205208</v>
      </c>
      <c r="IH29" s="337">
        <v>76760</v>
      </c>
      <c r="II29" s="340">
        <v>1706725</v>
      </c>
      <c r="IJ29" s="341">
        <v>1751785</v>
      </c>
      <c r="IK29" s="342">
        <v>0</v>
      </c>
      <c r="IL29" s="343">
        <v>0</v>
      </c>
      <c r="IM29" s="344">
        <v>0</v>
      </c>
      <c r="IN29" s="404">
        <v>0</v>
      </c>
      <c r="IO29" s="345">
        <v>0</v>
      </c>
      <c r="IP29" s="345">
        <v>0</v>
      </c>
      <c r="IQ29" s="345">
        <v>0</v>
      </c>
      <c r="IR29" s="345">
        <v>205208</v>
      </c>
      <c r="IS29" s="345">
        <v>0</v>
      </c>
      <c r="IT29" s="346">
        <v>205208</v>
      </c>
      <c r="IU29" s="347">
        <v>205208</v>
      </c>
      <c r="IV29" s="348">
        <v>0</v>
      </c>
      <c r="IW29" s="345">
        <v>0</v>
      </c>
      <c r="IX29" s="349">
        <v>0</v>
      </c>
      <c r="IY29" s="404">
        <v>0</v>
      </c>
      <c r="IZ29" s="345">
        <v>0</v>
      </c>
      <c r="JA29" s="345">
        <v>0</v>
      </c>
      <c r="JB29" s="345">
        <v>0</v>
      </c>
      <c r="JC29" s="345">
        <v>0</v>
      </c>
      <c r="JD29" s="345">
        <v>0</v>
      </c>
      <c r="JE29" s="349">
        <v>0</v>
      </c>
      <c r="JF29" s="350">
        <v>0</v>
      </c>
      <c r="JG29" s="348">
        <v>0</v>
      </c>
      <c r="JH29" s="345">
        <v>0</v>
      </c>
      <c r="JI29" s="346">
        <v>0</v>
      </c>
      <c r="JJ29" s="351">
        <v>0</v>
      </c>
      <c r="JK29" s="345">
        <v>182210</v>
      </c>
      <c r="JL29" s="345">
        <v>24494</v>
      </c>
      <c r="JM29" s="345">
        <v>147109</v>
      </c>
      <c r="JN29" s="345">
        <v>0</v>
      </c>
      <c r="JO29" s="345">
        <v>21994</v>
      </c>
      <c r="JP29" s="349">
        <v>375807</v>
      </c>
      <c r="JQ29" s="347">
        <v>375807</v>
      </c>
      <c r="JR29" s="348">
        <v>0</v>
      </c>
      <c r="JS29" s="345">
        <v>0</v>
      </c>
      <c r="JT29" s="346">
        <v>0</v>
      </c>
      <c r="JU29" s="351">
        <v>0</v>
      </c>
      <c r="JV29" s="345">
        <v>0</v>
      </c>
      <c r="JW29" s="345">
        <v>0</v>
      </c>
      <c r="JX29" s="345">
        <v>147041</v>
      </c>
      <c r="JY29" s="345">
        <v>0</v>
      </c>
      <c r="JZ29" s="345">
        <v>54766</v>
      </c>
      <c r="KA29" s="349">
        <v>201807</v>
      </c>
      <c r="KB29" s="347">
        <v>201807</v>
      </c>
      <c r="KC29" s="352">
        <v>45060</v>
      </c>
      <c r="KD29" s="353">
        <v>0</v>
      </c>
      <c r="KE29" s="349">
        <v>45060</v>
      </c>
      <c r="KF29" s="351">
        <v>0</v>
      </c>
      <c r="KG29" s="345">
        <v>0</v>
      </c>
      <c r="KH29" s="345">
        <v>169939</v>
      </c>
      <c r="KI29" s="345">
        <v>0</v>
      </c>
      <c r="KJ29" s="345">
        <v>0</v>
      </c>
      <c r="KK29" s="345">
        <v>0</v>
      </c>
      <c r="KL29" s="349">
        <v>169939</v>
      </c>
      <c r="KM29" s="354">
        <v>214999</v>
      </c>
      <c r="KN29" s="342">
        <v>0</v>
      </c>
      <c r="KO29" s="343">
        <v>0</v>
      </c>
      <c r="KP29" s="344">
        <v>0</v>
      </c>
      <c r="KQ29" s="404">
        <v>0</v>
      </c>
      <c r="KR29" s="345">
        <v>0</v>
      </c>
      <c r="KS29" s="345">
        <v>0</v>
      </c>
      <c r="KT29" s="345">
        <v>753964</v>
      </c>
      <c r="KU29" s="345">
        <v>0</v>
      </c>
      <c r="KV29" s="345">
        <v>0</v>
      </c>
      <c r="KW29" s="349">
        <v>753964</v>
      </c>
      <c r="KX29" s="347">
        <v>753964</v>
      </c>
      <c r="KY29" s="348">
        <v>0</v>
      </c>
      <c r="KZ29" s="345">
        <v>0</v>
      </c>
      <c r="LA29" s="349">
        <v>0</v>
      </c>
      <c r="LB29" s="404">
        <v>0</v>
      </c>
      <c r="LC29" s="345">
        <v>0</v>
      </c>
      <c r="LD29" s="345">
        <v>0</v>
      </c>
      <c r="LE29" s="345">
        <v>0</v>
      </c>
      <c r="LF29" s="345">
        <v>0</v>
      </c>
      <c r="LG29" s="345">
        <v>0</v>
      </c>
      <c r="LH29" s="349">
        <v>0</v>
      </c>
      <c r="LI29" s="350">
        <v>0</v>
      </c>
      <c r="LJ29" s="348">
        <v>0</v>
      </c>
      <c r="LK29" s="345">
        <v>0</v>
      </c>
      <c r="LL29" s="349">
        <v>0</v>
      </c>
      <c r="LM29" s="404">
        <v>0</v>
      </c>
      <c r="LN29" s="345">
        <v>0</v>
      </c>
      <c r="LO29" s="345">
        <v>0</v>
      </c>
      <c r="LP29" s="345">
        <v>0</v>
      </c>
      <c r="LQ29" s="345">
        <v>0</v>
      </c>
      <c r="LR29" s="345">
        <v>0</v>
      </c>
      <c r="LS29" s="349">
        <v>0</v>
      </c>
      <c r="LT29" s="347">
        <v>0</v>
      </c>
      <c r="LU29" s="348">
        <v>0</v>
      </c>
      <c r="LV29" s="345">
        <v>0</v>
      </c>
      <c r="LW29" s="349">
        <v>0</v>
      </c>
      <c r="LX29" s="404">
        <v>0</v>
      </c>
      <c r="LY29" s="345">
        <v>0</v>
      </c>
      <c r="LZ29" s="345">
        <v>0</v>
      </c>
      <c r="MA29" s="345">
        <v>0</v>
      </c>
      <c r="MB29" s="345">
        <v>0</v>
      </c>
      <c r="MC29" s="345">
        <v>0</v>
      </c>
      <c r="MD29" s="349">
        <v>0</v>
      </c>
      <c r="ME29" s="350">
        <v>0</v>
      </c>
      <c r="MF29" s="348">
        <v>0</v>
      </c>
      <c r="MG29" s="345">
        <v>0</v>
      </c>
      <c r="MH29" s="349">
        <v>0</v>
      </c>
      <c r="MI29" s="404">
        <v>0</v>
      </c>
      <c r="MJ29" s="345">
        <v>280052</v>
      </c>
      <c r="MK29" s="345">
        <v>278151</v>
      </c>
      <c r="ML29" s="345">
        <v>1736251</v>
      </c>
      <c r="MM29" s="345">
        <v>1923523</v>
      </c>
      <c r="MN29" s="345">
        <v>504932</v>
      </c>
      <c r="MO29" s="349">
        <v>4722909</v>
      </c>
      <c r="MP29" s="354">
        <v>4722909</v>
      </c>
      <c r="MQ29" s="348">
        <v>0</v>
      </c>
      <c r="MR29" s="345">
        <v>0</v>
      </c>
      <c r="MS29" s="349">
        <v>0</v>
      </c>
      <c r="MT29" s="404">
        <v>0</v>
      </c>
      <c r="MU29" s="345">
        <v>0</v>
      </c>
      <c r="MV29" s="345">
        <v>0</v>
      </c>
      <c r="MW29" s="345">
        <v>254076</v>
      </c>
      <c r="MX29" s="345">
        <v>1212552</v>
      </c>
      <c r="MY29" s="345">
        <v>504932</v>
      </c>
      <c r="MZ29" s="349">
        <v>1971560</v>
      </c>
      <c r="NA29" s="354">
        <v>1971560</v>
      </c>
      <c r="NB29" s="348">
        <v>0</v>
      </c>
      <c r="NC29" s="345">
        <v>0</v>
      </c>
      <c r="ND29" s="349">
        <v>0</v>
      </c>
      <c r="NE29" s="404">
        <v>0</v>
      </c>
      <c r="NF29" s="345">
        <v>280052</v>
      </c>
      <c r="NG29" s="345">
        <v>278151</v>
      </c>
      <c r="NH29" s="345">
        <v>1482175</v>
      </c>
      <c r="NI29" s="345">
        <v>710971</v>
      </c>
      <c r="NJ29" s="345">
        <v>0</v>
      </c>
      <c r="NK29" s="349">
        <v>2751349</v>
      </c>
      <c r="NL29" s="347">
        <v>2751349</v>
      </c>
      <c r="NM29" s="348">
        <v>0</v>
      </c>
      <c r="NN29" s="345">
        <v>0</v>
      </c>
      <c r="NO29" s="349">
        <v>0</v>
      </c>
      <c r="NP29" s="404">
        <v>0</v>
      </c>
      <c r="NQ29" s="345">
        <v>0</v>
      </c>
      <c r="NR29" s="345">
        <v>0</v>
      </c>
      <c r="NS29" s="345">
        <v>0</v>
      </c>
      <c r="NT29" s="345">
        <v>0</v>
      </c>
      <c r="NU29" s="345">
        <v>0</v>
      </c>
      <c r="NV29" s="349">
        <v>0</v>
      </c>
      <c r="NW29" s="350">
        <v>0</v>
      </c>
      <c r="NX29" s="348">
        <v>0</v>
      </c>
      <c r="NY29" s="345">
        <v>0</v>
      </c>
      <c r="NZ29" s="349">
        <v>0</v>
      </c>
      <c r="OA29" s="404">
        <v>0</v>
      </c>
      <c r="OB29" s="345">
        <v>0</v>
      </c>
      <c r="OC29" s="345">
        <v>0</v>
      </c>
      <c r="OD29" s="345">
        <v>0</v>
      </c>
      <c r="OE29" s="345">
        <v>0</v>
      </c>
      <c r="OF29" s="345">
        <v>0</v>
      </c>
      <c r="OG29" s="349">
        <v>0</v>
      </c>
      <c r="OH29" s="350">
        <v>0</v>
      </c>
      <c r="OI29" s="348">
        <v>212250</v>
      </c>
      <c r="OJ29" s="345">
        <v>160027</v>
      </c>
      <c r="OK29" s="346">
        <v>372277</v>
      </c>
      <c r="OL29" s="351">
        <v>0</v>
      </c>
      <c r="OM29" s="345">
        <v>2906156</v>
      </c>
      <c r="ON29" s="345">
        <v>2839100</v>
      </c>
      <c r="OO29" s="345">
        <v>4992234</v>
      </c>
      <c r="OP29" s="345">
        <v>4239104</v>
      </c>
      <c r="OQ29" s="345">
        <v>1406922</v>
      </c>
      <c r="OR29" s="349">
        <v>16383516</v>
      </c>
      <c r="OS29" s="354">
        <v>16755793</v>
      </c>
    </row>
    <row r="30" spans="2:409" s="70" customFormat="1" ht="21" customHeight="1" x14ac:dyDescent="0.2">
      <c r="B30" s="410" t="s">
        <v>25</v>
      </c>
      <c r="C30" s="326">
        <v>23160</v>
      </c>
      <c r="D30" s="327">
        <v>347835</v>
      </c>
      <c r="E30" s="328">
        <v>370995</v>
      </c>
      <c r="F30" s="329">
        <v>0</v>
      </c>
      <c r="G30" s="327">
        <v>1697560</v>
      </c>
      <c r="H30" s="327">
        <v>1296789</v>
      </c>
      <c r="I30" s="327">
        <v>695458</v>
      </c>
      <c r="J30" s="327">
        <v>735850</v>
      </c>
      <c r="K30" s="327">
        <v>0</v>
      </c>
      <c r="L30" s="367">
        <v>4425657</v>
      </c>
      <c r="M30" s="330">
        <v>4796652</v>
      </c>
      <c r="N30" s="326">
        <v>7720</v>
      </c>
      <c r="O30" s="327">
        <v>159213</v>
      </c>
      <c r="P30" s="328">
        <v>166933</v>
      </c>
      <c r="Q30" s="326">
        <v>0</v>
      </c>
      <c r="R30" s="327">
        <v>238309</v>
      </c>
      <c r="S30" s="327">
        <v>507152</v>
      </c>
      <c r="T30" s="327">
        <v>320055</v>
      </c>
      <c r="U30" s="327">
        <v>210768</v>
      </c>
      <c r="V30" s="327">
        <v>0</v>
      </c>
      <c r="W30" s="328">
        <v>1276284</v>
      </c>
      <c r="X30" s="330">
        <v>1443217</v>
      </c>
      <c r="Y30" s="326">
        <v>0</v>
      </c>
      <c r="Z30" s="327">
        <v>0</v>
      </c>
      <c r="AA30" s="328">
        <v>0</v>
      </c>
      <c r="AB30" s="326">
        <v>0</v>
      </c>
      <c r="AC30" s="327">
        <v>158332</v>
      </c>
      <c r="AD30" s="327">
        <v>94724</v>
      </c>
      <c r="AE30" s="327">
        <v>72066</v>
      </c>
      <c r="AF30" s="327">
        <v>23214</v>
      </c>
      <c r="AG30" s="327">
        <v>0</v>
      </c>
      <c r="AH30" s="328">
        <v>348336</v>
      </c>
      <c r="AI30" s="330">
        <v>348336</v>
      </c>
      <c r="AJ30" s="326">
        <v>0</v>
      </c>
      <c r="AK30" s="327">
        <v>0</v>
      </c>
      <c r="AL30" s="328">
        <v>0</v>
      </c>
      <c r="AM30" s="326">
        <v>0</v>
      </c>
      <c r="AN30" s="327">
        <v>0</v>
      </c>
      <c r="AO30" s="327">
        <v>24669</v>
      </c>
      <c r="AP30" s="327">
        <v>23711</v>
      </c>
      <c r="AQ30" s="327">
        <v>26552</v>
      </c>
      <c r="AR30" s="327">
        <v>0</v>
      </c>
      <c r="AS30" s="328">
        <v>74932</v>
      </c>
      <c r="AT30" s="330">
        <v>74932</v>
      </c>
      <c r="AU30" s="326">
        <v>7720</v>
      </c>
      <c r="AV30" s="327">
        <v>8936</v>
      </c>
      <c r="AW30" s="328">
        <v>16656</v>
      </c>
      <c r="AX30" s="326">
        <v>0</v>
      </c>
      <c r="AY30" s="327">
        <v>14089</v>
      </c>
      <c r="AZ30" s="327">
        <v>297222</v>
      </c>
      <c r="BA30" s="327">
        <v>167454</v>
      </c>
      <c r="BB30" s="327">
        <v>110594</v>
      </c>
      <c r="BC30" s="327">
        <v>0</v>
      </c>
      <c r="BD30" s="328">
        <v>589359</v>
      </c>
      <c r="BE30" s="330">
        <v>606015</v>
      </c>
      <c r="BF30" s="326">
        <v>0</v>
      </c>
      <c r="BG30" s="327">
        <v>72413</v>
      </c>
      <c r="BH30" s="331">
        <v>72413</v>
      </c>
      <c r="BI30" s="332">
        <v>0</v>
      </c>
      <c r="BJ30" s="327">
        <v>0</v>
      </c>
      <c r="BK30" s="327">
        <v>56657</v>
      </c>
      <c r="BL30" s="327">
        <v>0</v>
      </c>
      <c r="BM30" s="327">
        <v>0</v>
      </c>
      <c r="BN30" s="327">
        <v>0</v>
      </c>
      <c r="BO30" s="328">
        <v>56657</v>
      </c>
      <c r="BP30" s="330">
        <v>129070</v>
      </c>
      <c r="BQ30" s="326">
        <v>0</v>
      </c>
      <c r="BR30" s="327">
        <v>77864</v>
      </c>
      <c r="BS30" s="328">
        <v>77864</v>
      </c>
      <c r="BT30" s="326">
        <v>0</v>
      </c>
      <c r="BU30" s="327">
        <v>65888</v>
      </c>
      <c r="BV30" s="327">
        <v>33880</v>
      </c>
      <c r="BW30" s="327">
        <v>56824</v>
      </c>
      <c r="BX30" s="327">
        <v>50408</v>
      </c>
      <c r="BY30" s="327">
        <v>0</v>
      </c>
      <c r="BZ30" s="328">
        <v>207000</v>
      </c>
      <c r="CA30" s="330">
        <v>284864</v>
      </c>
      <c r="CB30" s="326">
        <v>0</v>
      </c>
      <c r="CC30" s="327">
        <v>39980</v>
      </c>
      <c r="CD30" s="328">
        <v>39980</v>
      </c>
      <c r="CE30" s="326">
        <v>0</v>
      </c>
      <c r="CF30" s="327">
        <v>488758</v>
      </c>
      <c r="CG30" s="327">
        <v>465306</v>
      </c>
      <c r="CH30" s="327">
        <v>130947</v>
      </c>
      <c r="CI30" s="327">
        <v>0</v>
      </c>
      <c r="CJ30" s="327">
        <v>0</v>
      </c>
      <c r="CK30" s="328">
        <v>1085011</v>
      </c>
      <c r="CL30" s="330">
        <v>1124991</v>
      </c>
      <c r="CM30" s="326">
        <v>0</v>
      </c>
      <c r="CN30" s="327">
        <v>0</v>
      </c>
      <c r="CO30" s="328">
        <v>0</v>
      </c>
      <c r="CP30" s="332">
        <v>0</v>
      </c>
      <c r="CQ30" s="327">
        <v>488758</v>
      </c>
      <c r="CR30" s="327">
        <v>293046</v>
      </c>
      <c r="CS30" s="327">
        <v>17329</v>
      </c>
      <c r="CT30" s="327">
        <v>0</v>
      </c>
      <c r="CU30" s="327">
        <v>0</v>
      </c>
      <c r="CV30" s="328">
        <v>799133</v>
      </c>
      <c r="CW30" s="330">
        <v>799133</v>
      </c>
      <c r="CX30" s="326">
        <v>0</v>
      </c>
      <c r="CY30" s="327">
        <v>39980</v>
      </c>
      <c r="CZ30" s="328">
        <v>39980</v>
      </c>
      <c r="DA30" s="326">
        <v>0</v>
      </c>
      <c r="DB30" s="327">
        <v>0</v>
      </c>
      <c r="DC30" s="327">
        <v>172260</v>
      </c>
      <c r="DD30" s="327">
        <v>113618</v>
      </c>
      <c r="DE30" s="327">
        <v>0</v>
      </c>
      <c r="DF30" s="327">
        <v>0</v>
      </c>
      <c r="DG30" s="328">
        <v>285878</v>
      </c>
      <c r="DH30" s="330">
        <v>325858</v>
      </c>
      <c r="DI30" s="326">
        <v>0</v>
      </c>
      <c r="DJ30" s="327">
        <v>0</v>
      </c>
      <c r="DK30" s="331">
        <v>0</v>
      </c>
      <c r="DL30" s="332">
        <v>0</v>
      </c>
      <c r="DM30" s="327">
        <v>30924</v>
      </c>
      <c r="DN30" s="327">
        <v>43087</v>
      </c>
      <c r="DO30" s="327">
        <v>0</v>
      </c>
      <c r="DP30" s="327">
        <v>0</v>
      </c>
      <c r="DQ30" s="327">
        <v>0</v>
      </c>
      <c r="DR30" s="328">
        <v>74011</v>
      </c>
      <c r="DS30" s="330">
        <v>74011</v>
      </c>
      <c r="DT30" s="326">
        <v>0</v>
      </c>
      <c r="DU30" s="327">
        <v>0</v>
      </c>
      <c r="DV30" s="328">
        <v>0</v>
      </c>
      <c r="DW30" s="326">
        <v>0</v>
      </c>
      <c r="DX30" s="327">
        <v>30924</v>
      </c>
      <c r="DY30" s="327">
        <v>0</v>
      </c>
      <c r="DZ30" s="327">
        <v>0</v>
      </c>
      <c r="EA30" s="327">
        <v>0</v>
      </c>
      <c r="EB30" s="327">
        <v>0</v>
      </c>
      <c r="EC30" s="328">
        <v>30924</v>
      </c>
      <c r="ED30" s="330">
        <v>30924</v>
      </c>
      <c r="EE30" s="326">
        <v>0</v>
      </c>
      <c r="EF30" s="331">
        <v>0</v>
      </c>
      <c r="EG30" s="328">
        <v>0</v>
      </c>
      <c r="EH30" s="326">
        <v>0</v>
      </c>
      <c r="EI30" s="327">
        <v>0</v>
      </c>
      <c r="EJ30" s="327">
        <v>43087</v>
      </c>
      <c r="EK30" s="327">
        <v>0</v>
      </c>
      <c r="EL30" s="327">
        <v>0</v>
      </c>
      <c r="EM30" s="327">
        <v>0</v>
      </c>
      <c r="EN30" s="331">
        <v>43087</v>
      </c>
      <c r="EO30" s="330">
        <v>43087</v>
      </c>
      <c r="EP30" s="326">
        <v>0</v>
      </c>
      <c r="EQ30" s="327">
        <v>0</v>
      </c>
      <c r="ER30" s="331">
        <v>0</v>
      </c>
      <c r="ES30" s="332">
        <v>0</v>
      </c>
      <c r="ET30" s="327">
        <v>0</v>
      </c>
      <c r="EU30" s="327">
        <v>0</v>
      </c>
      <c r="EV30" s="327">
        <v>0</v>
      </c>
      <c r="EW30" s="327">
        <v>0</v>
      </c>
      <c r="EX30" s="327">
        <v>0</v>
      </c>
      <c r="EY30" s="328">
        <v>0</v>
      </c>
      <c r="EZ30" s="330">
        <v>0</v>
      </c>
      <c r="FA30" s="326">
        <v>0</v>
      </c>
      <c r="FB30" s="327">
        <v>0</v>
      </c>
      <c r="FC30" s="331">
        <v>0</v>
      </c>
      <c r="FD30" s="332">
        <v>0</v>
      </c>
      <c r="FE30" s="327">
        <v>0</v>
      </c>
      <c r="FF30" s="327">
        <v>0</v>
      </c>
      <c r="FG30" s="327">
        <v>0</v>
      </c>
      <c r="FH30" s="327">
        <v>0</v>
      </c>
      <c r="FI30" s="327">
        <v>0</v>
      </c>
      <c r="FJ30" s="328">
        <v>0</v>
      </c>
      <c r="FK30" s="330">
        <v>0</v>
      </c>
      <c r="FL30" s="326">
        <v>15440</v>
      </c>
      <c r="FM30" s="327">
        <v>54944</v>
      </c>
      <c r="FN30" s="328">
        <v>70384</v>
      </c>
      <c r="FO30" s="326">
        <v>0</v>
      </c>
      <c r="FP30" s="327">
        <v>124800</v>
      </c>
      <c r="FQ30" s="327">
        <v>167592</v>
      </c>
      <c r="FR30" s="327">
        <v>37792</v>
      </c>
      <c r="FS30" s="327">
        <v>80064</v>
      </c>
      <c r="FT30" s="327">
        <v>0</v>
      </c>
      <c r="FU30" s="328">
        <v>410248</v>
      </c>
      <c r="FV30" s="330">
        <v>480632</v>
      </c>
      <c r="FW30" s="333">
        <v>15440</v>
      </c>
      <c r="FX30" s="327">
        <v>54944</v>
      </c>
      <c r="FY30" s="331">
        <v>70384</v>
      </c>
      <c r="FZ30" s="332">
        <v>0</v>
      </c>
      <c r="GA30" s="327">
        <v>3200</v>
      </c>
      <c r="GB30" s="327">
        <v>167592</v>
      </c>
      <c r="GC30" s="327">
        <v>37792</v>
      </c>
      <c r="GD30" s="327">
        <v>80064</v>
      </c>
      <c r="GE30" s="327">
        <v>0</v>
      </c>
      <c r="GF30" s="328">
        <v>288648</v>
      </c>
      <c r="GG30" s="334">
        <v>359032</v>
      </c>
      <c r="GH30" s="333">
        <v>0</v>
      </c>
      <c r="GI30" s="327">
        <v>0</v>
      </c>
      <c r="GJ30" s="331">
        <v>0</v>
      </c>
      <c r="GK30" s="332">
        <v>0</v>
      </c>
      <c r="GL30" s="327">
        <v>0</v>
      </c>
      <c r="GM30" s="327">
        <v>0</v>
      </c>
      <c r="GN30" s="327">
        <v>0</v>
      </c>
      <c r="GO30" s="327">
        <v>0</v>
      </c>
      <c r="GP30" s="327">
        <v>0</v>
      </c>
      <c r="GQ30" s="328">
        <v>0</v>
      </c>
      <c r="GR30" s="330">
        <v>0</v>
      </c>
      <c r="GS30" s="326">
        <v>0</v>
      </c>
      <c r="GT30" s="327">
        <v>0</v>
      </c>
      <c r="GU30" s="328">
        <v>0</v>
      </c>
      <c r="GV30" s="326">
        <v>0</v>
      </c>
      <c r="GW30" s="327">
        <v>121600</v>
      </c>
      <c r="GX30" s="327">
        <v>0</v>
      </c>
      <c r="GY30" s="327">
        <v>0</v>
      </c>
      <c r="GZ30" s="327">
        <v>0</v>
      </c>
      <c r="HA30" s="327">
        <v>0</v>
      </c>
      <c r="HB30" s="331">
        <v>121600</v>
      </c>
      <c r="HC30" s="330">
        <v>121600</v>
      </c>
      <c r="HD30" s="326">
        <v>0</v>
      </c>
      <c r="HE30" s="327">
        <v>93698</v>
      </c>
      <c r="HF30" s="331">
        <v>93698</v>
      </c>
      <c r="HG30" s="332">
        <v>0</v>
      </c>
      <c r="HH30" s="327">
        <v>814769</v>
      </c>
      <c r="HI30" s="327">
        <v>113652</v>
      </c>
      <c r="HJ30" s="327">
        <v>206664</v>
      </c>
      <c r="HK30" s="327">
        <v>445018</v>
      </c>
      <c r="HL30" s="327">
        <v>0</v>
      </c>
      <c r="HM30" s="328">
        <v>1580103</v>
      </c>
      <c r="HN30" s="329">
        <v>1673801</v>
      </c>
      <c r="HO30" s="333">
        <v>0</v>
      </c>
      <c r="HP30" s="327">
        <v>0</v>
      </c>
      <c r="HQ30" s="328">
        <v>0</v>
      </c>
      <c r="HR30" s="326">
        <v>0</v>
      </c>
      <c r="HS30" s="327">
        <v>0</v>
      </c>
      <c r="HT30" s="327">
        <v>0</v>
      </c>
      <c r="HU30" s="327">
        <v>0</v>
      </c>
      <c r="HV30" s="327">
        <v>0</v>
      </c>
      <c r="HW30" s="327">
        <v>0</v>
      </c>
      <c r="HX30" s="331">
        <v>0</v>
      </c>
      <c r="HY30" s="330">
        <v>0</v>
      </c>
      <c r="HZ30" s="358">
        <v>0</v>
      </c>
      <c r="IA30" s="356">
        <v>76567</v>
      </c>
      <c r="IB30" s="358">
        <v>76567</v>
      </c>
      <c r="IC30" s="355">
        <v>0</v>
      </c>
      <c r="ID30" s="356">
        <v>91924</v>
      </c>
      <c r="IE30" s="357">
        <v>104014</v>
      </c>
      <c r="IF30" s="358">
        <v>298642</v>
      </c>
      <c r="IG30" s="356">
        <v>59356</v>
      </c>
      <c r="IH30" s="358">
        <v>0</v>
      </c>
      <c r="II30" s="359">
        <v>553936</v>
      </c>
      <c r="IJ30" s="358">
        <v>630503</v>
      </c>
      <c r="IK30" s="342">
        <v>0</v>
      </c>
      <c r="IL30" s="343">
        <v>0</v>
      </c>
      <c r="IM30" s="344">
        <v>0</v>
      </c>
      <c r="IN30" s="404">
        <v>0</v>
      </c>
      <c r="IO30" s="345">
        <v>0</v>
      </c>
      <c r="IP30" s="345">
        <v>0</v>
      </c>
      <c r="IQ30" s="345">
        <v>0</v>
      </c>
      <c r="IR30" s="345">
        <v>0</v>
      </c>
      <c r="IS30" s="345">
        <v>0</v>
      </c>
      <c r="IT30" s="346">
        <v>0</v>
      </c>
      <c r="IU30" s="347">
        <v>0</v>
      </c>
      <c r="IV30" s="348">
        <v>0</v>
      </c>
      <c r="IW30" s="345">
        <v>0</v>
      </c>
      <c r="IX30" s="349">
        <v>0</v>
      </c>
      <c r="IY30" s="404">
        <v>0</v>
      </c>
      <c r="IZ30" s="345">
        <v>0</v>
      </c>
      <c r="JA30" s="345">
        <v>0</v>
      </c>
      <c r="JB30" s="345">
        <v>0</v>
      </c>
      <c r="JC30" s="345">
        <v>0</v>
      </c>
      <c r="JD30" s="345">
        <v>0</v>
      </c>
      <c r="JE30" s="349">
        <v>0</v>
      </c>
      <c r="JF30" s="350">
        <v>0</v>
      </c>
      <c r="JG30" s="348">
        <v>0</v>
      </c>
      <c r="JH30" s="345">
        <v>0</v>
      </c>
      <c r="JI30" s="346">
        <v>0</v>
      </c>
      <c r="JJ30" s="351">
        <v>0</v>
      </c>
      <c r="JK30" s="345">
        <v>91924</v>
      </c>
      <c r="JL30" s="345">
        <v>104014</v>
      </c>
      <c r="JM30" s="345">
        <v>49574</v>
      </c>
      <c r="JN30" s="345">
        <v>59356</v>
      </c>
      <c r="JO30" s="345">
        <v>0</v>
      </c>
      <c r="JP30" s="349">
        <v>304868</v>
      </c>
      <c r="JQ30" s="347">
        <v>304868</v>
      </c>
      <c r="JR30" s="348">
        <v>0</v>
      </c>
      <c r="JS30" s="345">
        <v>0</v>
      </c>
      <c r="JT30" s="346">
        <v>0</v>
      </c>
      <c r="JU30" s="351">
        <v>0</v>
      </c>
      <c r="JV30" s="345">
        <v>0</v>
      </c>
      <c r="JW30" s="345">
        <v>0</v>
      </c>
      <c r="JX30" s="345">
        <v>0</v>
      </c>
      <c r="JY30" s="345">
        <v>0</v>
      </c>
      <c r="JZ30" s="345">
        <v>0</v>
      </c>
      <c r="KA30" s="349">
        <v>0</v>
      </c>
      <c r="KB30" s="347">
        <v>0</v>
      </c>
      <c r="KC30" s="352">
        <v>0</v>
      </c>
      <c r="KD30" s="353">
        <v>76567</v>
      </c>
      <c r="KE30" s="349">
        <v>76567</v>
      </c>
      <c r="KF30" s="351">
        <v>0</v>
      </c>
      <c r="KG30" s="345">
        <v>0</v>
      </c>
      <c r="KH30" s="345">
        <v>0</v>
      </c>
      <c r="KI30" s="345">
        <v>0</v>
      </c>
      <c r="KJ30" s="345">
        <v>0</v>
      </c>
      <c r="KK30" s="345">
        <v>0</v>
      </c>
      <c r="KL30" s="349">
        <v>0</v>
      </c>
      <c r="KM30" s="354">
        <v>76567</v>
      </c>
      <c r="KN30" s="342">
        <v>0</v>
      </c>
      <c r="KO30" s="343">
        <v>0</v>
      </c>
      <c r="KP30" s="344">
        <v>0</v>
      </c>
      <c r="KQ30" s="404">
        <v>0</v>
      </c>
      <c r="KR30" s="345">
        <v>0</v>
      </c>
      <c r="KS30" s="345">
        <v>0</v>
      </c>
      <c r="KT30" s="345">
        <v>249068</v>
      </c>
      <c r="KU30" s="345">
        <v>0</v>
      </c>
      <c r="KV30" s="345">
        <v>0</v>
      </c>
      <c r="KW30" s="349">
        <v>249068</v>
      </c>
      <c r="KX30" s="347">
        <v>249068</v>
      </c>
      <c r="KY30" s="348">
        <v>0</v>
      </c>
      <c r="KZ30" s="345">
        <v>0</v>
      </c>
      <c r="LA30" s="349">
        <v>0</v>
      </c>
      <c r="LB30" s="404">
        <v>0</v>
      </c>
      <c r="LC30" s="345">
        <v>0</v>
      </c>
      <c r="LD30" s="345">
        <v>0</v>
      </c>
      <c r="LE30" s="345">
        <v>0</v>
      </c>
      <c r="LF30" s="345">
        <v>0</v>
      </c>
      <c r="LG30" s="345">
        <v>0</v>
      </c>
      <c r="LH30" s="349">
        <v>0</v>
      </c>
      <c r="LI30" s="350">
        <v>0</v>
      </c>
      <c r="LJ30" s="348">
        <v>0</v>
      </c>
      <c r="LK30" s="345">
        <v>0</v>
      </c>
      <c r="LL30" s="349">
        <v>0</v>
      </c>
      <c r="LM30" s="404">
        <v>0</v>
      </c>
      <c r="LN30" s="345">
        <v>0</v>
      </c>
      <c r="LO30" s="345">
        <v>0</v>
      </c>
      <c r="LP30" s="345">
        <v>0</v>
      </c>
      <c r="LQ30" s="345">
        <v>0</v>
      </c>
      <c r="LR30" s="345">
        <v>0</v>
      </c>
      <c r="LS30" s="349">
        <v>0</v>
      </c>
      <c r="LT30" s="347">
        <v>0</v>
      </c>
      <c r="LU30" s="348">
        <v>0</v>
      </c>
      <c r="LV30" s="345">
        <v>0</v>
      </c>
      <c r="LW30" s="349">
        <v>0</v>
      </c>
      <c r="LX30" s="404">
        <v>0</v>
      </c>
      <c r="LY30" s="345">
        <v>0</v>
      </c>
      <c r="LZ30" s="345">
        <v>0</v>
      </c>
      <c r="MA30" s="345">
        <v>0</v>
      </c>
      <c r="MB30" s="345">
        <v>0</v>
      </c>
      <c r="MC30" s="345">
        <v>0</v>
      </c>
      <c r="MD30" s="349">
        <v>0</v>
      </c>
      <c r="ME30" s="350">
        <v>0</v>
      </c>
      <c r="MF30" s="348">
        <v>0</v>
      </c>
      <c r="MG30" s="345">
        <v>0</v>
      </c>
      <c r="MH30" s="349">
        <v>0</v>
      </c>
      <c r="MI30" s="404">
        <v>0</v>
      </c>
      <c r="MJ30" s="345">
        <v>196718</v>
      </c>
      <c r="MK30" s="345">
        <v>247212</v>
      </c>
      <c r="ML30" s="345">
        <v>1060796</v>
      </c>
      <c r="MM30" s="345">
        <v>296637</v>
      </c>
      <c r="MN30" s="345">
        <v>275896</v>
      </c>
      <c r="MO30" s="349">
        <v>2077259</v>
      </c>
      <c r="MP30" s="354">
        <v>2077259</v>
      </c>
      <c r="MQ30" s="348">
        <v>0</v>
      </c>
      <c r="MR30" s="345">
        <v>0</v>
      </c>
      <c r="MS30" s="349">
        <v>0</v>
      </c>
      <c r="MT30" s="404">
        <v>0</v>
      </c>
      <c r="MU30" s="345">
        <v>196718</v>
      </c>
      <c r="MV30" s="345">
        <v>0</v>
      </c>
      <c r="MW30" s="345">
        <v>693960</v>
      </c>
      <c r="MX30" s="345">
        <v>0</v>
      </c>
      <c r="MY30" s="345">
        <v>275896</v>
      </c>
      <c r="MZ30" s="349">
        <v>1166574</v>
      </c>
      <c r="NA30" s="354">
        <v>1166574</v>
      </c>
      <c r="NB30" s="348">
        <v>0</v>
      </c>
      <c r="NC30" s="345">
        <v>0</v>
      </c>
      <c r="ND30" s="349">
        <v>0</v>
      </c>
      <c r="NE30" s="404">
        <v>0</v>
      </c>
      <c r="NF30" s="345">
        <v>0</v>
      </c>
      <c r="NG30" s="345">
        <v>247212</v>
      </c>
      <c r="NH30" s="345">
        <v>366836</v>
      </c>
      <c r="NI30" s="345">
        <v>296637</v>
      </c>
      <c r="NJ30" s="345">
        <v>0</v>
      </c>
      <c r="NK30" s="349">
        <v>910685</v>
      </c>
      <c r="NL30" s="347">
        <v>910685</v>
      </c>
      <c r="NM30" s="348">
        <v>0</v>
      </c>
      <c r="NN30" s="345">
        <v>0</v>
      </c>
      <c r="NO30" s="349">
        <v>0</v>
      </c>
      <c r="NP30" s="404">
        <v>0</v>
      </c>
      <c r="NQ30" s="345">
        <v>0</v>
      </c>
      <c r="NR30" s="345">
        <v>0</v>
      </c>
      <c r="NS30" s="345">
        <v>0</v>
      </c>
      <c r="NT30" s="345">
        <v>0</v>
      </c>
      <c r="NU30" s="345">
        <v>0</v>
      </c>
      <c r="NV30" s="349">
        <v>0</v>
      </c>
      <c r="NW30" s="350">
        <v>0</v>
      </c>
      <c r="NX30" s="348">
        <v>0</v>
      </c>
      <c r="NY30" s="345">
        <v>0</v>
      </c>
      <c r="NZ30" s="349">
        <v>0</v>
      </c>
      <c r="OA30" s="404">
        <v>0</v>
      </c>
      <c r="OB30" s="345">
        <v>0</v>
      </c>
      <c r="OC30" s="345">
        <v>0</v>
      </c>
      <c r="OD30" s="345">
        <v>0</v>
      </c>
      <c r="OE30" s="345">
        <v>0</v>
      </c>
      <c r="OF30" s="345">
        <v>0</v>
      </c>
      <c r="OG30" s="349">
        <v>0</v>
      </c>
      <c r="OH30" s="350">
        <v>0</v>
      </c>
      <c r="OI30" s="348">
        <v>23160</v>
      </c>
      <c r="OJ30" s="345">
        <v>424402</v>
      </c>
      <c r="OK30" s="346">
        <v>447562</v>
      </c>
      <c r="OL30" s="351">
        <v>0</v>
      </c>
      <c r="OM30" s="345">
        <v>1986202</v>
      </c>
      <c r="ON30" s="345">
        <v>1648015</v>
      </c>
      <c r="OO30" s="345">
        <v>2054896</v>
      </c>
      <c r="OP30" s="345">
        <v>1091843</v>
      </c>
      <c r="OQ30" s="345">
        <v>275896</v>
      </c>
      <c r="OR30" s="349">
        <v>7056852</v>
      </c>
      <c r="OS30" s="354">
        <v>7504414</v>
      </c>
    </row>
    <row r="31" spans="2:409" s="70" customFormat="1" ht="21" customHeight="1" x14ac:dyDescent="0.2">
      <c r="B31" s="410" t="s">
        <v>26</v>
      </c>
      <c r="C31" s="326">
        <v>107636</v>
      </c>
      <c r="D31" s="327">
        <v>37344</v>
      </c>
      <c r="E31" s="328">
        <v>144980</v>
      </c>
      <c r="F31" s="329">
        <v>0</v>
      </c>
      <c r="G31" s="327">
        <v>1671687</v>
      </c>
      <c r="H31" s="327">
        <v>1444873</v>
      </c>
      <c r="I31" s="327">
        <v>1463712</v>
      </c>
      <c r="J31" s="327">
        <v>1279413</v>
      </c>
      <c r="K31" s="327">
        <v>701374</v>
      </c>
      <c r="L31" s="367">
        <v>6561059</v>
      </c>
      <c r="M31" s="330">
        <v>6706039</v>
      </c>
      <c r="N31" s="326">
        <v>26472</v>
      </c>
      <c r="O31" s="327">
        <v>0</v>
      </c>
      <c r="P31" s="328">
        <v>26472</v>
      </c>
      <c r="Q31" s="326">
        <v>0</v>
      </c>
      <c r="R31" s="327">
        <v>712649</v>
      </c>
      <c r="S31" s="327">
        <v>398810</v>
      </c>
      <c r="T31" s="327">
        <v>645525</v>
      </c>
      <c r="U31" s="327">
        <v>612814</v>
      </c>
      <c r="V31" s="327">
        <v>646086</v>
      </c>
      <c r="W31" s="328">
        <v>3015884</v>
      </c>
      <c r="X31" s="330">
        <v>3042356</v>
      </c>
      <c r="Y31" s="326">
        <v>0</v>
      </c>
      <c r="Z31" s="327">
        <v>0</v>
      </c>
      <c r="AA31" s="328">
        <v>0</v>
      </c>
      <c r="AB31" s="326">
        <v>0</v>
      </c>
      <c r="AC31" s="327">
        <v>435544</v>
      </c>
      <c r="AD31" s="327">
        <v>139474</v>
      </c>
      <c r="AE31" s="327">
        <v>383385</v>
      </c>
      <c r="AF31" s="327">
        <v>251673</v>
      </c>
      <c r="AG31" s="327">
        <v>348484</v>
      </c>
      <c r="AH31" s="328">
        <v>1558560</v>
      </c>
      <c r="AI31" s="330">
        <v>1558560</v>
      </c>
      <c r="AJ31" s="326">
        <v>0</v>
      </c>
      <c r="AK31" s="327">
        <v>0</v>
      </c>
      <c r="AL31" s="328">
        <v>0</v>
      </c>
      <c r="AM31" s="326">
        <v>0</v>
      </c>
      <c r="AN31" s="327">
        <v>0</v>
      </c>
      <c r="AO31" s="327">
        <v>13729</v>
      </c>
      <c r="AP31" s="327">
        <v>0</v>
      </c>
      <c r="AQ31" s="327">
        <v>94844</v>
      </c>
      <c r="AR31" s="327">
        <v>59277</v>
      </c>
      <c r="AS31" s="328">
        <v>167850</v>
      </c>
      <c r="AT31" s="330">
        <v>167850</v>
      </c>
      <c r="AU31" s="326">
        <v>8560</v>
      </c>
      <c r="AV31" s="327">
        <v>0</v>
      </c>
      <c r="AW31" s="328">
        <v>8560</v>
      </c>
      <c r="AX31" s="326">
        <v>0</v>
      </c>
      <c r="AY31" s="327">
        <v>234769</v>
      </c>
      <c r="AZ31" s="327">
        <v>198487</v>
      </c>
      <c r="BA31" s="327">
        <v>177236</v>
      </c>
      <c r="BB31" s="327">
        <v>194617</v>
      </c>
      <c r="BC31" s="327">
        <v>195029</v>
      </c>
      <c r="BD31" s="328">
        <v>1000138</v>
      </c>
      <c r="BE31" s="330">
        <v>1008698</v>
      </c>
      <c r="BF31" s="326">
        <v>0</v>
      </c>
      <c r="BG31" s="327">
        <v>0</v>
      </c>
      <c r="BH31" s="331">
        <v>0</v>
      </c>
      <c r="BI31" s="332">
        <v>0</v>
      </c>
      <c r="BJ31" s="327">
        <v>0</v>
      </c>
      <c r="BK31" s="327">
        <v>0</v>
      </c>
      <c r="BL31" s="327">
        <v>0</v>
      </c>
      <c r="BM31" s="327">
        <v>0</v>
      </c>
      <c r="BN31" s="327">
        <v>0</v>
      </c>
      <c r="BO31" s="328">
        <v>0</v>
      </c>
      <c r="BP31" s="330">
        <v>0</v>
      </c>
      <c r="BQ31" s="326">
        <v>17912</v>
      </c>
      <c r="BR31" s="327">
        <v>0</v>
      </c>
      <c r="BS31" s="328">
        <v>17912</v>
      </c>
      <c r="BT31" s="326">
        <v>0</v>
      </c>
      <c r="BU31" s="327">
        <v>42336</v>
      </c>
      <c r="BV31" s="327">
        <v>47120</v>
      </c>
      <c r="BW31" s="327">
        <v>84904</v>
      </c>
      <c r="BX31" s="327">
        <v>71680</v>
      </c>
      <c r="BY31" s="327">
        <v>43296</v>
      </c>
      <c r="BZ31" s="328">
        <v>289336</v>
      </c>
      <c r="CA31" s="330">
        <v>307248</v>
      </c>
      <c r="CB31" s="326">
        <v>0</v>
      </c>
      <c r="CC31" s="327">
        <v>0</v>
      </c>
      <c r="CD31" s="328">
        <v>0</v>
      </c>
      <c r="CE31" s="326">
        <v>0</v>
      </c>
      <c r="CF31" s="327">
        <v>424985</v>
      </c>
      <c r="CG31" s="327">
        <v>371672</v>
      </c>
      <c r="CH31" s="327">
        <v>208604</v>
      </c>
      <c r="CI31" s="327">
        <v>215535</v>
      </c>
      <c r="CJ31" s="327">
        <v>0</v>
      </c>
      <c r="CK31" s="328">
        <v>1220796</v>
      </c>
      <c r="CL31" s="330">
        <v>1220796</v>
      </c>
      <c r="CM31" s="326">
        <v>0</v>
      </c>
      <c r="CN31" s="327">
        <v>0</v>
      </c>
      <c r="CO31" s="328">
        <v>0</v>
      </c>
      <c r="CP31" s="332">
        <v>0</v>
      </c>
      <c r="CQ31" s="327">
        <v>211198</v>
      </c>
      <c r="CR31" s="327">
        <v>195518</v>
      </c>
      <c r="CS31" s="327">
        <v>208604</v>
      </c>
      <c r="CT31" s="327">
        <v>123287</v>
      </c>
      <c r="CU31" s="327">
        <v>0</v>
      </c>
      <c r="CV31" s="328">
        <v>738607</v>
      </c>
      <c r="CW31" s="330">
        <v>738607</v>
      </c>
      <c r="CX31" s="326">
        <v>0</v>
      </c>
      <c r="CY31" s="327">
        <v>0</v>
      </c>
      <c r="CZ31" s="328">
        <v>0</v>
      </c>
      <c r="DA31" s="326">
        <v>0</v>
      </c>
      <c r="DB31" s="327">
        <v>213787</v>
      </c>
      <c r="DC31" s="327">
        <v>176154</v>
      </c>
      <c r="DD31" s="327">
        <v>0</v>
      </c>
      <c r="DE31" s="327">
        <v>92248</v>
      </c>
      <c r="DF31" s="327">
        <v>0</v>
      </c>
      <c r="DG31" s="328">
        <v>482189</v>
      </c>
      <c r="DH31" s="330">
        <v>482189</v>
      </c>
      <c r="DI31" s="326">
        <v>0</v>
      </c>
      <c r="DJ31" s="327">
        <v>0</v>
      </c>
      <c r="DK31" s="331">
        <v>0</v>
      </c>
      <c r="DL31" s="332">
        <v>0</v>
      </c>
      <c r="DM31" s="327">
        <v>105160</v>
      </c>
      <c r="DN31" s="327">
        <v>9486</v>
      </c>
      <c r="DO31" s="327">
        <v>123426</v>
      </c>
      <c r="DP31" s="327">
        <v>86216</v>
      </c>
      <c r="DQ31" s="327">
        <v>0</v>
      </c>
      <c r="DR31" s="328">
        <v>324288</v>
      </c>
      <c r="DS31" s="330">
        <v>324288</v>
      </c>
      <c r="DT31" s="326">
        <v>0</v>
      </c>
      <c r="DU31" s="327">
        <v>0</v>
      </c>
      <c r="DV31" s="328">
        <v>0</v>
      </c>
      <c r="DW31" s="326">
        <v>0</v>
      </c>
      <c r="DX31" s="327">
        <v>105160</v>
      </c>
      <c r="DY31" s="327">
        <v>9486</v>
      </c>
      <c r="DZ31" s="327">
        <v>123426</v>
      </c>
      <c r="EA31" s="327">
        <v>40216</v>
      </c>
      <c r="EB31" s="327">
        <v>0</v>
      </c>
      <c r="EC31" s="328">
        <v>278288</v>
      </c>
      <c r="ED31" s="330">
        <v>278288</v>
      </c>
      <c r="EE31" s="326">
        <v>0</v>
      </c>
      <c r="EF31" s="331">
        <v>0</v>
      </c>
      <c r="EG31" s="328">
        <v>0</v>
      </c>
      <c r="EH31" s="326">
        <v>0</v>
      </c>
      <c r="EI31" s="327">
        <v>0</v>
      </c>
      <c r="EJ31" s="327">
        <v>0</v>
      </c>
      <c r="EK31" s="327">
        <v>0</v>
      </c>
      <c r="EL31" s="327">
        <v>46000</v>
      </c>
      <c r="EM31" s="327">
        <v>0</v>
      </c>
      <c r="EN31" s="331">
        <v>46000</v>
      </c>
      <c r="EO31" s="330">
        <v>46000</v>
      </c>
      <c r="EP31" s="326">
        <v>0</v>
      </c>
      <c r="EQ31" s="327">
        <v>0</v>
      </c>
      <c r="ER31" s="331">
        <v>0</v>
      </c>
      <c r="ES31" s="332">
        <v>0</v>
      </c>
      <c r="ET31" s="327">
        <v>0</v>
      </c>
      <c r="EU31" s="327">
        <v>0</v>
      </c>
      <c r="EV31" s="327">
        <v>0</v>
      </c>
      <c r="EW31" s="327">
        <v>0</v>
      </c>
      <c r="EX31" s="327">
        <v>0</v>
      </c>
      <c r="EY31" s="328">
        <v>0</v>
      </c>
      <c r="EZ31" s="330">
        <v>0</v>
      </c>
      <c r="FA31" s="326">
        <v>0</v>
      </c>
      <c r="FB31" s="327">
        <v>0</v>
      </c>
      <c r="FC31" s="331">
        <v>0</v>
      </c>
      <c r="FD31" s="332">
        <v>0</v>
      </c>
      <c r="FE31" s="327">
        <v>0</v>
      </c>
      <c r="FF31" s="327">
        <v>0</v>
      </c>
      <c r="FG31" s="327">
        <v>0</v>
      </c>
      <c r="FH31" s="327">
        <v>0</v>
      </c>
      <c r="FI31" s="327">
        <v>0</v>
      </c>
      <c r="FJ31" s="328">
        <v>0</v>
      </c>
      <c r="FK31" s="330">
        <v>0</v>
      </c>
      <c r="FL31" s="326">
        <v>26800</v>
      </c>
      <c r="FM31" s="327">
        <v>37344</v>
      </c>
      <c r="FN31" s="328">
        <v>64144</v>
      </c>
      <c r="FO31" s="326">
        <v>0</v>
      </c>
      <c r="FP31" s="327">
        <v>109640</v>
      </c>
      <c r="FQ31" s="327">
        <v>305596</v>
      </c>
      <c r="FR31" s="327">
        <v>83712</v>
      </c>
      <c r="FS31" s="327">
        <v>144864</v>
      </c>
      <c r="FT31" s="327">
        <v>55288</v>
      </c>
      <c r="FU31" s="328">
        <v>699100</v>
      </c>
      <c r="FV31" s="330">
        <v>763244</v>
      </c>
      <c r="FW31" s="333">
        <v>26800</v>
      </c>
      <c r="FX31" s="327">
        <v>37344</v>
      </c>
      <c r="FY31" s="331">
        <v>64144</v>
      </c>
      <c r="FZ31" s="332">
        <v>0</v>
      </c>
      <c r="GA31" s="327">
        <v>109640</v>
      </c>
      <c r="GB31" s="327">
        <v>134016</v>
      </c>
      <c r="GC31" s="327">
        <v>83712</v>
      </c>
      <c r="GD31" s="327">
        <v>144864</v>
      </c>
      <c r="GE31" s="327">
        <v>55288</v>
      </c>
      <c r="GF31" s="328">
        <v>527520</v>
      </c>
      <c r="GG31" s="334">
        <v>591664</v>
      </c>
      <c r="GH31" s="333">
        <v>0</v>
      </c>
      <c r="GI31" s="327">
        <v>0</v>
      </c>
      <c r="GJ31" s="331">
        <v>0</v>
      </c>
      <c r="GK31" s="332">
        <v>0</v>
      </c>
      <c r="GL31" s="327">
        <v>0</v>
      </c>
      <c r="GM31" s="327">
        <v>15180</v>
      </c>
      <c r="GN31" s="327">
        <v>0</v>
      </c>
      <c r="GO31" s="327">
        <v>0</v>
      </c>
      <c r="GP31" s="327">
        <v>0</v>
      </c>
      <c r="GQ31" s="328">
        <v>15180</v>
      </c>
      <c r="GR31" s="330">
        <v>15180</v>
      </c>
      <c r="GS31" s="326">
        <v>0</v>
      </c>
      <c r="GT31" s="327">
        <v>0</v>
      </c>
      <c r="GU31" s="328">
        <v>0</v>
      </c>
      <c r="GV31" s="326">
        <v>0</v>
      </c>
      <c r="GW31" s="327">
        <v>0</v>
      </c>
      <c r="GX31" s="327">
        <v>156400</v>
      </c>
      <c r="GY31" s="327">
        <v>0</v>
      </c>
      <c r="GZ31" s="327">
        <v>0</v>
      </c>
      <c r="HA31" s="327">
        <v>0</v>
      </c>
      <c r="HB31" s="331">
        <v>156400</v>
      </c>
      <c r="HC31" s="330">
        <v>156400</v>
      </c>
      <c r="HD31" s="326">
        <v>54364</v>
      </c>
      <c r="HE31" s="327">
        <v>0</v>
      </c>
      <c r="HF31" s="331">
        <v>54364</v>
      </c>
      <c r="HG31" s="332">
        <v>0</v>
      </c>
      <c r="HH31" s="327">
        <v>319253</v>
      </c>
      <c r="HI31" s="327">
        <v>359309</v>
      </c>
      <c r="HJ31" s="327">
        <v>402445</v>
      </c>
      <c r="HK31" s="327">
        <v>219984</v>
      </c>
      <c r="HL31" s="327">
        <v>0</v>
      </c>
      <c r="HM31" s="328">
        <v>1300991</v>
      </c>
      <c r="HN31" s="329">
        <v>1355355</v>
      </c>
      <c r="HO31" s="333">
        <v>0</v>
      </c>
      <c r="HP31" s="327">
        <v>0</v>
      </c>
      <c r="HQ31" s="328">
        <v>0</v>
      </c>
      <c r="HR31" s="326">
        <v>0</v>
      </c>
      <c r="HS31" s="327">
        <v>0</v>
      </c>
      <c r="HT31" s="327">
        <v>0</v>
      </c>
      <c r="HU31" s="327">
        <v>0</v>
      </c>
      <c r="HV31" s="327">
        <v>0</v>
      </c>
      <c r="HW31" s="327">
        <v>0</v>
      </c>
      <c r="HX31" s="331">
        <v>0</v>
      </c>
      <c r="HY31" s="330">
        <v>0</v>
      </c>
      <c r="HZ31" s="335">
        <v>0</v>
      </c>
      <c r="IA31" s="336">
        <v>0</v>
      </c>
      <c r="IB31" s="337">
        <v>0</v>
      </c>
      <c r="IC31" s="338">
        <v>0</v>
      </c>
      <c r="ID31" s="336">
        <v>225566</v>
      </c>
      <c r="IE31" s="339">
        <v>68044</v>
      </c>
      <c r="IF31" s="337">
        <v>879481</v>
      </c>
      <c r="IG31" s="336">
        <v>267701</v>
      </c>
      <c r="IH31" s="337">
        <v>265984</v>
      </c>
      <c r="II31" s="340">
        <v>1706776</v>
      </c>
      <c r="IJ31" s="341">
        <v>1706776</v>
      </c>
      <c r="IK31" s="342">
        <v>0</v>
      </c>
      <c r="IL31" s="343">
        <v>0</v>
      </c>
      <c r="IM31" s="344">
        <v>0</v>
      </c>
      <c r="IN31" s="404">
        <v>0</v>
      </c>
      <c r="IO31" s="345">
        <v>0</v>
      </c>
      <c r="IP31" s="345">
        <v>0</v>
      </c>
      <c r="IQ31" s="345">
        <v>0</v>
      </c>
      <c r="IR31" s="345">
        <v>0</v>
      </c>
      <c r="IS31" s="345">
        <v>0</v>
      </c>
      <c r="IT31" s="346">
        <v>0</v>
      </c>
      <c r="IU31" s="347">
        <v>0</v>
      </c>
      <c r="IV31" s="348">
        <v>0</v>
      </c>
      <c r="IW31" s="345">
        <v>0</v>
      </c>
      <c r="IX31" s="349">
        <v>0</v>
      </c>
      <c r="IY31" s="404">
        <v>0</v>
      </c>
      <c r="IZ31" s="345">
        <v>0</v>
      </c>
      <c r="JA31" s="345">
        <v>0</v>
      </c>
      <c r="JB31" s="345">
        <v>0</v>
      </c>
      <c r="JC31" s="345">
        <v>0</v>
      </c>
      <c r="JD31" s="345">
        <v>0</v>
      </c>
      <c r="JE31" s="349">
        <v>0</v>
      </c>
      <c r="JF31" s="350">
        <v>0</v>
      </c>
      <c r="JG31" s="348">
        <v>0</v>
      </c>
      <c r="JH31" s="345">
        <v>0</v>
      </c>
      <c r="JI31" s="346">
        <v>0</v>
      </c>
      <c r="JJ31" s="351">
        <v>0</v>
      </c>
      <c r="JK31" s="345">
        <v>225566</v>
      </c>
      <c r="JL31" s="345">
        <v>68044</v>
      </c>
      <c r="JM31" s="345">
        <v>367333</v>
      </c>
      <c r="JN31" s="345">
        <v>0</v>
      </c>
      <c r="JO31" s="345">
        <v>0</v>
      </c>
      <c r="JP31" s="349">
        <v>660943</v>
      </c>
      <c r="JQ31" s="347">
        <v>660943</v>
      </c>
      <c r="JR31" s="348">
        <v>0</v>
      </c>
      <c r="JS31" s="345">
        <v>0</v>
      </c>
      <c r="JT31" s="346">
        <v>0</v>
      </c>
      <c r="JU31" s="351">
        <v>0</v>
      </c>
      <c r="JV31" s="345">
        <v>0</v>
      </c>
      <c r="JW31" s="345">
        <v>0</v>
      </c>
      <c r="JX31" s="345">
        <v>0</v>
      </c>
      <c r="JY31" s="345">
        <v>0</v>
      </c>
      <c r="JZ31" s="345">
        <v>0</v>
      </c>
      <c r="KA31" s="349">
        <v>0</v>
      </c>
      <c r="KB31" s="347">
        <v>0</v>
      </c>
      <c r="KC31" s="352">
        <v>0</v>
      </c>
      <c r="KD31" s="353">
        <v>0</v>
      </c>
      <c r="KE31" s="349">
        <v>0</v>
      </c>
      <c r="KF31" s="351">
        <v>0</v>
      </c>
      <c r="KG31" s="345">
        <v>0</v>
      </c>
      <c r="KH31" s="345">
        <v>0</v>
      </c>
      <c r="KI31" s="345">
        <v>258274</v>
      </c>
      <c r="KJ31" s="345">
        <v>0</v>
      </c>
      <c r="KK31" s="345">
        <v>0</v>
      </c>
      <c r="KL31" s="349">
        <v>258274</v>
      </c>
      <c r="KM31" s="354">
        <v>258274</v>
      </c>
      <c r="KN31" s="342">
        <v>0</v>
      </c>
      <c r="KO31" s="343">
        <v>0</v>
      </c>
      <c r="KP31" s="344">
        <v>0</v>
      </c>
      <c r="KQ31" s="404">
        <v>0</v>
      </c>
      <c r="KR31" s="345">
        <v>0</v>
      </c>
      <c r="KS31" s="345">
        <v>0</v>
      </c>
      <c r="KT31" s="345">
        <v>253874</v>
      </c>
      <c r="KU31" s="345">
        <v>267701</v>
      </c>
      <c r="KV31" s="345">
        <v>265984</v>
      </c>
      <c r="KW31" s="349">
        <v>787559</v>
      </c>
      <c r="KX31" s="347">
        <v>787559</v>
      </c>
      <c r="KY31" s="348">
        <v>0</v>
      </c>
      <c r="KZ31" s="345">
        <v>0</v>
      </c>
      <c r="LA31" s="349">
        <v>0</v>
      </c>
      <c r="LB31" s="404">
        <v>0</v>
      </c>
      <c r="LC31" s="345">
        <v>0</v>
      </c>
      <c r="LD31" s="345">
        <v>0</v>
      </c>
      <c r="LE31" s="345">
        <v>0</v>
      </c>
      <c r="LF31" s="345">
        <v>0</v>
      </c>
      <c r="LG31" s="345">
        <v>0</v>
      </c>
      <c r="LH31" s="349">
        <v>0</v>
      </c>
      <c r="LI31" s="350">
        <v>0</v>
      </c>
      <c r="LJ31" s="348">
        <v>0</v>
      </c>
      <c r="LK31" s="345">
        <v>0</v>
      </c>
      <c r="LL31" s="349">
        <v>0</v>
      </c>
      <c r="LM31" s="404">
        <v>0</v>
      </c>
      <c r="LN31" s="345">
        <v>0</v>
      </c>
      <c r="LO31" s="345">
        <v>0</v>
      </c>
      <c r="LP31" s="345">
        <v>0</v>
      </c>
      <c r="LQ31" s="345">
        <v>0</v>
      </c>
      <c r="LR31" s="345">
        <v>0</v>
      </c>
      <c r="LS31" s="349">
        <v>0</v>
      </c>
      <c r="LT31" s="347">
        <v>0</v>
      </c>
      <c r="LU31" s="348">
        <v>0</v>
      </c>
      <c r="LV31" s="345">
        <v>0</v>
      </c>
      <c r="LW31" s="349">
        <v>0</v>
      </c>
      <c r="LX31" s="404">
        <v>0</v>
      </c>
      <c r="LY31" s="345">
        <v>0</v>
      </c>
      <c r="LZ31" s="345">
        <v>0</v>
      </c>
      <c r="MA31" s="345">
        <v>0</v>
      </c>
      <c r="MB31" s="345">
        <v>0</v>
      </c>
      <c r="MC31" s="345">
        <v>0</v>
      </c>
      <c r="MD31" s="349">
        <v>0</v>
      </c>
      <c r="ME31" s="350">
        <v>0</v>
      </c>
      <c r="MF31" s="348">
        <v>0</v>
      </c>
      <c r="MG31" s="345">
        <v>0</v>
      </c>
      <c r="MH31" s="349">
        <v>0</v>
      </c>
      <c r="MI31" s="404">
        <v>0</v>
      </c>
      <c r="MJ31" s="345">
        <v>0</v>
      </c>
      <c r="MK31" s="345">
        <v>0</v>
      </c>
      <c r="ML31" s="345">
        <v>1408886</v>
      </c>
      <c r="MM31" s="345">
        <v>692483</v>
      </c>
      <c r="MN31" s="345">
        <v>590154</v>
      </c>
      <c r="MO31" s="349">
        <v>2691523</v>
      </c>
      <c r="MP31" s="354">
        <v>2691523</v>
      </c>
      <c r="MQ31" s="348">
        <v>0</v>
      </c>
      <c r="MR31" s="345">
        <v>0</v>
      </c>
      <c r="MS31" s="349">
        <v>0</v>
      </c>
      <c r="MT31" s="404">
        <v>0</v>
      </c>
      <c r="MU31" s="345">
        <v>0</v>
      </c>
      <c r="MV31" s="345">
        <v>0</v>
      </c>
      <c r="MW31" s="345">
        <v>510897</v>
      </c>
      <c r="MX31" s="345">
        <v>290192</v>
      </c>
      <c r="MY31" s="345">
        <v>590154</v>
      </c>
      <c r="MZ31" s="349">
        <v>1391243</v>
      </c>
      <c r="NA31" s="354">
        <v>1391243</v>
      </c>
      <c r="NB31" s="348">
        <v>0</v>
      </c>
      <c r="NC31" s="345">
        <v>0</v>
      </c>
      <c r="ND31" s="349">
        <v>0</v>
      </c>
      <c r="NE31" s="404">
        <v>0</v>
      </c>
      <c r="NF31" s="345">
        <v>0</v>
      </c>
      <c r="NG31" s="345">
        <v>0</v>
      </c>
      <c r="NH31" s="345">
        <v>897989</v>
      </c>
      <c r="NI31" s="345">
        <v>402291</v>
      </c>
      <c r="NJ31" s="345">
        <v>0</v>
      </c>
      <c r="NK31" s="349">
        <v>1300280</v>
      </c>
      <c r="NL31" s="347">
        <v>1300280</v>
      </c>
      <c r="NM31" s="348">
        <v>0</v>
      </c>
      <c r="NN31" s="345">
        <v>0</v>
      </c>
      <c r="NO31" s="349">
        <v>0</v>
      </c>
      <c r="NP31" s="404">
        <v>0</v>
      </c>
      <c r="NQ31" s="345">
        <v>0</v>
      </c>
      <c r="NR31" s="345">
        <v>0</v>
      </c>
      <c r="NS31" s="345">
        <v>0</v>
      </c>
      <c r="NT31" s="345">
        <v>0</v>
      </c>
      <c r="NU31" s="345">
        <v>0</v>
      </c>
      <c r="NV31" s="349">
        <v>0</v>
      </c>
      <c r="NW31" s="350">
        <v>0</v>
      </c>
      <c r="NX31" s="348">
        <v>0</v>
      </c>
      <c r="NY31" s="345">
        <v>0</v>
      </c>
      <c r="NZ31" s="349">
        <v>0</v>
      </c>
      <c r="OA31" s="404">
        <v>0</v>
      </c>
      <c r="OB31" s="345">
        <v>0</v>
      </c>
      <c r="OC31" s="345">
        <v>0</v>
      </c>
      <c r="OD31" s="345">
        <v>0</v>
      </c>
      <c r="OE31" s="345">
        <v>0</v>
      </c>
      <c r="OF31" s="345">
        <v>0</v>
      </c>
      <c r="OG31" s="349">
        <v>0</v>
      </c>
      <c r="OH31" s="350">
        <v>0</v>
      </c>
      <c r="OI31" s="348">
        <v>107636</v>
      </c>
      <c r="OJ31" s="345">
        <v>37344</v>
      </c>
      <c r="OK31" s="346">
        <v>144980</v>
      </c>
      <c r="OL31" s="351">
        <v>0</v>
      </c>
      <c r="OM31" s="345">
        <v>1897253</v>
      </c>
      <c r="ON31" s="345">
        <v>1512917</v>
      </c>
      <c r="OO31" s="345">
        <v>3752079</v>
      </c>
      <c r="OP31" s="345">
        <v>2239597</v>
      </c>
      <c r="OQ31" s="345">
        <v>1557512</v>
      </c>
      <c r="OR31" s="349">
        <v>10959358</v>
      </c>
      <c r="OS31" s="354">
        <v>11104338</v>
      </c>
    </row>
    <row r="32" spans="2:409" s="70" customFormat="1" ht="21" customHeight="1" x14ac:dyDescent="0.2">
      <c r="B32" s="410" t="s">
        <v>27</v>
      </c>
      <c r="C32" s="326">
        <v>257841</v>
      </c>
      <c r="D32" s="327">
        <v>288472</v>
      </c>
      <c r="E32" s="328">
        <v>546313</v>
      </c>
      <c r="F32" s="329">
        <v>0</v>
      </c>
      <c r="G32" s="327">
        <v>1207685</v>
      </c>
      <c r="H32" s="327">
        <v>1111120</v>
      </c>
      <c r="I32" s="327">
        <v>1227969</v>
      </c>
      <c r="J32" s="327">
        <v>2146545</v>
      </c>
      <c r="K32" s="327">
        <v>1267000</v>
      </c>
      <c r="L32" s="367">
        <v>6960319</v>
      </c>
      <c r="M32" s="330">
        <v>7506632</v>
      </c>
      <c r="N32" s="326">
        <v>55075</v>
      </c>
      <c r="O32" s="327">
        <v>87040</v>
      </c>
      <c r="P32" s="328">
        <v>142115</v>
      </c>
      <c r="Q32" s="326">
        <v>0</v>
      </c>
      <c r="R32" s="327">
        <v>325275</v>
      </c>
      <c r="S32" s="327">
        <v>365810</v>
      </c>
      <c r="T32" s="327">
        <v>742060</v>
      </c>
      <c r="U32" s="327">
        <v>603574</v>
      </c>
      <c r="V32" s="327">
        <v>1210808</v>
      </c>
      <c r="W32" s="328">
        <v>3247527</v>
      </c>
      <c r="X32" s="330">
        <v>3389642</v>
      </c>
      <c r="Y32" s="326">
        <v>0</v>
      </c>
      <c r="Z32" s="327">
        <v>0</v>
      </c>
      <c r="AA32" s="328">
        <v>0</v>
      </c>
      <c r="AB32" s="326">
        <v>0</v>
      </c>
      <c r="AC32" s="327">
        <v>78623</v>
      </c>
      <c r="AD32" s="327">
        <v>199867</v>
      </c>
      <c r="AE32" s="327">
        <v>488819</v>
      </c>
      <c r="AF32" s="327">
        <v>318858</v>
      </c>
      <c r="AG32" s="327">
        <v>1009841</v>
      </c>
      <c r="AH32" s="328">
        <v>2096008</v>
      </c>
      <c r="AI32" s="330">
        <v>2096008</v>
      </c>
      <c r="AJ32" s="326">
        <v>0</v>
      </c>
      <c r="AK32" s="327">
        <v>0</v>
      </c>
      <c r="AL32" s="328">
        <v>0</v>
      </c>
      <c r="AM32" s="326">
        <v>0</v>
      </c>
      <c r="AN32" s="327">
        <v>0</v>
      </c>
      <c r="AO32" s="327">
        <v>46180</v>
      </c>
      <c r="AP32" s="327">
        <v>24916</v>
      </c>
      <c r="AQ32" s="327">
        <v>-23090</v>
      </c>
      <c r="AR32" s="327">
        <v>0</v>
      </c>
      <c r="AS32" s="328">
        <v>48006</v>
      </c>
      <c r="AT32" s="330">
        <v>48006</v>
      </c>
      <c r="AU32" s="326">
        <v>39139</v>
      </c>
      <c r="AV32" s="327">
        <v>82256</v>
      </c>
      <c r="AW32" s="328">
        <v>121395</v>
      </c>
      <c r="AX32" s="326">
        <v>0</v>
      </c>
      <c r="AY32" s="327">
        <v>115444</v>
      </c>
      <c r="AZ32" s="327">
        <v>69995</v>
      </c>
      <c r="BA32" s="327">
        <v>170941</v>
      </c>
      <c r="BB32" s="327">
        <v>222174</v>
      </c>
      <c r="BC32" s="327">
        <v>168167</v>
      </c>
      <c r="BD32" s="328">
        <v>746721</v>
      </c>
      <c r="BE32" s="330">
        <v>868116</v>
      </c>
      <c r="BF32" s="326">
        <v>0</v>
      </c>
      <c r="BG32" s="327">
        <v>0</v>
      </c>
      <c r="BH32" s="331">
        <v>0</v>
      </c>
      <c r="BI32" s="332">
        <v>0</v>
      </c>
      <c r="BJ32" s="327">
        <v>0</v>
      </c>
      <c r="BK32" s="327">
        <v>0</v>
      </c>
      <c r="BL32" s="327">
        <v>0</v>
      </c>
      <c r="BM32" s="327">
        <v>0</v>
      </c>
      <c r="BN32" s="327">
        <v>0</v>
      </c>
      <c r="BO32" s="328">
        <v>0</v>
      </c>
      <c r="BP32" s="330">
        <v>0</v>
      </c>
      <c r="BQ32" s="326">
        <v>15936</v>
      </c>
      <c r="BR32" s="327">
        <v>4784</v>
      </c>
      <c r="BS32" s="328">
        <v>20720</v>
      </c>
      <c r="BT32" s="326">
        <v>0</v>
      </c>
      <c r="BU32" s="327">
        <v>131208</v>
      </c>
      <c r="BV32" s="327">
        <v>49768</v>
      </c>
      <c r="BW32" s="327">
        <v>57384</v>
      </c>
      <c r="BX32" s="327">
        <v>85632</v>
      </c>
      <c r="BY32" s="327">
        <v>32800</v>
      </c>
      <c r="BZ32" s="328">
        <v>356792</v>
      </c>
      <c r="CA32" s="330">
        <v>377512</v>
      </c>
      <c r="CB32" s="326">
        <v>41211</v>
      </c>
      <c r="CC32" s="327">
        <v>114264</v>
      </c>
      <c r="CD32" s="328">
        <v>155475</v>
      </c>
      <c r="CE32" s="326">
        <v>0</v>
      </c>
      <c r="CF32" s="327">
        <v>315281</v>
      </c>
      <c r="CG32" s="327">
        <v>457098</v>
      </c>
      <c r="CH32" s="327">
        <v>350234</v>
      </c>
      <c r="CI32" s="327">
        <v>238818</v>
      </c>
      <c r="CJ32" s="327">
        <v>0</v>
      </c>
      <c r="CK32" s="328">
        <v>1361431</v>
      </c>
      <c r="CL32" s="330">
        <v>1516906</v>
      </c>
      <c r="CM32" s="326">
        <v>0</v>
      </c>
      <c r="CN32" s="327">
        <v>0</v>
      </c>
      <c r="CO32" s="328">
        <v>0</v>
      </c>
      <c r="CP32" s="332">
        <v>0</v>
      </c>
      <c r="CQ32" s="327">
        <v>282929</v>
      </c>
      <c r="CR32" s="327">
        <v>315554</v>
      </c>
      <c r="CS32" s="327">
        <v>302668</v>
      </c>
      <c r="CT32" s="327">
        <v>238818</v>
      </c>
      <c r="CU32" s="327">
        <v>0</v>
      </c>
      <c r="CV32" s="328">
        <v>1139969</v>
      </c>
      <c r="CW32" s="330">
        <v>1139969</v>
      </c>
      <c r="CX32" s="326">
        <v>41211</v>
      </c>
      <c r="CY32" s="327">
        <v>114264</v>
      </c>
      <c r="CZ32" s="328">
        <v>155475</v>
      </c>
      <c r="DA32" s="326">
        <v>0</v>
      </c>
      <c r="DB32" s="327">
        <v>32352</v>
      </c>
      <c r="DC32" s="327">
        <v>141544</v>
      </c>
      <c r="DD32" s="327">
        <v>47566</v>
      </c>
      <c r="DE32" s="327">
        <v>0</v>
      </c>
      <c r="DF32" s="327">
        <v>0</v>
      </c>
      <c r="DG32" s="328">
        <v>221462</v>
      </c>
      <c r="DH32" s="330">
        <v>376937</v>
      </c>
      <c r="DI32" s="326">
        <v>0</v>
      </c>
      <c r="DJ32" s="327">
        <v>20256</v>
      </c>
      <c r="DK32" s="331">
        <v>20256</v>
      </c>
      <c r="DL32" s="332">
        <v>0</v>
      </c>
      <c r="DM32" s="327">
        <v>70402</v>
      </c>
      <c r="DN32" s="327">
        <v>0</v>
      </c>
      <c r="DO32" s="327">
        <v>10627</v>
      </c>
      <c r="DP32" s="327">
        <v>297892</v>
      </c>
      <c r="DQ32" s="327">
        <v>0</v>
      </c>
      <c r="DR32" s="328">
        <v>378921</v>
      </c>
      <c r="DS32" s="330">
        <v>399177</v>
      </c>
      <c r="DT32" s="326">
        <v>0</v>
      </c>
      <c r="DU32" s="327">
        <v>20256</v>
      </c>
      <c r="DV32" s="328">
        <v>20256</v>
      </c>
      <c r="DW32" s="326">
        <v>0</v>
      </c>
      <c r="DX32" s="327">
        <v>0</v>
      </c>
      <c r="DY32" s="327">
        <v>0</v>
      </c>
      <c r="DZ32" s="327">
        <v>10627</v>
      </c>
      <c r="EA32" s="327">
        <v>297892</v>
      </c>
      <c r="EB32" s="327">
        <v>0</v>
      </c>
      <c r="EC32" s="328">
        <v>308519</v>
      </c>
      <c r="ED32" s="330">
        <v>328775</v>
      </c>
      <c r="EE32" s="326">
        <v>0</v>
      </c>
      <c r="EF32" s="331">
        <v>0</v>
      </c>
      <c r="EG32" s="328">
        <v>0</v>
      </c>
      <c r="EH32" s="326">
        <v>0</v>
      </c>
      <c r="EI32" s="327">
        <v>70402</v>
      </c>
      <c r="EJ32" s="327">
        <v>0</v>
      </c>
      <c r="EK32" s="327">
        <v>0</v>
      </c>
      <c r="EL32" s="327">
        <v>0</v>
      </c>
      <c r="EM32" s="327">
        <v>0</v>
      </c>
      <c r="EN32" s="331">
        <v>70402</v>
      </c>
      <c r="EO32" s="330">
        <v>70402</v>
      </c>
      <c r="EP32" s="326">
        <v>0</v>
      </c>
      <c r="EQ32" s="327">
        <v>0</v>
      </c>
      <c r="ER32" s="331">
        <v>0</v>
      </c>
      <c r="ES32" s="332">
        <v>0</v>
      </c>
      <c r="ET32" s="327">
        <v>0</v>
      </c>
      <c r="EU32" s="327">
        <v>0</v>
      </c>
      <c r="EV32" s="327">
        <v>0</v>
      </c>
      <c r="EW32" s="327">
        <v>0</v>
      </c>
      <c r="EX32" s="327">
        <v>0</v>
      </c>
      <c r="EY32" s="328">
        <v>0</v>
      </c>
      <c r="EZ32" s="330">
        <v>0</v>
      </c>
      <c r="FA32" s="326">
        <v>0</v>
      </c>
      <c r="FB32" s="327">
        <v>0</v>
      </c>
      <c r="FC32" s="331">
        <v>0</v>
      </c>
      <c r="FD32" s="332">
        <v>0</v>
      </c>
      <c r="FE32" s="327">
        <v>0</v>
      </c>
      <c r="FF32" s="327">
        <v>0</v>
      </c>
      <c r="FG32" s="327">
        <v>0</v>
      </c>
      <c r="FH32" s="327">
        <v>0</v>
      </c>
      <c r="FI32" s="327">
        <v>0</v>
      </c>
      <c r="FJ32" s="328">
        <v>0</v>
      </c>
      <c r="FK32" s="330">
        <v>0</v>
      </c>
      <c r="FL32" s="326">
        <v>53040</v>
      </c>
      <c r="FM32" s="327">
        <v>66912</v>
      </c>
      <c r="FN32" s="328">
        <v>119952</v>
      </c>
      <c r="FO32" s="326">
        <v>0</v>
      </c>
      <c r="FP32" s="327">
        <v>11400</v>
      </c>
      <c r="FQ32" s="327">
        <v>108632</v>
      </c>
      <c r="FR32" s="327">
        <v>125048</v>
      </c>
      <c r="FS32" s="327">
        <v>106600</v>
      </c>
      <c r="FT32" s="327">
        <v>56192</v>
      </c>
      <c r="FU32" s="328">
        <v>407872</v>
      </c>
      <c r="FV32" s="330">
        <v>527824</v>
      </c>
      <c r="FW32" s="333">
        <v>53040</v>
      </c>
      <c r="FX32" s="327">
        <v>46320</v>
      </c>
      <c r="FY32" s="331">
        <v>99360</v>
      </c>
      <c r="FZ32" s="332">
        <v>0</v>
      </c>
      <c r="GA32" s="327">
        <v>11400</v>
      </c>
      <c r="GB32" s="327">
        <v>108632</v>
      </c>
      <c r="GC32" s="327">
        <v>125048</v>
      </c>
      <c r="GD32" s="327">
        <v>43944</v>
      </c>
      <c r="GE32" s="327">
        <v>56192</v>
      </c>
      <c r="GF32" s="328">
        <v>345216</v>
      </c>
      <c r="GG32" s="334">
        <v>444576</v>
      </c>
      <c r="GH32" s="333">
        <v>0</v>
      </c>
      <c r="GI32" s="327">
        <v>20592</v>
      </c>
      <c r="GJ32" s="331">
        <v>20592</v>
      </c>
      <c r="GK32" s="332">
        <v>0</v>
      </c>
      <c r="GL32" s="327">
        <v>0</v>
      </c>
      <c r="GM32" s="327">
        <v>0</v>
      </c>
      <c r="GN32" s="327">
        <v>0</v>
      </c>
      <c r="GO32" s="327">
        <v>62656</v>
      </c>
      <c r="GP32" s="327">
        <v>0</v>
      </c>
      <c r="GQ32" s="328">
        <v>62656</v>
      </c>
      <c r="GR32" s="330">
        <v>83248</v>
      </c>
      <c r="GS32" s="326">
        <v>0</v>
      </c>
      <c r="GT32" s="327">
        <v>0</v>
      </c>
      <c r="GU32" s="328">
        <v>0</v>
      </c>
      <c r="GV32" s="326">
        <v>0</v>
      </c>
      <c r="GW32" s="327">
        <v>0</v>
      </c>
      <c r="GX32" s="327">
        <v>0</v>
      </c>
      <c r="GY32" s="327">
        <v>0</v>
      </c>
      <c r="GZ32" s="327">
        <v>0</v>
      </c>
      <c r="HA32" s="327">
        <v>0</v>
      </c>
      <c r="HB32" s="331">
        <v>0</v>
      </c>
      <c r="HC32" s="330">
        <v>0</v>
      </c>
      <c r="HD32" s="326">
        <v>108515</v>
      </c>
      <c r="HE32" s="327">
        <v>0</v>
      </c>
      <c r="HF32" s="331">
        <v>108515</v>
      </c>
      <c r="HG32" s="332">
        <v>0</v>
      </c>
      <c r="HH32" s="327">
        <v>485327</v>
      </c>
      <c r="HI32" s="327">
        <v>179580</v>
      </c>
      <c r="HJ32" s="327">
        <v>0</v>
      </c>
      <c r="HK32" s="327">
        <v>899661</v>
      </c>
      <c r="HL32" s="327">
        <v>0</v>
      </c>
      <c r="HM32" s="328">
        <v>1564568</v>
      </c>
      <c r="HN32" s="329">
        <v>1673083</v>
      </c>
      <c r="HO32" s="333">
        <v>0</v>
      </c>
      <c r="HP32" s="327">
        <v>0</v>
      </c>
      <c r="HQ32" s="328">
        <v>0</v>
      </c>
      <c r="HR32" s="326">
        <v>0</v>
      </c>
      <c r="HS32" s="327">
        <v>0</v>
      </c>
      <c r="HT32" s="327">
        <v>0</v>
      </c>
      <c r="HU32" s="327">
        <v>0</v>
      </c>
      <c r="HV32" s="327">
        <v>0</v>
      </c>
      <c r="HW32" s="327">
        <v>0</v>
      </c>
      <c r="HX32" s="331">
        <v>0</v>
      </c>
      <c r="HY32" s="330">
        <v>0</v>
      </c>
      <c r="HZ32" s="358">
        <v>0</v>
      </c>
      <c r="IA32" s="356">
        <v>0</v>
      </c>
      <c r="IB32" s="358">
        <v>0</v>
      </c>
      <c r="IC32" s="355">
        <v>0</v>
      </c>
      <c r="ID32" s="356">
        <v>413075</v>
      </c>
      <c r="IE32" s="357">
        <v>184686</v>
      </c>
      <c r="IF32" s="358">
        <v>655528</v>
      </c>
      <c r="IG32" s="356">
        <v>252210</v>
      </c>
      <c r="IH32" s="358">
        <v>243407</v>
      </c>
      <c r="II32" s="359">
        <v>1748906</v>
      </c>
      <c r="IJ32" s="358">
        <v>1748906</v>
      </c>
      <c r="IK32" s="342">
        <v>0</v>
      </c>
      <c r="IL32" s="343">
        <v>0</v>
      </c>
      <c r="IM32" s="344">
        <v>0</v>
      </c>
      <c r="IN32" s="404">
        <v>0</v>
      </c>
      <c r="IO32" s="345">
        <v>0</v>
      </c>
      <c r="IP32" s="345">
        <v>0</v>
      </c>
      <c r="IQ32" s="345">
        <v>173104</v>
      </c>
      <c r="IR32" s="345">
        <v>0</v>
      </c>
      <c r="IS32" s="345">
        <v>0</v>
      </c>
      <c r="IT32" s="346">
        <v>173104</v>
      </c>
      <c r="IU32" s="347">
        <v>173104</v>
      </c>
      <c r="IV32" s="348">
        <v>0</v>
      </c>
      <c r="IW32" s="345">
        <v>0</v>
      </c>
      <c r="IX32" s="349">
        <v>0</v>
      </c>
      <c r="IY32" s="404">
        <v>0</v>
      </c>
      <c r="IZ32" s="345">
        <v>0</v>
      </c>
      <c r="JA32" s="345">
        <v>0</v>
      </c>
      <c r="JB32" s="345">
        <v>0</v>
      </c>
      <c r="JC32" s="345">
        <v>0</v>
      </c>
      <c r="JD32" s="345">
        <v>0</v>
      </c>
      <c r="JE32" s="349">
        <v>0</v>
      </c>
      <c r="JF32" s="350">
        <v>0</v>
      </c>
      <c r="JG32" s="348">
        <v>0</v>
      </c>
      <c r="JH32" s="345">
        <v>0</v>
      </c>
      <c r="JI32" s="346">
        <v>0</v>
      </c>
      <c r="JJ32" s="351">
        <v>0</v>
      </c>
      <c r="JK32" s="345">
        <v>0</v>
      </c>
      <c r="JL32" s="345">
        <v>37522</v>
      </c>
      <c r="JM32" s="345">
        <v>68577</v>
      </c>
      <c r="JN32" s="345">
        <v>0</v>
      </c>
      <c r="JO32" s="345">
        <v>0</v>
      </c>
      <c r="JP32" s="349">
        <v>106099</v>
      </c>
      <c r="JQ32" s="347">
        <v>106099</v>
      </c>
      <c r="JR32" s="348">
        <v>0</v>
      </c>
      <c r="JS32" s="345">
        <v>0</v>
      </c>
      <c r="JT32" s="346">
        <v>0</v>
      </c>
      <c r="JU32" s="351">
        <v>0</v>
      </c>
      <c r="JV32" s="345">
        <v>0</v>
      </c>
      <c r="JW32" s="345">
        <v>0</v>
      </c>
      <c r="JX32" s="345">
        <v>49657</v>
      </c>
      <c r="JY32" s="345">
        <v>234341</v>
      </c>
      <c r="JZ32" s="345">
        <v>0</v>
      </c>
      <c r="KA32" s="349">
        <v>283998</v>
      </c>
      <c r="KB32" s="347">
        <v>283998</v>
      </c>
      <c r="KC32" s="352">
        <v>0</v>
      </c>
      <c r="KD32" s="353">
        <v>0</v>
      </c>
      <c r="KE32" s="349">
        <v>0</v>
      </c>
      <c r="KF32" s="351">
        <v>0</v>
      </c>
      <c r="KG32" s="345">
        <v>174253</v>
      </c>
      <c r="KH32" s="345">
        <v>147164</v>
      </c>
      <c r="KI32" s="345">
        <v>0</v>
      </c>
      <c r="KJ32" s="345">
        <v>0</v>
      </c>
      <c r="KK32" s="345">
        <v>0</v>
      </c>
      <c r="KL32" s="349">
        <v>321417</v>
      </c>
      <c r="KM32" s="354">
        <v>321417</v>
      </c>
      <c r="KN32" s="342">
        <v>0</v>
      </c>
      <c r="KO32" s="343">
        <v>0</v>
      </c>
      <c r="KP32" s="344">
        <v>0</v>
      </c>
      <c r="KQ32" s="404">
        <v>0</v>
      </c>
      <c r="KR32" s="345">
        <v>238822</v>
      </c>
      <c r="KS32" s="345">
        <v>0</v>
      </c>
      <c r="KT32" s="345">
        <v>124127</v>
      </c>
      <c r="KU32" s="345">
        <v>17869</v>
      </c>
      <c r="KV32" s="345">
        <v>0</v>
      </c>
      <c r="KW32" s="349">
        <v>380818</v>
      </c>
      <c r="KX32" s="347">
        <v>380818</v>
      </c>
      <c r="KY32" s="348">
        <v>0</v>
      </c>
      <c r="KZ32" s="345">
        <v>0</v>
      </c>
      <c r="LA32" s="349">
        <v>0</v>
      </c>
      <c r="LB32" s="404">
        <v>0</v>
      </c>
      <c r="LC32" s="345">
        <v>0</v>
      </c>
      <c r="LD32" s="345">
        <v>0</v>
      </c>
      <c r="LE32" s="345">
        <v>0</v>
      </c>
      <c r="LF32" s="345">
        <v>0</v>
      </c>
      <c r="LG32" s="345">
        <v>0</v>
      </c>
      <c r="LH32" s="349">
        <v>0</v>
      </c>
      <c r="LI32" s="350">
        <v>0</v>
      </c>
      <c r="LJ32" s="348">
        <v>0</v>
      </c>
      <c r="LK32" s="345">
        <v>0</v>
      </c>
      <c r="LL32" s="349">
        <v>0</v>
      </c>
      <c r="LM32" s="404">
        <v>0</v>
      </c>
      <c r="LN32" s="345">
        <v>0</v>
      </c>
      <c r="LO32" s="345">
        <v>0</v>
      </c>
      <c r="LP32" s="345">
        <v>240063</v>
      </c>
      <c r="LQ32" s="345">
        <v>0</v>
      </c>
      <c r="LR32" s="345">
        <v>243407</v>
      </c>
      <c r="LS32" s="349">
        <v>483470</v>
      </c>
      <c r="LT32" s="347">
        <v>483470</v>
      </c>
      <c r="LU32" s="348">
        <v>0</v>
      </c>
      <c r="LV32" s="345">
        <v>0</v>
      </c>
      <c r="LW32" s="349">
        <v>0</v>
      </c>
      <c r="LX32" s="404">
        <v>0</v>
      </c>
      <c r="LY32" s="345">
        <v>0</v>
      </c>
      <c r="LZ32" s="345">
        <v>0</v>
      </c>
      <c r="MA32" s="345">
        <v>0</v>
      </c>
      <c r="MB32" s="345">
        <v>0</v>
      </c>
      <c r="MC32" s="345">
        <v>0</v>
      </c>
      <c r="MD32" s="349">
        <v>0</v>
      </c>
      <c r="ME32" s="350">
        <v>0</v>
      </c>
      <c r="MF32" s="348">
        <v>0</v>
      </c>
      <c r="MG32" s="345">
        <v>0</v>
      </c>
      <c r="MH32" s="349">
        <v>0</v>
      </c>
      <c r="MI32" s="404">
        <v>0</v>
      </c>
      <c r="MJ32" s="345">
        <v>220591</v>
      </c>
      <c r="MK32" s="345">
        <v>895513</v>
      </c>
      <c r="ML32" s="345">
        <v>838297</v>
      </c>
      <c r="MM32" s="345">
        <v>2011691</v>
      </c>
      <c r="MN32" s="345">
        <v>620669</v>
      </c>
      <c r="MO32" s="349">
        <v>4586761</v>
      </c>
      <c r="MP32" s="354">
        <v>4586761</v>
      </c>
      <c r="MQ32" s="348">
        <v>0</v>
      </c>
      <c r="MR32" s="345">
        <v>0</v>
      </c>
      <c r="MS32" s="349">
        <v>0</v>
      </c>
      <c r="MT32" s="404">
        <v>0</v>
      </c>
      <c r="MU32" s="345">
        <v>0</v>
      </c>
      <c r="MV32" s="345">
        <v>243635</v>
      </c>
      <c r="MW32" s="345">
        <v>237131</v>
      </c>
      <c r="MX32" s="345">
        <v>800752</v>
      </c>
      <c r="MY32" s="345">
        <v>620669</v>
      </c>
      <c r="MZ32" s="349">
        <v>1902187</v>
      </c>
      <c r="NA32" s="354">
        <v>1902187</v>
      </c>
      <c r="NB32" s="348">
        <v>0</v>
      </c>
      <c r="NC32" s="345">
        <v>0</v>
      </c>
      <c r="ND32" s="349">
        <v>0</v>
      </c>
      <c r="NE32" s="404">
        <v>0</v>
      </c>
      <c r="NF32" s="345">
        <v>220591</v>
      </c>
      <c r="NG32" s="345">
        <v>651878</v>
      </c>
      <c r="NH32" s="345">
        <v>601166</v>
      </c>
      <c r="NI32" s="345">
        <v>1210939</v>
      </c>
      <c r="NJ32" s="345">
        <v>0</v>
      </c>
      <c r="NK32" s="349">
        <v>2684574</v>
      </c>
      <c r="NL32" s="347">
        <v>2684574</v>
      </c>
      <c r="NM32" s="348">
        <v>0</v>
      </c>
      <c r="NN32" s="345">
        <v>0</v>
      </c>
      <c r="NO32" s="349">
        <v>0</v>
      </c>
      <c r="NP32" s="404">
        <v>0</v>
      </c>
      <c r="NQ32" s="345">
        <v>0</v>
      </c>
      <c r="NR32" s="345">
        <v>0</v>
      </c>
      <c r="NS32" s="345">
        <v>0</v>
      </c>
      <c r="NT32" s="345">
        <v>0</v>
      </c>
      <c r="NU32" s="345">
        <v>0</v>
      </c>
      <c r="NV32" s="349">
        <v>0</v>
      </c>
      <c r="NW32" s="350">
        <v>0</v>
      </c>
      <c r="NX32" s="348">
        <v>0</v>
      </c>
      <c r="NY32" s="345">
        <v>0</v>
      </c>
      <c r="NZ32" s="349">
        <v>0</v>
      </c>
      <c r="OA32" s="404">
        <v>0</v>
      </c>
      <c r="OB32" s="345">
        <v>0</v>
      </c>
      <c r="OC32" s="345">
        <v>0</v>
      </c>
      <c r="OD32" s="345">
        <v>0</v>
      </c>
      <c r="OE32" s="345">
        <v>0</v>
      </c>
      <c r="OF32" s="345">
        <v>0</v>
      </c>
      <c r="OG32" s="349">
        <v>0</v>
      </c>
      <c r="OH32" s="350">
        <v>0</v>
      </c>
      <c r="OI32" s="348">
        <v>257841</v>
      </c>
      <c r="OJ32" s="345">
        <v>288472</v>
      </c>
      <c r="OK32" s="346">
        <v>546313</v>
      </c>
      <c r="OL32" s="351">
        <v>0</v>
      </c>
      <c r="OM32" s="345">
        <v>1841351</v>
      </c>
      <c r="ON32" s="345">
        <v>2191319</v>
      </c>
      <c r="OO32" s="345">
        <v>2721794</v>
      </c>
      <c r="OP32" s="345">
        <v>4410446</v>
      </c>
      <c r="OQ32" s="345">
        <v>2131076</v>
      </c>
      <c r="OR32" s="349">
        <v>13295986</v>
      </c>
      <c r="OS32" s="354">
        <v>13842299</v>
      </c>
    </row>
    <row r="33" spans="2:409" s="70" customFormat="1" ht="21" customHeight="1" x14ac:dyDescent="0.2">
      <c r="B33" s="410" t="s">
        <v>28</v>
      </c>
      <c r="C33" s="326">
        <v>0</v>
      </c>
      <c r="D33" s="327">
        <v>800</v>
      </c>
      <c r="E33" s="328">
        <v>800</v>
      </c>
      <c r="F33" s="329">
        <v>0</v>
      </c>
      <c r="G33" s="327">
        <v>654462</v>
      </c>
      <c r="H33" s="327">
        <v>257610</v>
      </c>
      <c r="I33" s="327">
        <v>578055</v>
      </c>
      <c r="J33" s="327">
        <v>23744</v>
      </c>
      <c r="K33" s="327">
        <v>7768</v>
      </c>
      <c r="L33" s="367">
        <v>1521639</v>
      </c>
      <c r="M33" s="330">
        <v>1522439</v>
      </c>
      <c r="N33" s="326">
        <v>0</v>
      </c>
      <c r="O33" s="327">
        <v>0</v>
      </c>
      <c r="P33" s="328">
        <v>0</v>
      </c>
      <c r="Q33" s="326">
        <v>0</v>
      </c>
      <c r="R33" s="327">
        <v>81024</v>
      </c>
      <c r="S33" s="327">
        <v>13072</v>
      </c>
      <c r="T33" s="327">
        <v>222426</v>
      </c>
      <c r="U33" s="327">
        <v>14704</v>
      </c>
      <c r="V33" s="327">
        <v>7768</v>
      </c>
      <c r="W33" s="328">
        <v>338994</v>
      </c>
      <c r="X33" s="330">
        <v>338994</v>
      </c>
      <c r="Y33" s="326">
        <v>0</v>
      </c>
      <c r="Z33" s="327">
        <v>0</v>
      </c>
      <c r="AA33" s="328">
        <v>0</v>
      </c>
      <c r="AB33" s="326">
        <v>0</v>
      </c>
      <c r="AC33" s="327">
        <v>0</v>
      </c>
      <c r="AD33" s="327">
        <v>0</v>
      </c>
      <c r="AE33" s="327">
        <v>114628</v>
      </c>
      <c r="AF33" s="327">
        <v>0</v>
      </c>
      <c r="AG33" s="327">
        <v>0</v>
      </c>
      <c r="AH33" s="328">
        <v>114628</v>
      </c>
      <c r="AI33" s="330">
        <v>114628</v>
      </c>
      <c r="AJ33" s="326">
        <v>0</v>
      </c>
      <c r="AK33" s="327">
        <v>0</v>
      </c>
      <c r="AL33" s="328">
        <v>0</v>
      </c>
      <c r="AM33" s="326">
        <v>0</v>
      </c>
      <c r="AN33" s="327">
        <v>0</v>
      </c>
      <c r="AO33" s="327">
        <v>0</v>
      </c>
      <c r="AP33" s="327">
        <v>0</v>
      </c>
      <c r="AQ33" s="327">
        <v>0</v>
      </c>
      <c r="AR33" s="327">
        <v>0</v>
      </c>
      <c r="AS33" s="328">
        <v>0</v>
      </c>
      <c r="AT33" s="330">
        <v>0</v>
      </c>
      <c r="AU33" s="326">
        <v>0</v>
      </c>
      <c r="AV33" s="327">
        <v>0</v>
      </c>
      <c r="AW33" s="328">
        <v>0</v>
      </c>
      <c r="AX33" s="326">
        <v>0</v>
      </c>
      <c r="AY33" s="327">
        <v>50816</v>
      </c>
      <c r="AZ33" s="327">
        <v>0</v>
      </c>
      <c r="BA33" s="327">
        <v>95462</v>
      </c>
      <c r="BB33" s="327">
        <v>14704</v>
      </c>
      <c r="BC33" s="327">
        <v>0</v>
      </c>
      <c r="BD33" s="328">
        <v>160982</v>
      </c>
      <c r="BE33" s="330">
        <v>160982</v>
      </c>
      <c r="BF33" s="326">
        <v>0</v>
      </c>
      <c r="BG33" s="327">
        <v>0</v>
      </c>
      <c r="BH33" s="331">
        <v>0</v>
      </c>
      <c r="BI33" s="332">
        <v>0</v>
      </c>
      <c r="BJ33" s="327">
        <v>0</v>
      </c>
      <c r="BK33" s="327">
        <v>0</v>
      </c>
      <c r="BL33" s="327">
        <v>0</v>
      </c>
      <c r="BM33" s="327">
        <v>0</v>
      </c>
      <c r="BN33" s="327">
        <v>0</v>
      </c>
      <c r="BO33" s="328">
        <v>0</v>
      </c>
      <c r="BP33" s="330">
        <v>0</v>
      </c>
      <c r="BQ33" s="326">
        <v>0</v>
      </c>
      <c r="BR33" s="327">
        <v>0</v>
      </c>
      <c r="BS33" s="328">
        <v>0</v>
      </c>
      <c r="BT33" s="326">
        <v>0</v>
      </c>
      <c r="BU33" s="327">
        <v>30208</v>
      </c>
      <c r="BV33" s="327">
        <v>13072</v>
      </c>
      <c r="BW33" s="327">
        <v>12336</v>
      </c>
      <c r="BX33" s="327">
        <v>0</v>
      </c>
      <c r="BY33" s="327">
        <v>7768</v>
      </c>
      <c r="BZ33" s="328">
        <v>63384</v>
      </c>
      <c r="CA33" s="330">
        <v>63384</v>
      </c>
      <c r="CB33" s="326">
        <v>0</v>
      </c>
      <c r="CC33" s="327">
        <v>0</v>
      </c>
      <c r="CD33" s="328">
        <v>0</v>
      </c>
      <c r="CE33" s="326">
        <v>0</v>
      </c>
      <c r="CF33" s="327">
        <v>60230</v>
      </c>
      <c r="CG33" s="327">
        <v>188922</v>
      </c>
      <c r="CH33" s="327">
        <v>75792</v>
      </c>
      <c r="CI33" s="327">
        <v>0</v>
      </c>
      <c r="CJ33" s="327">
        <v>0</v>
      </c>
      <c r="CK33" s="328">
        <v>324944</v>
      </c>
      <c r="CL33" s="330">
        <v>324944</v>
      </c>
      <c r="CM33" s="326">
        <v>0</v>
      </c>
      <c r="CN33" s="327">
        <v>0</v>
      </c>
      <c r="CO33" s="328">
        <v>0</v>
      </c>
      <c r="CP33" s="332">
        <v>0</v>
      </c>
      <c r="CQ33" s="327">
        <v>13572</v>
      </c>
      <c r="CR33" s="327">
        <v>188922</v>
      </c>
      <c r="CS33" s="327">
        <v>75792</v>
      </c>
      <c r="CT33" s="327">
        <v>0</v>
      </c>
      <c r="CU33" s="327">
        <v>0</v>
      </c>
      <c r="CV33" s="328">
        <v>278286</v>
      </c>
      <c r="CW33" s="330">
        <v>278286</v>
      </c>
      <c r="CX33" s="326">
        <v>0</v>
      </c>
      <c r="CY33" s="327">
        <v>0</v>
      </c>
      <c r="CZ33" s="328">
        <v>0</v>
      </c>
      <c r="DA33" s="326">
        <v>0</v>
      </c>
      <c r="DB33" s="327">
        <v>46658</v>
      </c>
      <c r="DC33" s="327">
        <v>0</v>
      </c>
      <c r="DD33" s="327">
        <v>0</v>
      </c>
      <c r="DE33" s="327">
        <v>0</v>
      </c>
      <c r="DF33" s="327">
        <v>0</v>
      </c>
      <c r="DG33" s="328">
        <v>46658</v>
      </c>
      <c r="DH33" s="330">
        <v>46658</v>
      </c>
      <c r="DI33" s="326">
        <v>0</v>
      </c>
      <c r="DJ33" s="327">
        <v>0</v>
      </c>
      <c r="DK33" s="331">
        <v>0</v>
      </c>
      <c r="DL33" s="332">
        <v>0</v>
      </c>
      <c r="DM33" s="327">
        <v>0</v>
      </c>
      <c r="DN33" s="327">
        <v>0</v>
      </c>
      <c r="DO33" s="327">
        <v>35180</v>
      </c>
      <c r="DP33" s="327">
        <v>0</v>
      </c>
      <c r="DQ33" s="327">
        <v>0</v>
      </c>
      <c r="DR33" s="328">
        <v>35180</v>
      </c>
      <c r="DS33" s="330">
        <v>35180</v>
      </c>
      <c r="DT33" s="326">
        <v>0</v>
      </c>
      <c r="DU33" s="327">
        <v>0</v>
      </c>
      <c r="DV33" s="328">
        <v>0</v>
      </c>
      <c r="DW33" s="326">
        <v>0</v>
      </c>
      <c r="DX33" s="327">
        <v>0</v>
      </c>
      <c r="DY33" s="327">
        <v>0</v>
      </c>
      <c r="DZ33" s="327">
        <v>0</v>
      </c>
      <c r="EA33" s="327">
        <v>0</v>
      </c>
      <c r="EB33" s="327">
        <v>0</v>
      </c>
      <c r="EC33" s="328">
        <v>0</v>
      </c>
      <c r="ED33" s="330">
        <v>0</v>
      </c>
      <c r="EE33" s="326">
        <v>0</v>
      </c>
      <c r="EF33" s="331">
        <v>0</v>
      </c>
      <c r="EG33" s="328">
        <v>0</v>
      </c>
      <c r="EH33" s="326">
        <v>0</v>
      </c>
      <c r="EI33" s="327">
        <v>0</v>
      </c>
      <c r="EJ33" s="327">
        <v>0</v>
      </c>
      <c r="EK33" s="327">
        <v>35180</v>
      </c>
      <c r="EL33" s="327">
        <v>0</v>
      </c>
      <c r="EM33" s="327">
        <v>0</v>
      </c>
      <c r="EN33" s="331">
        <v>35180</v>
      </c>
      <c r="EO33" s="330">
        <v>35180</v>
      </c>
      <c r="EP33" s="326">
        <v>0</v>
      </c>
      <c r="EQ33" s="327">
        <v>0</v>
      </c>
      <c r="ER33" s="331">
        <v>0</v>
      </c>
      <c r="ES33" s="332">
        <v>0</v>
      </c>
      <c r="ET33" s="327">
        <v>0</v>
      </c>
      <c r="EU33" s="327">
        <v>0</v>
      </c>
      <c r="EV33" s="327">
        <v>0</v>
      </c>
      <c r="EW33" s="327">
        <v>0</v>
      </c>
      <c r="EX33" s="327">
        <v>0</v>
      </c>
      <c r="EY33" s="328">
        <v>0</v>
      </c>
      <c r="EZ33" s="330">
        <v>0</v>
      </c>
      <c r="FA33" s="326">
        <v>0</v>
      </c>
      <c r="FB33" s="327">
        <v>0</v>
      </c>
      <c r="FC33" s="331">
        <v>0</v>
      </c>
      <c r="FD33" s="332">
        <v>0</v>
      </c>
      <c r="FE33" s="327">
        <v>0</v>
      </c>
      <c r="FF33" s="327">
        <v>0</v>
      </c>
      <c r="FG33" s="327">
        <v>0</v>
      </c>
      <c r="FH33" s="327">
        <v>0</v>
      </c>
      <c r="FI33" s="327">
        <v>0</v>
      </c>
      <c r="FJ33" s="328">
        <v>0</v>
      </c>
      <c r="FK33" s="330">
        <v>0</v>
      </c>
      <c r="FL33" s="326">
        <v>0</v>
      </c>
      <c r="FM33" s="327">
        <v>800</v>
      </c>
      <c r="FN33" s="328">
        <v>800</v>
      </c>
      <c r="FO33" s="326">
        <v>0</v>
      </c>
      <c r="FP33" s="327">
        <v>18592</v>
      </c>
      <c r="FQ33" s="327">
        <v>55616</v>
      </c>
      <c r="FR33" s="327">
        <v>37360</v>
      </c>
      <c r="FS33" s="327">
        <v>9040</v>
      </c>
      <c r="FT33" s="327">
        <v>0</v>
      </c>
      <c r="FU33" s="328">
        <v>120608</v>
      </c>
      <c r="FV33" s="330">
        <v>121408</v>
      </c>
      <c r="FW33" s="333">
        <v>0</v>
      </c>
      <c r="FX33" s="327">
        <v>800</v>
      </c>
      <c r="FY33" s="331">
        <v>800</v>
      </c>
      <c r="FZ33" s="332">
        <v>0</v>
      </c>
      <c r="GA33" s="327">
        <v>18592</v>
      </c>
      <c r="GB33" s="327">
        <v>55616</v>
      </c>
      <c r="GC33" s="327">
        <v>37360</v>
      </c>
      <c r="GD33" s="327">
        <v>9040</v>
      </c>
      <c r="GE33" s="327">
        <v>0</v>
      </c>
      <c r="GF33" s="328">
        <v>120608</v>
      </c>
      <c r="GG33" s="334">
        <v>121408</v>
      </c>
      <c r="GH33" s="333">
        <v>0</v>
      </c>
      <c r="GI33" s="327">
        <v>0</v>
      </c>
      <c r="GJ33" s="331">
        <v>0</v>
      </c>
      <c r="GK33" s="332">
        <v>0</v>
      </c>
      <c r="GL33" s="327">
        <v>0</v>
      </c>
      <c r="GM33" s="327">
        <v>0</v>
      </c>
      <c r="GN33" s="327">
        <v>0</v>
      </c>
      <c r="GO33" s="327">
        <v>0</v>
      </c>
      <c r="GP33" s="327">
        <v>0</v>
      </c>
      <c r="GQ33" s="328">
        <v>0</v>
      </c>
      <c r="GR33" s="330">
        <v>0</v>
      </c>
      <c r="GS33" s="326">
        <v>0</v>
      </c>
      <c r="GT33" s="327">
        <v>0</v>
      </c>
      <c r="GU33" s="328">
        <v>0</v>
      </c>
      <c r="GV33" s="326">
        <v>0</v>
      </c>
      <c r="GW33" s="327">
        <v>0</v>
      </c>
      <c r="GX33" s="327">
        <v>0</v>
      </c>
      <c r="GY33" s="327">
        <v>0</v>
      </c>
      <c r="GZ33" s="327">
        <v>0</v>
      </c>
      <c r="HA33" s="327">
        <v>0</v>
      </c>
      <c r="HB33" s="331">
        <v>0</v>
      </c>
      <c r="HC33" s="330">
        <v>0</v>
      </c>
      <c r="HD33" s="326">
        <v>0</v>
      </c>
      <c r="HE33" s="327">
        <v>0</v>
      </c>
      <c r="HF33" s="331">
        <v>0</v>
      </c>
      <c r="HG33" s="332">
        <v>0</v>
      </c>
      <c r="HH33" s="327">
        <v>494616</v>
      </c>
      <c r="HI33" s="327">
        <v>0</v>
      </c>
      <c r="HJ33" s="327">
        <v>207297</v>
      </c>
      <c r="HK33" s="327">
        <v>0</v>
      </c>
      <c r="HL33" s="327">
        <v>0</v>
      </c>
      <c r="HM33" s="328">
        <v>701913</v>
      </c>
      <c r="HN33" s="329">
        <v>701913</v>
      </c>
      <c r="HO33" s="333">
        <v>0</v>
      </c>
      <c r="HP33" s="327">
        <v>0</v>
      </c>
      <c r="HQ33" s="328">
        <v>0</v>
      </c>
      <c r="HR33" s="326">
        <v>0</v>
      </c>
      <c r="HS33" s="327">
        <v>0</v>
      </c>
      <c r="HT33" s="327">
        <v>0</v>
      </c>
      <c r="HU33" s="327">
        <v>0</v>
      </c>
      <c r="HV33" s="327">
        <v>0</v>
      </c>
      <c r="HW33" s="327">
        <v>0</v>
      </c>
      <c r="HX33" s="331">
        <v>0</v>
      </c>
      <c r="HY33" s="330">
        <v>0</v>
      </c>
      <c r="HZ33" s="335">
        <v>0</v>
      </c>
      <c r="IA33" s="336">
        <v>0</v>
      </c>
      <c r="IB33" s="337">
        <v>0</v>
      </c>
      <c r="IC33" s="338">
        <v>0</v>
      </c>
      <c r="ID33" s="336">
        <v>123506</v>
      </c>
      <c r="IE33" s="339">
        <v>102428</v>
      </c>
      <c r="IF33" s="337">
        <v>0</v>
      </c>
      <c r="IG33" s="336">
        <v>0</v>
      </c>
      <c r="IH33" s="337">
        <v>273066</v>
      </c>
      <c r="II33" s="340">
        <v>499000</v>
      </c>
      <c r="IJ33" s="341">
        <v>499000</v>
      </c>
      <c r="IK33" s="342">
        <v>0</v>
      </c>
      <c r="IL33" s="343">
        <v>0</v>
      </c>
      <c r="IM33" s="344">
        <v>0</v>
      </c>
      <c r="IN33" s="404">
        <v>0</v>
      </c>
      <c r="IO33" s="345">
        <v>0</v>
      </c>
      <c r="IP33" s="345">
        <v>0</v>
      </c>
      <c r="IQ33" s="345">
        <v>0</v>
      </c>
      <c r="IR33" s="345">
        <v>0</v>
      </c>
      <c r="IS33" s="345">
        <v>0</v>
      </c>
      <c r="IT33" s="346">
        <v>0</v>
      </c>
      <c r="IU33" s="347">
        <v>0</v>
      </c>
      <c r="IV33" s="348">
        <v>0</v>
      </c>
      <c r="IW33" s="345">
        <v>0</v>
      </c>
      <c r="IX33" s="349">
        <v>0</v>
      </c>
      <c r="IY33" s="404">
        <v>0</v>
      </c>
      <c r="IZ33" s="345">
        <v>0</v>
      </c>
      <c r="JA33" s="345">
        <v>0</v>
      </c>
      <c r="JB33" s="345">
        <v>0</v>
      </c>
      <c r="JC33" s="345">
        <v>0</v>
      </c>
      <c r="JD33" s="345">
        <v>0</v>
      </c>
      <c r="JE33" s="349">
        <v>0</v>
      </c>
      <c r="JF33" s="350">
        <v>0</v>
      </c>
      <c r="JG33" s="348">
        <v>0</v>
      </c>
      <c r="JH33" s="345">
        <v>0</v>
      </c>
      <c r="JI33" s="346">
        <v>0</v>
      </c>
      <c r="JJ33" s="351">
        <v>0</v>
      </c>
      <c r="JK33" s="345">
        <v>123506</v>
      </c>
      <c r="JL33" s="345">
        <v>0</v>
      </c>
      <c r="JM33" s="345">
        <v>0</v>
      </c>
      <c r="JN33" s="345">
        <v>0</v>
      </c>
      <c r="JO33" s="345">
        <v>0</v>
      </c>
      <c r="JP33" s="349">
        <v>123506</v>
      </c>
      <c r="JQ33" s="347">
        <v>123506</v>
      </c>
      <c r="JR33" s="348">
        <v>0</v>
      </c>
      <c r="JS33" s="345">
        <v>0</v>
      </c>
      <c r="JT33" s="346">
        <v>0</v>
      </c>
      <c r="JU33" s="351">
        <v>0</v>
      </c>
      <c r="JV33" s="345">
        <v>0</v>
      </c>
      <c r="JW33" s="345">
        <v>0</v>
      </c>
      <c r="JX33" s="345">
        <v>0</v>
      </c>
      <c r="JY33" s="345">
        <v>0</v>
      </c>
      <c r="JZ33" s="345">
        <v>0</v>
      </c>
      <c r="KA33" s="349">
        <v>0</v>
      </c>
      <c r="KB33" s="347">
        <v>0</v>
      </c>
      <c r="KC33" s="352">
        <v>0</v>
      </c>
      <c r="KD33" s="353">
        <v>0</v>
      </c>
      <c r="KE33" s="349">
        <v>0</v>
      </c>
      <c r="KF33" s="351">
        <v>0</v>
      </c>
      <c r="KG33" s="345">
        <v>0</v>
      </c>
      <c r="KH33" s="345">
        <v>0</v>
      </c>
      <c r="KI33" s="345">
        <v>0</v>
      </c>
      <c r="KJ33" s="345">
        <v>0</v>
      </c>
      <c r="KK33" s="345">
        <v>0</v>
      </c>
      <c r="KL33" s="349">
        <v>0</v>
      </c>
      <c r="KM33" s="354">
        <v>0</v>
      </c>
      <c r="KN33" s="342">
        <v>0</v>
      </c>
      <c r="KO33" s="343">
        <v>0</v>
      </c>
      <c r="KP33" s="344">
        <v>0</v>
      </c>
      <c r="KQ33" s="404">
        <v>0</v>
      </c>
      <c r="KR33" s="345">
        <v>0</v>
      </c>
      <c r="KS33" s="345">
        <v>102428</v>
      </c>
      <c r="KT33" s="345">
        <v>0</v>
      </c>
      <c r="KU33" s="345">
        <v>0</v>
      </c>
      <c r="KV33" s="345">
        <v>273066</v>
      </c>
      <c r="KW33" s="349">
        <v>375494</v>
      </c>
      <c r="KX33" s="347">
        <v>375494</v>
      </c>
      <c r="KY33" s="348">
        <v>0</v>
      </c>
      <c r="KZ33" s="345">
        <v>0</v>
      </c>
      <c r="LA33" s="349">
        <v>0</v>
      </c>
      <c r="LB33" s="404">
        <v>0</v>
      </c>
      <c r="LC33" s="345">
        <v>0</v>
      </c>
      <c r="LD33" s="345">
        <v>0</v>
      </c>
      <c r="LE33" s="345">
        <v>0</v>
      </c>
      <c r="LF33" s="345">
        <v>0</v>
      </c>
      <c r="LG33" s="345">
        <v>0</v>
      </c>
      <c r="LH33" s="349">
        <v>0</v>
      </c>
      <c r="LI33" s="350">
        <v>0</v>
      </c>
      <c r="LJ33" s="348">
        <v>0</v>
      </c>
      <c r="LK33" s="345">
        <v>0</v>
      </c>
      <c r="LL33" s="349">
        <v>0</v>
      </c>
      <c r="LM33" s="404">
        <v>0</v>
      </c>
      <c r="LN33" s="345">
        <v>0</v>
      </c>
      <c r="LO33" s="345">
        <v>0</v>
      </c>
      <c r="LP33" s="345">
        <v>0</v>
      </c>
      <c r="LQ33" s="345">
        <v>0</v>
      </c>
      <c r="LR33" s="345">
        <v>0</v>
      </c>
      <c r="LS33" s="349">
        <v>0</v>
      </c>
      <c r="LT33" s="347">
        <v>0</v>
      </c>
      <c r="LU33" s="348">
        <v>0</v>
      </c>
      <c r="LV33" s="345">
        <v>0</v>
      </c>
      <c r="LW33" s="349">
        <v>0</v>
      </c>
      <c r="LX33" s="404">
        <v>0</v>
      </c>
      <c r="LY33" s="345">
        <v>0</v>
      </c>
      <c r="LZ33" s="345">
        <v>0</v>
      </c>
      <c r="MA33" s="345">
        <v>0</v>
      </c>
      <c r="MB33" s="345">
        <v>0</v>
      </c>
      <c r="MC33" s="345">
        <v>0</v>
      </c>
      <c r="MD33" s="349">
        <v>0</v>
      </c>
      <c r="ME33" s="350">
        <v>0</v>
      </c>
      <c r="MF33" s="348">
        <v>0</v>
      </c>
      <c r="MG33" s="345">
        <v>0</v>
      </c>
      <c r="MH33" s="349">
        <v>0</v>
      </c>
      <c r="MI33" s="404">
        <v>0</v>
      </c>
      <c r="MJ33" s="345">
        <v>0</v>
      </c>
      <c r="MK33" s="345">
        <v>0</v>
      </c>
      <c r="ML33" s="345">
        <v>0</v>
      </c>
      <c r="MM33" s="345">
        <v>246586</v>
      </c>
      <c r="MN33" s="345">
        <v>266551</v>
      </c>
      <c r="MO33" s="349">
        <v>513137</v>
      </c>
      <c r="MP33" s="354">
        <v>513137</v>
      </c>
      <c r="MQ33" s="348">
        <v>0</v>
      </c>
      <c r="MR33" s="345">
        <v>0</v>
      </c>
      <c r="MS33" s="349">
        <v>0</v>
      </c>
      <c r="MT33" s="404">
        <v>0</v>
      </c>
      <c r="MU33" s="345">
        <v>0</v>
      </c>
      <c r="MV33" s="345">
        <v>0</v>
      </c>
      <c r="MW33" s="345">
        <v>0</v>
      </c>
      <c r="MX33" s="345">
        <v>246586</v>
      </c>
      <c r="MY33" s="345">
        <v>266551</v>
      </c>
      <c r="MZ33" s="349">
        <v>513137</v>
      </c>
      <c r="NA33" s="354">
        <v>513137</v>
      </c>
      <c r="NB33" s="348">
        <v>0</v>
      </c>
      <c r="NC33" s="345">
        <v>0</v>
      </c>
      <c r="ND33" s="349">
        <v>0</v>
      </c>
      <c r="NE33" s="404">
        <v>0</v>
      </c>
      <c r="NF33" s="345">
        <v>0</v>
      </c>
      <c r="NG33" s="345">
        <v>0</v>
      </c>
      <c r="NH33" s="345">
        <v>0</v>
      </c>
      <c r="NI33" s="345">
        <v>0</v>
      </c>
      <c r="NJ33" s="345">
        <v>0</v>
      </c>
      <c r="NK33" s="349">
        <v>0</v>
      </c>
      <c r="NL33" s="347">
        <v>0</v>
      </c>
      <c r="NM33" s="348">
        <v>0</v>
      </c>
      <c r="NN33" s="345">
        <v>0</v>
      </c>
      <c r="NO33" s="349">
        <v>0</v>
      </c>
      <c r="NP33" s="404">
        <v>0</v>
      </c>
      <c r="NQ33" s="345">
        <v>0</v>
      </c>
      <c r="NR33" s="345">
        <v>0</v>
      </c>
      <c r="NS33" s="345">
        <v>0</v>
      </c>
      <c r="NT33" s="345">
        <v>0</v>
      </c>
      <c r="NU33" s="345">
        <v>0</v>
      </c>
      <c r="NV33" s="349">
        <v>0</v>
      </c>
      <c r="NW33" s="350">
        <v>0</v>
      </c>
      <c r="NX33" s="348">
        <v>0</v>
      </c>
      <c r="NY33" s="345">
        <v>0</v>
      </c>
      <c r="NZ33" s="349">
        <v>0</v>
      </c>
      <c r="OA33" s="404">
        <v>0</v>
      </c>
      <c r="OB33" s="345">
        <v>0</v>
      </c>
      <c r="OC33" s="345">
        <v>0</v>
      </c>
      <c r="OD33" s="345">
        <v>0</v>
      </c>
      <c r="OE33" s="345">
        <v>0</v>
      </c>
      <c r="OF33" s="345">
        <v>0</v>
      </c>
      <c r="OG33" s="349">
        <v>0</v>
      </c>
      <c r="OH33" s="350">
        <v>0</v>
      </c>
      <c r="OI33" s="348">
        <v>0</v>
      </c>
      <c r="OJ33" s="345">
        <v>800</v>
      </c>
      <c r="OK33" s="346">
        <v>800</v>
      </c>
      <c r="OL33" s="351">
        <v>0</v>
      </c>
      <c r="OM33" s="345">
        <v>777968</v>
      </c>
      <c r="ON33" s="345">
        <v>360038</v>
      </c>
      <c r="OO33" s="345">
        <v>578055</v>
      </c>
      <c r="OP33" s="345">
        <v>270330</v>
      </c>
      <c r="OQ33" s="345">
        <v>547385</v>
      </c>
      <c r="OR33" s="349">
        <v>2533776</v>
      </c>
      <c r="OS33" s="354">
        <v>2534576</v>
      </c>
    </row>
    <row r="34" spans="2:409" s="70" customFormat="1" ht="21" customHeight="1" x14ac:dyDescent="0.2">
      <c r="B34" s="410" t="s">
        <v>29</v>
      </c>
      <c r="C34" s="326">
        <v>117368</v>
      </c>
      <c r="D34" s="327">
        <v>0</v>
      </c>
      <c r="E34" s="328">
        <v>117368</v>
      </c>
      <c r="F34" s="329">
        <v>0</v>
      </c>
      <c r="G34" s="327">
        <v>334686</v>
      </c>
      <c r="H34" s="327">
        <v>465281</v>
      </c>
      <c r="I34" s="327">
        <v>422223</v>
      </c>
      <c r="J34" s="327">
        <v>610830</v>
      </c>
      <c r="K34" s="327">
        <v>139414</v>
      </c>
      <c r="L34" s="367">
        <v>1972434</v>
      </c>
      <c r="M34" s="330">
        <v>2089802</v>
      </c>
      <c r="N34" s="326">
        <v>31528</v>
      </c>
      <c r="O34" s="327">
        <v>0</v>
      </c>
      <c r="P34" s="328">
        <v>31528</v>
      </c>
      <c r="Q34" s="326">
        <v>0</v>
      </c>
      <c r="R34" s="327">
        <v>15520</v>
      </c>
      <c r="S34" s="327">
        <v>249897</v>
      </c>
      <c r="T34" s="327">
        <v>141472</v>
      </c>
      <c r="U34" s="327">
        <v>228620</v>
      </c>
      <c r="V34" s="327">
        <v>87174</v>
      </c>
      <c r="W34" s="328">
        <v>722683</v>
      </c>
      <c r="X34" s="330">
        <v>754211</v>
      </c>
      <c r="Y34" s="326">
        <v>0</v>
      </c>
      <c r="Z34" s="327">
        <v>0</v>
      </c>
      <c r="AA34" s="328">
        <v>0</v>
      </c>
      <c r="AB34" s="326">
        <v>0</v>
      </c>
      <c r="AC34" s="327">
        <v>0</v>
      </c>
      <c r="AD34" s="327">
        <v>136120</v>
      </c>
      <c r="AE34" s="327">
        <v>0</v>
      </c>
      <c r="AF34" s="327">
        <v>178300</v>
      </c>
      <c r="AG34" s="327">
        <v>0</v>
      </c>
      <c r="AH34" s="328">
        <v>314420</v>
      </c>
      <c r="AI34" s="330">
        <v>314420</v>
      </c>
      <c r="AJ34" s="326">
        <v>0</v>
      </c>
      <c r="AK34" s="327">
        <v>0</v>
      </c>
      <c r="AL34" s="328">
        <v>0</v>
      </c>
      <c r="AM34" s="326">
        <v>0</v>
      </c>
      <c r="AN34" s="327">
        <v>0</v>
      </c>
      <c r="AO34" s="327">
        <v>0</v>
      </c>
      <c r="AP34" s="327">
        <v>0</v>
      </c>
      <c r="AQ34" s="327">
        <v>0</v>
      </c>
      <c r="AR34" s="327">
        <v>82390</v>
      </c>
      <c r="AS34" s="328">
        <v>82390</v>
      </c>
      <c r="AT34" s="330">
        <v>82390</v>
      </c>
      <c r="AU34" s="326">
        <v>21896</v>
      </c>
      <c r="AV34" s="327">
        <v>0</v>
      </c>
      <c r="AW34" s="328">
        <v>21896</v>
      </c>
      <c r="AX34" s="326">
        <v>0</v>
      </c>
      <c r="AY34" s="327">
        <v>0</v>
      </c>
      <c r="AZ34" s="327">
        <v>82568</v>
      </c>
      <c r="BA34" s="327">
        <v>127696</v>
      </c>
      <c r="BB34" s="327">
        <v>0</v>
      </c>
      <c r="BC34" s="327">
        <v>0</v>
      </c>
      <c r="BD34" s="328">
        <v>210264</v>
      </c>
      <c r="BE34" s="330">
        <v>232160</v>
      </c>
      <c r="BF34" s="326">
        <v>0</v>
      </c>
      <c r="BG34" s="327">
        <v>0</v>
      </c>
      <c r="BH34" s="331">
        <v>0</v>
      </c>
      <c r="BI34" s="332">
        <v>0</v>
      </c>
      <c r="BJ34" s="327">
        <v>0</v>
      </c>
      <c r="BK34" s="327">
        <v>31209</v>
      </c>
      <c r="BL34" s="327">
        <v>0</v>
      </c>
      <c r="BM34" s="327">
        <v>0</v>
      </c>
      <c r="BN34" s="327">
        <v>0</v>
      </c>
      <c r="BO34" s="328">
        <v>31209</v>
      </c>
      <c r="BP34" s="330">
        <v>31209</v>
      </c>
      <c r="BQ34" s="326">
        <v>9632</v>
      </c>
      <c r="BR34" s="327">
        <v>0</v>
      </c>
      <c r="BS34" s="328">
        <v>9632</v>
      </c>
      <c r="BT34" s="326">
        <v>0</v>
      </c>
      <c r="BU34" s="327">
        <v>15520</v>
      </c>
      <c r="BV34" s="327">
        <v>0</v>
      </c>
      <c r="BW34" s="327">
        <v>13776</v>
      </c>
      <c r="BX34" s="327">
        <v>50320</v>
      </c>
      <c r="BY34" s="327">
        <v>4784</v>
      </c>
      <c r="BZ34" s="328">
        <v>84400</v>
      </c>
      <c r="CA34" s="330">
        <v>94032</v>
      </c>
      <c r="CB34" s="326">
        <v>20816</v>
      </c>
      <c r="CC34" s="327">
        <v>0</v>
      </c>
      <c r="CD34" s="328">
        <v>20816</v>
      </c>
      <c r="CE34" s="326">
        <v>0</v>
      </c>
      <c r="CF34" s="327">
        <v>0</v>
      </c>
      <c r="CG34" s="327">
        <v>148096</v>
      </c>
      <c r="CH34" s="327">
        <v>87963</v>
      </c>
      <c r="CI34" s="327">
        <v>86450</v>
      </c>
      <c r="CJ34" s="327">
        <v>0</v>
      </c>
      <c r="CK34" s="328">
        <v>322509</v>
      </c>
      <c r="CL34" s="330">
        <v>343325</v>
      </c>
      <c r="CM34" s="326">
        <v>0</v>
      </c>
      <c r="CN34" s="327">
        <v>0</v>
      </c>
      <c r="CO34" s="328">
        <v>0</v>
      </c>
      <c r="CP34" s="332">
        <v>0</v>
      </c>
      <c r="CQ34" s="327">
        <v>0</v>
      </c>
      <c r="CR34" s="327">
        <v>148096</v>
      </c>
      <c r="CS34" s="327">
        <v>60432</v>
      </c>
      <c r="CT34" s="327">
        <v>0</v>
      </c>
      <c r="CU34" s="327">
        <v>0</v>
      </c>
      <c r="CV34" s="328">
        <v>208528</v>
      </c>
      <c r="CW34" s="330">
        <v>208528</v>
      </c>
      <c r="CX34" s="326">
        <v>20816</v>
      </c>
      <c r="CY34" s="327">
        <v>0</v>
      </c>
      <c r="CZ34" s="328">
        <v>20816</v>
      </c>
      <c r="DA34" s="326">
        <v>0</v>
      </c>
      <c r="DB34" s="327">
        <v>0</v>
      </c>
      <c r="DC34" s="327">
        <v>0</v>
      </c>
      <c r="DD34" s="327">
        <v>27531</v>
      </c>
      <c r="DE34" s="327">
        <v>86450</v>
      </c>
      <c r="DF34" s="327">
        <v>0</v>
      </c>
      <c r="DG34" s="328">
        <v>113981</v>
      </c>
      <c r="DH34" s="330">
        <v>134797</v>
      </c>
      <c r="DI34" s="326">
        <v>0</v>
      </c>
      <c r="DJ34" s="327">
        <v>0</v>
      </c>
      <c r="DK34" s="331">
        <v>0</v>
      </c>
      <c r="DL34" s="332">
        <v>0</v>
      </c>
      <c r="DM34" s="327">
        <v>0</v>
      </c>
      <c r="DN34" s="327">
        <v>16176</v>
      </c>
      <c r="DO34" s="327">
        <v>66252</v>
      </c>
      <c r="DP34" s="327">
        <v>0</v>
      </c>
      <c r="DQ34" s="327">
        <v>0</v>
      </c>
      <c r="DR34" s="328">
        <v>82428</v>
      </c>
      <c r="DS34" s="330">
        <v>82428</v>
      </c>
      <c r="DT34" s="326">
        <v>0</v>
      </c>
      <c r="DU34" s="327">
        <v>0</v>
      </c>
      <c r="DV34" s="328">
        <v>0</v>
      </c>
      <c r="DW34" s="326">
        <v>0</v>
      </c>
      <c r="DX34" s="327">
        <v>0</v>
      </c>
      <c r="DY34" s="327">
        <v>16176</v>
      </c>
      <c r="DZ34" s="327">
        <v>0</v>
      </c>
      <c r="EA34" s="327">
        <v>0</v>
      </c>
      <c r="EB34" s="327">
        <v>0</v>
      </c>
      <c r="EC34" s="328">
        <v>16176</v>
      </c>
      <c r="ED34" s="330">
        <v>16176</v>
      </c>
      <c r="EE34" s="326">
        <v>0</v>
      </c>
      <c r="EF34" s="331">
        <v>0</v>
      </c>
      <c r="EG34" s="328">
        <v>0</v>
      </c>
      <c r="EH34" s="326">
        <v>0</v>
      </c>
      <c r="EI34" s="327">
        <v>0</v>
      </c>
      <c r="EJ34" s="327">
        <v>0</v>
      </c>
      <c r="EK34" s="327">
        <v>66252</v>
      </c>
      <c r="EL34" s="327">
        <v>0</v>
      </c>
      <c r="EM34" s="327">
        <v>0</v>
      </c>
      <c r="EN34" s="331">
        <v>66252</v>
      </c>
      <c r="EO34" s="330">
        <v>66252</v>
      </c>
      <c r="EP34" s="326">
        <v>0</v>
      </c>
      <c r="EQ34" s="327">
        <v>0</v>
      </c>
      <c r="ER34" s="331">
        <v>0</v>
      </c>
      <c r="ES34" s="332">
        <v>0</v>
      </c>
      <c r="ET34" s="327">
        <v>0</v>
      </c>
      <c r="EU34" s="327">
        <v>0</v>
      </c>
      <c r="EV34" s="327">
        <v>0</v>
      </c>
      <c r="EW34" s="327">
        <v>0</v>
      </c>
      <c r="EX34" s="327">
        <v>0</v>
      </c>
      <c r="EY34" s="328">
        <v>0</v>
      </c>
      <c r="EZ34" s="330">
        <v>0</v>
      </c>
      <c r="FA34" s="326">
        <v>0</v>
      </c>
      <c r="FB34" s="327">
        <v>0</v>
      </c>
      <c r="FC34" s="331">
        <v>0</v>
      </c>
      <c r="FD34" s="332">
        <v>0</v>
      </c>
      <c r="FE34" s="327">
        <v>0</v>
      </c>
      <c r="FF34" s="327">
        <v>0</v>
      </c>
      <c r="FG34" s="327">
        <v>0</v>
      </c>
      <c r="FH34" s="327">
        <v>0</v>
      </c>
      <c r="FI34" s="327">
        <v>0</v>
      </c>
      <c r="FJ34" s="328">
        <v>0</v>
      </c>
      <c r="FK34" s="330">
        <v>0</v>
      </c>
      <c r="FL34" s="326">
        <v>11440</v>
      </c>
      <c r="FM34" s="327">
        <v>0</v>
      </c>
      <c r="FN34" s="328">
        <v>11440</v>
      </c>
      <c r="FO34" s="326">
        <v>0</v>
      </c>
      <c r="FP34" s="327">
        <v>0</v>
      </c>
      <c r="FQ34" s="327">
        <v>51112</v>
      </c>
      <c r="FR34" s="327">
        <v>64968</v>
      </c>
      <c r="FS34" s="327">
        <v>67504</v>
      </c>
      <c r="FT34" s="327">
        <v>52240</v>
      </c>
      <c r="FU34" s="328">
        <v>235824</v>
      </c>
      <c r="FV34" s="330">
        <v>247264</v>
      </c>
      <c r="FW34" s="333">
        <v>11440</v>
      </c>
      <c r="FX34" s="327">
        <v>0</v>
      </c>
      <c r="FY34" s="331">
        <v>11440</v>
      </c>
      <c r="FZ34" s="332">
        <v>0</v>
      </c>
      <c r="GA34" s="327">
        <v>0</v>
      </c>
      <c r="GB34" s="327">
        <v>51112</v>
      </c>
      <c r="GC34" s="327">
        <v>44904</v>
      </c>
      <c r="GD34" s="327">
        <v>67504</v>
      </c>
      <c r="GE34" s="327">
        <v>52240</v>
      </c>
      <c r="GF34" s="328">
        <v>215760</v>
      </c>
      <c r="GG34" s="334">
        <v>227200</v>
      </c>
      <c r="GH34" s="333">
        <v>0</v>
      </c>
      <c r="GI34" s="327">
        <v>0</v>
      </c>
      <c r="GJ34" s="331">
        <v>0</v>
      </c>
      <c r="GK34" s="332">
        <v>0</v>
      </c>
      <c r="GL34" s="327">
        <v>0</v>
      </c>
      <c r="GM34" s="327">
        <v>0</v>
      </c>
      <c r="GN34" s="327">
        <v>20064</v>
      </c>
      <c r="GO34" s="327">
        <v>0</v>
      </c>
      <c r="GP34" s="327">
        <v>0</v>
      </c>
      <c r="GQ34" s="328">
        <v>20064</v>
      </c>
      <c r="GR34" s="330">
        <v>20064</v>
      </c>
      <c r="GS34" s="326">
        <v>0</v>
      </c>
      <c r="GT34" s="327">
        <v>0</v>
      </c>
      <c r="GU34" s="328">
        <v>0</v>
      </c>
      <c r="GV34" s="326">
        <v>0</v>
      </c>
      <c r="GW34" s="327">
        <v>0</v>
      </c>
      <c r="GX34" s="327">
        <v>0</v>
      </c>
      <c r="GY34" s="327">
        <v>0</v>
      </c>
      <c r="GZ34" s="327">
        <v>0</v>
      </c>
      <c r="HA34" s="327">
        <v>0</v>
      </c>
      <c r="HB34" s="331">
        <v>0</v>
      </c>
      <c r="HC34" s="330">
        <v>0</v>
      </c>
      <c r="HD34" s="326">
        <v>53584</v>
      </c>
      <c r="HE34" s="327">
        <v>0</v>
      </c>
      <c r="HF34" s="331">
        <v>53584</v>
      </c>
      <c r="HG34" s="332">
        <v>0</v>
      </c>
      <c r="HH34" s="327">
        <v>319166</v>
      </c>
      <c r="HI34" s="327">
        <v>0</v>
      </c>
      <c r="HJ34" s="327">
        <v>61568</v>
      </c>
      <c r="HK34" s="327">
        <v>228256</v>
      </c>
      <c r="HL34" s="327">
        <v>0</v>
      </c>
      <c r="HM34" s="328">
        <v>608990</v>
      </c>
      <c r="HN34" s="329">
        <v>662574</v>
      </c>
      <c r="HO34" s="333">
        <v>0</v>
      </c>
      <c r="HP34" s="327">
        <v>0</v>
      </c>
      <c r="HQ34" s="328">
        <v>0</v>
      </c>
      <c r="HR34" s="326">
        <v>0</v>
      </c>
      <c r="HS34" s="327">
        <v>0</v>
      </c>
      <c r="HT34" s="327">
        <v>0</v>
      </c>
      <c r="HU34" s="327">
        <v>0</v>
      </c>
      <c r="HV34" s="327">
        <v>0</v>
      </c>
      <c r="HW34" s="327">
        <v>0</v>
      </c>
      <c r="HX34" s="331">
        <v>0</v>
      </c>
      <c r="HY34" s="330">
        <v>0</v>
      </c>
      <c r="HZ34" s="358">
        <v>0</v>
      </c>
      <c r="IA34" s="356">
        <v>0</v>
      </c>
      <c r="IB34" s="358">
        <v>0</v>
      </c>
      <c r="IC34" s="355">
        <v>0</v>
      </c>
      <c r="ID34" s="356">
        <v>0</v>
      </c>
      <c r="IE34" s="357">
        <v>120368</v>
      </c>
      <c r="IF34" s="358">
        <v>396152</v>
      </c>
      <c r="IG34" s="356">
        <v>276672</v>
      </c>
      <c r="IH34" s="358">
        <v>0</v>
      </c>
      <c r="II34" s="359">
        <v>793192</v>
      </c>
      <c r="IJ34" s="358">
        <v>793192</v>
      </c>
      <c r="IK34" s="342">
        <v>0</v>
      </c>
      <c r="IL34" s="343">
        <v>0</v>
      </c>
      <c r="IM34" s="344">
        <v>0</v>
      </c>
      <c r="IN34" s="404">
        <v>0</v>
      </c>
      <c r="IO34" s="345">
        <v>0</v>
      </c>
      <c r="IP34" s="345">
        <v>0</v>
      </c>
      <c r="IQ34" s="345">
        <v>140120</v>
      </c>
      <c r="IR34" s="345">
        <v>0</v>
      </c>
      <c r="IS34" s="345">
        <v>0</v>
      </c>
      <c r="IT34" s="346">
        <v>140120</v>
      </c>
      <c r="IU34" s="347">
        <v>140120</v>
      </c>
      <c r="IV34" s="348">
        <v>0</v>
      </c>
      <c r="IW34" s="345">
        <v>0</v>
      </c>
      <c r="IX34" s="349">
        <v>0</v>
      </c>
      <c r="IY34" s="404">
        <v>0</v>
      </c>
      <c r="IZ34" s="345">
        <v>0</v>
      </c>
      <c r="JA34" s="345">
        <v>0</v>
      </c>
      <c r="JB34" s="345">
        <v>0</v>
      </c>
      <c r="JC34" s="345">
        <v>0</v>
      </c>
      <c r="JD34" s="345">
        <v>0</v>
      </c>
      <c r="JE34" s="349">
        <v>0</v>
      </c>
      <c r="JF34" s="350">
        <v>0</v>
      </c>
      <c r="JG34" s="348">
        <v>0</v>
      </c>
      <c r="JH34" s="345">
        <v>0</v>
      </c>
      <c r="JI34" s="346">
        <v>0</v>
      </c>
      <c r="JJ34" s="351">
        <v>0</v>
      </c>
      <c r="JK34" s="345">
        <v>0</v>
      </c>
      <c r="JL34" s="345">
        <v>120368</v>
      </c>
      <c r="JM34" s="345">
        <v>0</v>
      </c>
      <c r="JN34" s="345">
        <v>0</v>
      </c>
      <c r="JO34" s="345">
        <v>0</v>
      </c>
      <c r="JP34" s="349">
        <v>120368</v>
      </c>
      <c r="JQ34" s="347">
        <v>120368</v>
      </c>
      <c r="JR34" s="348">
        <v>0</v>
      </c>
      <c r="JS34" s="345">
        <v>0</v>
      </c>
      <c r="JT34" s="346">
        <v>0</v>
      </c>
      <c r="JU34" s="351">
        <v>0</v>
      </c>
      <c r="JV34" s="345">
        <v>0</v>
      </c>
      <c r="JW34" s="345">
        <v>0</v>
      </c>
      <c r="JX34" s="345">
        <v>0</v>
      </c>
      <c r="JY34" s="345">
        <v>0</v>
      </c>
      <c r="JZ34" s="345">
        <v>0</v>
      </c>
      <c r="KA34" s="349">
        <v>0</v>
      </c>
      <c r="KB34" s="347">
        <v>0</v>
      </c>
      <c r="KC34" s="352">
        <v>0</v>
      </c>
      <c r="KD34" s="353">
        <v>0</v>
      </c>
      <c r="KE34" s="349">
        <v>0</v>
      </c>
      <c r="KF34" s="351">
        <v>0</v>
      </c>
      <c r="KG34" s="345">
        <v>0</v>
      </c>
      <c r="KH34" s="345">
        <v>0</v>
      </c>
      <c r="KI34" s="345">
        <v>0</v>
      </c>
      <c r="KJ34" s="345">
        <v>0</v>
      </c>
      <c r="KK34" s="345">
        <v>0</v>
      </c>
      <c r="KL34" s="349">
        <v>0</v>
      </c>
      <c r="KM34" s="354">
        <v>0</v>
      </c>
      <c r="KN34" s="342">
        <v>0</v>
      </c>
      <c r="KO34" s="343">
        <v>0</v>
      </c>
      <c r="KP34" s="344">
        <v>0</v>
      </c>
      <c r="KQ34" s="404">
        <v>0</v>
      </c>
      <c r="KR34" s="345">
        <v>0</v>
      </c>
      <c r="KS34" s="345">
        <v>0</v>
      </c>
      <c r="KT34" s="345">
        <v>0</v>
      </c>
      <c r="KU34" s="345">
        <v>0</v>
      </c>
      <c r="KV34" s="345">
        <v>0</v>
      </c>
      <c r="KW34" s="349">
        <v>0</v>
      </c>
      <c r="KX34" s="347">
        <v>0</v>
      </c>
      <c r="KY34" s="348">
        <v>0</v>
      </c>
      <c r="KZ34" s="345">
        <v>0</v>
      </c>
      <c r="LA34" s="349">
        <v>0</v>
      </c>
      <c r="LB34" s="404">
        <v>0</v>
      </c>
      <c r="LC34" s="345">
        <v>0</v>
      </c>
      <c r="LD34" s="345">
        <v>0</v>
      </c>
      <c r="LE34" s="345">
        <v>0</v>
      </c>
      <c r="LF34" s="345">
        <v>0</v>
      </c>
      <c r="LG34" s="345">
        <v>0</v>
      </c>
      <c r="LH34" s="349">
        <v>0</v>
      </c>
      <c r="LI34" s="350">
        <v>0</v>
      </c>
      <c r="LJ34" s="348">
        <v>0</v>
      </c>
      <c r="LK34" s="345">
        <v>0</v>
      </c>
      <c r="LL34" s="349">
        <v>0</v>
      </c>
      <c r="LM34" s="404">
        <v>0</v>
      </c>
      <c r="LN34" s="345">
        <v>0</v>
      </c>
      <c r="LO34" s="345">
        <v>0</v>
      </c>
      <c r="LP34" s="345">
        <v>256032</v>
      </c>
      <c r="LQ34" s="345">
        <v>276672</v>
      </c>
      <c r="LR34" s="345">
        <v>0</v>
      </c>
      <c r="LS34" s="349">
        <v>532704</v>
      </c>
      <c r="LT34" s="347">
        <v>532704</v>
      </c>
      <c r="LU34" s="348">
        <v>0</v>
      </c>
      <c r="LV34" s="345">
        <v>0</v>
      </c>
      <c r="LW34" s="349">
        <v>0</v>
      </c>
      <c r="LX34" s="404">
        <v>0</v>
      </c>
      <c r="LY34" s="345">
        <v>0</v>
      </c>
      <c r="LZ34" s="345">
        <v>0</v>
      </c>
      <c r="MA34" s="345">
        <v>0</v>
      </c>
      <c r="MB34" s="345">
        <v>0</v>
      </c>
      <c r="MC34" s="345">
        <v>0</v>
      </c>
      <c r="MD34" s="349">
        <v>0</v>
      </c>
      <c r="ME34" s="350">
        <v>0</v>
      </c>
      <c r="MF34" s="348">
        <v>0</v>
      </c>
      <c r="MG34" s="345">
        <v>0</v>
      </c>
      <c r="MH34" s="349">
        <v>0</v>
      </c>
      <c r="MI34" s="404">
        <v>0</v>
      </c>
      <c r="MJ34" s="345">
        <v>0</v>
      </c>
      <c r="MK34" s="345">
        <v>0</v>
      </c>
      <c r="ML34" s="345">
        <v>0</v>
      </c>
      <c r="MM34" s="345">
        <v>0</v>
      </c>
      <c r="MN34" s="345">
        <v>968512</v>
      </c>
      <c r="MO34" s="349">
        <v>968512</v>
      </c>
      <c r="MP34" s="354">
        <v>968512</v>
      </c>
      <c r="MQ34" s="348">
        <v>0</v>
      </c>
      <c r="MR34" s="345">
        <v>0</v>
      </c>
      <c r="MS34" s="349">
        <v>0</v>
      </c>
      <c r="MT34" s="404">
        <v>0</v>
      </c>
      <c r="MU34" s="345">
        <v>0</v>
      </c>
      <c r="MV34" s="345">
        <v>0</v>
      </c>
      <c r="MW34" s="345">
        <v>0</v>
      </c>
      <c r="MX34" s="345">
        <v>0</v>
      </c>
      <c r="MY34" s="345">
        <v>296428</v>
      </c>
      <c r="MZ34" s="349">
        <v>296428</v>
      </c>
      <c r="NA34" s="354">
        <v>296428</v>
      </c>
      <c r="NB34" s="348">
        <v>0</v>
      </c>
      <c r="NC34" s="345">
        <v>0</v>
      </c>
      <c r="ND34" s="349">
        <v>0</v>
      </c>
      <c r="NE34" s="404">
        <v>0</v>
      </c>
      <c r="NF34" s="345">
        <v>0</v>
      </c>
      <c r="NG34" s="345">
        <v>0</v>
      </c>
      <c r="NH34" s="345">
        <v>0</v>
      </c>
      <c r="NI34" s="345">
        <v>0</v>
      </c>
      <c r="NJ34" s="345">
        <v>672084</v>
      </c>
      <c r="NK34" s="349">
        <v>672084</v>
      </c>
      <c r="NL34" s="347">
        <v>672084</v>
      </c>
      <c r="NM34" s="348">
        <v>0</v>
      </c>
      <c r="NN34" s="345">
        <v>0</v>
      </c>
      <c r="NO34" s="349">
        <v>0</v>
      </c>
      <c r="NP34" s="404">
        <v>0</v>
      </c>
      <c r="NQ34" s="345">
        <v>0</v>
      </c>
      <c r="NR34" s="345">
        <v>0</v>
      </c>
      <c r="NS34" s="345">
        <v>0</v>
      </c>
      <c r="NT34" s="345">
        <v>0</v>
      </c>
      <c r="NU34" s="345">
        <v>0</v>
      </c>
      <c r="NV34" s="349">
        <v>0</v>
      </c>
      <c r="NW34" s="350">
        <v>0</v>
      </c>
      <c r="NX34" s="348">
        <v>0</v>
      </c>
      <c r="NY34" s="345">
        <v>0</v>
      </c>
      <c r="NZ34" s="349">
        <v>0</v>
      </c>
      <c r="OA34" s="404">
        <v>0</v>
      </c>
      <c r="OB34" s="345">
        <v>0</v>
      </c>
      <c r="OC34" s="345">
        <v>0</v>
      </c>
      <c r="OD34" s="345">
        <v>0</v>
      </c>
      <c r="OE34" s="345">
        <v>0</v>
      </c>
      <c r="OF34" s="345">
        <v>0</v>
      </c>
      <c r="OG34" s="349">
        <v>0</v>
      </c>
      <c r="OH34" s="350">
        <v>0</v>
      </c>
      <c r="OI34" s="348">
        <v>117368</v>
      </c>
      <c r="OJ34" s="345">
        <v>0</v>
      </c>
      <c r="OK34" s="346">
        <v>117368</v>
      </c>
      <c r="OL34" s="351">
        <v>0</v>
      </c>
      <c r="OM34" s="345">
        <v>334686</v>
      </c>
      <c r="ON34" s="345">
        <v>585649</v>
      </c>
      <c r="OO34" s="345">
        <v>818375</v>
      </c>
      <c r="OP34" s="345">
        <v>887502</v>
      </c>
      <c r="OQ34" s="345">
        <v>1107926</v>
      </c>
      <c r="OR34" s="349">
        <v>3734138</v>
      </c>
      <c r="OS34" s="354">
        <v>3851506</v>
      </c>
    </row>
    <row r="35" spans="2:409" s="70" customFormat="1" ht="21" customHeight="1" x14ac:dyDescent="0.2">
      <c r="B35" s="410" t="s">
        <v>30</v>
      </c>
      <c r="C35" s="326">
        <v>53464</v>
      </c>
      <c r="D35" s="327">
        <v>104838</v>
      </c>
      <c r="E35" s="368">
        <v>158302</v>
      </c>
      <c r="F35" s="370">
        <v>0</v>
      </c>
      <c r="G35" s="369">
        <v>283000</v>
      </c>
      <c r="H35" s="369">
        <v>371733</v>
      </c>
      <c r="I35" s="369">
        <v>273780</v>
      </c>
      <c r="J35" s="369">
        <v>688184</v>
      </c>
      <c r="K35" s="369">
        <v>319536</v>
      </c>
      <c r="L35" s="370">
        <v>1936233</v>
      </c>
      <c r="M35" s="330">
        <v>2094535</v>
      </c>
      <c r="N35" s="326">
        <v>33400</v>
      </c>
      <c r="O35" s="327">
        <v>65312</v>
      </c>
      <c r="P35" s="328">
        <v>98712</v>
      </c>
      <c r="Q35" s="326">
        <v>0</v>
      </c>
      <c r="R35" s="327">
        <v>67446</v>
      </c>
      <c r="S35" s="327">
        <v>5472</v>
      </c>
      <c r="T35" s="327">
        <v>53799</v>
      </c>
      <c r="U35" s="327">
        <v>102648</v>
      </c>
      <c r="V35" s="327">
        <v>280040</v>
      </c>
      <c r="W35" s="328">
        <v>509405</v>
      </c>
      <c r="X35" s="330">
        <v>608117</v>
      </c>
      <c r="Y35" s="326">
        <v>0</v>
      </c>
      <c r="Z35" s="327">
        <v>0</v>
      </c>
      <c r="AA35" s="328">
        <v>0</v>
      </c>
      <c r="AB35" s="326">
        <v>0</v>
      </c>
      <c r="AC35" s="327">
        <v>29486</v>
      </c>
      <c r="AD35" s="327">
        <v>0</v>
      </c>
      <c r="AE35" s="327">
        <v>19799</v>
      </c>
      <c r="AF35" s="327">
        <v>14336</v>
      </c>
      <c r="AG35" s="327">
        <v>205104</v>
      </c>
      <c r="AH35" s="328">
        <v>268725</v>
      </c>
      <c r="AI35" s="330">
        <v>268725</v>
      </c>
      <c r="AJ35" s="326">
        <v>0</v>
      </c>
      <c r="AK35" s="327">
        <v>0</v>
      </c>
      <c r="AL35" s="328">
        <v>0</v>
      </c>
      <c r="AM35" s="326">
        <v>0</v>
      </c>
      <c r="AN35" s="327">
        <v>0</v>
      </c>
      <c r="AO35" s="327">
        <v>0</v>
      </c>
      <c r="AP35" s="327">
        <v>0</v>
      </c>
      <c r="AQ35" s="327">
        <v>0</v>
      </c>
      <c r="AR35" s="327">
        <v>0</v>
      </c>
      <c r="AS35" s="328">
        <v>0</v>
      </c>
      <c r="AT35" s="330">
        <v>0</v>
      </c>
      <c r="AU35" s="326">
        <v>18560</v>
      </c>
      <c r="AV35" s="327">
        <v>65312</v>
      </c>
      <c r="AW35" s="328">
        <v>83872</v>
      </c>
      <c r="AX35" s="326">
        <v>0</v>
      </c>
      <c r="AY35" s="327">
        <v>37960</v>
      </c>
      <c r="AZ35" s="327">
        <v>0</v>
      </c>
      <c r="BA35" s="327">
        <v>19648</v>
      </c>
      <c r="BB35" s="327">
        <v>83528</v>
      </c>
      <c r="BC35" s="327">
        <v>74936</v>
      </c>
      <c r="BD35" s="328">
        <v>216072</v>
      </c>
      <c r="BE35" s="330">
        <v>299944</v>
      </c>
      <c r="BF35" s="326">
        <v>14840</v>
      </c>
      <c r="BG35" s="327">
        <v>0</v>
      </c>
      <c r="BH35" s="331">
        <v>14840</v>
      </c>
      <c r="BI35" s="332">
        <v>0</v>
      </c>
      <c r="BJ35" s="327">
        <v>0</v>
      </c>
      <c r="BK35" s="327">
        <v>0</v>
      </c>
      <c r="BL35" s="327">
        <v>0</v>
      </c>
      <c r="BM35" s="327">
        <v>0</v>
      </c>
      <c r="BN35" s="327">
        <v>0</v>
      </c>
      <c r="BO35" s="328">
        <v>0</v>
      </c>
      <c r="BP35" s="330">
        <v>14840</v>
      </c>
      <c r="BQ35" s="326">
        <v>0</v>
      </c>
      <c r="BR35" s="327">
        <v>0</v>
      </c>
      <c r="BS35" s="328">
        <v>0</v>
      </c>
      <c r="BT35" s="326">
        <v>0</v>
      </c>
      <c r="BU35" s="327">
        <v>0</v>
      </c>
      <c r="BV35" s="327">
        <v>5472</v>
      </c>
      <c r="BW35" s="327">
        <v>14352</v>
      </c>
      <c r="BX35" s="327">
        <v>4784</v>
      </c>
      <c r="BY35" s="327">
        <v>0</v>
      </c>
      <c r="BZ35" s="328">
        <v>24608</v>
      </c>
      <c r="CA35" s="330">
        <v>24608</v>
      </c>
      <c r="CB35" s="326">
        <v>20064</v>
      </c>
      <c r="CC35" s="327">
        <v>39526</v>
      </c>
      <c r="CD35" s="328">
        <v>59590</v>
      </c>
      <c r="CE35" s="326">
        <v>0</v>
      </c>
      <c r="CF35" s="327">
        <v>146402</v>
      </c>
      <c r="CG35" s="327">
        <v>0</v>
      </c>
      <c r="CH35" s="327">
        <v>0</v>
      </c>
      <c r="CI35" s="327">
        <v>199488</v>
      </c>
      <c r="CJ35" s="327">
        <v>27416</v>
      </c>
      <c r="CK35" s="328">
        <v>373306</v>
      </c>
      <c r="CL35" s="330">
        <v>432896</v>
      </c>
      <c r="CM35" s="326">
        <v>0</v>
      </c>
      <c r="CN35" s="327">
        <v>0</v>
      </c>
      <c r="CO35" s="328">
        <v>0</v>
      </c>
      <c r="CP35" s="332">
        <v>0</v>
      </c>
      <c r="CQ35" s="327">
        <v>103273</v>
      </c>
      <c r="CR35" s="327">
        <v>0</v>
      </c>
      <c r="CS35" s="327">
        <v>0</v>
      </c>
      <c r="CT35" s="327">
        <v>199488</v>
      </c>
      <c r="CU35" s="327">
        <v>27416</v>
      </c>
      <c r="CV35" s="328">
        <v>330177</v>
      </c>
      <c r="CW35" s="330">
        <v>330177</v>
      </c>
      <c r="CX35" s="326">
        <v>20064</v>
      </c>
      <c r="CY35" s="327">
        <v>39526</v>
      </c>
      <c r="CZ35" s="328">
        <v>59590</v>
      </c>
      <c r="DA35" s="326">
        <v>0</v>
      </c>
      <c r="DB35" s="327">
        <v>43129</v>
      </c>
      <c r="DC35" s="327">
        <v>0</v>
      </c>
      <c r="DD35" s="327">
        <v>0</v>
      </c>
      <c r="DE35" s="327">
        <v>0</v>
      </c>
      <c r="DF35" s="327">
        <v>0</v>
      </c>
      <c r="DG35" s="328">
        <v>43129</v>
      </c>
      <c r="DH35" s="330">
        <v>102719</v>
      </c>
      <c r="DI35" s="326">
        <v>0</v>
      </c>
      <c r="DJ35" s="327">
        <v>0</v>
      </c>
      <c r="DK35" s="331">
        <v>0</v>
      </c>
      <c r="DL35" s="332">
        <v>0</v>
      </c>
      <c r="DM35" s="327">
        <v>54528</v>
      </c>
      <c r="DN35" s="327">
        <v>0</v>
      </c>
      <c r="DO35" s="327">
        <v>0</v>
      </c>
      <c r="DP35" s="327">
        <v>124800</v>
      </c>
      <c r="DQ35" s="327">
        <v>0</v>
      </c>
      <c r="DR35" s="328">
        <v>179328</v>
      </c>
      <c r="DS35" s="330">
        <v>179328</v>
      </c>
      <c r="DT35" s="326">
        <v>0</v>
      </c>
      <c r="DU35" s="327">
        <v>0</v>
      </c>
      <c r="DV35" s="328">
        <v>0</v>
      </c>
      <c r="DW35" s="326">
        <v>0</v>
      </c>
      <c r="DX35" s="327">
        <v>54528</v>
      </c>
      <c r="DY35" s="327">
        <v>0</v>
      </c>
      <c r="DZ35" s="327">
        <v>0</v>
      </c>
      <c r="EA35" s="327">
        <v>124800</v>
      </c>
      <c r="EB35" s="327">
        <v>0</v>
      </c>
      <c r="EC35" s="328">
        <v>179328</v>
      </c>
      <c r="ED35" s="330">
        <v>179328</v>
      </c>
      <c r="EE35" s="326">
        <v>0</v>
      </c>
      <c r="EF35" s="331">
        <v>0</v>
      </c>
      <c r="EG35" s="328">
        <v>0</v>
      </c>
      <c r="EH35" s="326">
        <v>0</v>
      </c>
      <c r="EI35" s="327">
        <v>0</v>
      </c>
      <c r="EJ35" s="327">
        <v>0</v>
      </c>
      <c r="EK35" s="327">
        <v>0</v>
      </c>
      <c r="EL35" s="327">
        <v>0</v>
      </c>
      <c r="EM35" s="327">
        <v>0</v>
      </c>
      <c r="EN35" s="331">
        <v>0</v>
      </c>
      <c r="EO35" s="330">
        <v>0</v>
      </c>
      <c r="EP35" s="326">
        <v>0</v>
      </c>
      <c r="EQ35" s="327">
        <v>0</v>
      </c>
      <c r="ER35" s="331">
        <v>0</v>
      </c>
      <c r="ES35" s="332">
        <v>0</v>
      </c>
      <c r="ET35" s="327">
        <v>0</v>
      </c>
      <c r="EU35" s="327">
        <v>0</v>
      </c>
      <c r="EV35" s="327">
        <v>0</v>
      </c>
      <c r="EW35" s="327">
        <v>0</v>
      </c>
      <c r="EX35" s="327">
        <v>0</v>
      </c>
      <c r="EY35" s="328">
        <v>0</v>
      </c>
      <c r="EZ35" s="330">
        <v>0</v>
      </c>
      <c r="FA35" s="326">
        <v>0</v>
      </c>
      <c r="FB35" s="327">
        <v>0</v>
      </c>
      <c r="FC35" s="331">
        <v>0</v>
      </c>
      <c r="FD35" s="332">
        <v>0</v>
      </c>
      <c r="FE35" s="327">
        <v>0</v>
      </c>
      <c r="FF35" s="327">
        <v>0</v>
      </c>
      <c r="FG35" s="327">
        <v>0</v>
      </c>
      <c r="FH35" s="327">
        <v>0</v>
      </c>
      <c r="FI35" s="327">
        <v>0</v>
      </c>
      <c r="FJ35" s="328">
        <v>0</v>
      </c>
      <c r="FK35" s="330">
        <v>0</v>
      </c>
      <c r="FL35" s="326">
        <v>0</v>
      </c>
      <c r="FM35" s="327">
        <v>0</v>
      </c>
      <c r="FN35" s="328">
        <v>0</v>
      </c>
      <c r="FO35" s="326">
        <v>0</v>
      </c>
      <c r="FP35" s="327">
        <v>14624</v>
      </c>
      <c r="FQ35" s="327">
        <v>8992</v>
      </c>
      <c r="FR35" s="327">
        <v>10400</v>
      </c>
      <c r="FS35" s="327">
        <v>49696</v>
      </c>
      <c r="FT35" s="327">
        <v>12080</v>
      </c>
      <c r="FU35" s="328">
        <v>95792</v>
      </c>
      <c r="FV35" s="330">
        <v>95792</v>
      </c>
      <c r="FW35" s="333">
        <v>0</v>
      </c>
      <c r="FX35" s="327">
        <v>0</v>
      </c>
      <c r="FY35" s="331">
        <v>0</v>
      </c>
      <c r="FZ35" s="332">
        <v>0</v>
      </c>
      <c r="GA35" s="327">
        <v>14624</v>
      </c>
      <c r="GB35" s="327">
        <v>8992</v>
      </c>
      <c r="GC35" s="327">
        <v>10400</v>
      </c>
      <c r="GD35" s="327">
        <v>49696</v>
      </c>
      <c r="GE35" s="327">
        <v>12080</v>
      </c>
      <c r="GF35" s="328">
        <v>95792</v>
      </c>
      <c r="GG35" s="334">
        <v>95792</v>
      </c>
      <c r="GH35" s="333">
        <v>0</v>
      </c>
      <c r="GI35" s="327">
        <v>0</v>
      </c>
      <c r="GJ35" s="331">
        <v>0</v>
      </c>
      <c r="GK35" s="332">
        <v>0</v>
      </c>
      <c r="GL35" s="327">
        <v>0</v>
      </c>
      <c r="GM35" s="327">
        <v>0</v>
      </c>
      <c r="GN35" s="327">
        <v>0</v>
      </c>
      <c r="GO35" s="327">
        <v>0</v>
      </c>
      <c r="GP35" s="327">
        <v>0</v>
      </c>
      <c r="GQ35" s="328">
        <v>0</v>
      </c>
      <c r="GR35" s="330">
        <v>0</v>
      </c>
      <c r="GS35" s="326">
        <v>0</v>
      </c>
      <c r="GT35" s="327">
        <v>0</v>
      </c>
      <c r="GU35" s="328">
        <v>0</v>
      </c>
      <c r="GV35" s="326">
        <v>0</v>
      </c>
      <c r="GW35" s="327">
        <v>0</v>
      </c>
      <c r="GX35" s="327">
        <v>0</v>
      </c>
      <c r="GY35" s="327">
        <v>0</v>
      </c>
      <c r="GZ35" s="327">
        <v>0</v>
      </c>
      <c r="HA35" s="327">
        <v>0</v>
      </c>
      <c r="HB35" s="331">
        <v>0</v>
      </c>
      <c r="HC35" s="330">
        <v>0</v>
      </c>
      <c r="HD35" s="326">
        <v>0</v>
      </c>
      <c r="HE35" s="327">
        <v>0</v>
      </c>
      <c r="HF35" s="331">
        <v>0</v>
      </c>
      <c r="HG35" s="332">
        <v>0</v>
      </c>
      <c r="HH35" s="327">
        <v>0</v>
      </c>
      <c r="HI35" s="327">
        <v>357269</v>
      </c>
      <c r="HJ35" s="327">
        <v>209581</v>
      </c>
      <c r="HK35" s="327">
        <v>211552</v>
      </c>
      <c r="HL35" s="327">
        <v>0</v>
      </c>
      <c r="HM35" s="328">
        <v>778402</v>
      </c>
      <c r="HN35" s="329">
        <v>778402</v>
      </c>
      <c r="HO35" s="333">
        <v>0</v>
      </c>
      <c r="HP35" s="327">
        <v>0</v>
      </c>
      <c r="HQ35" s="328">
        <v>0</v>
      </c>
      <c r="HR35" s="326">
        <v>0</v>
      </c>
      <c r="HS35" s="327">
        <v>0</v>
      </c>
      <c r="HT35" s="327">
        <v>0</v>
      </c>
      <c r="HU35" s="327">
        <v>0</v>
      </c>
      <c r="HV35" s="327">
        <v>0</v>
      </c>
      <c r="HW35" s="327">
        <v>0</v>
      </c>
      <c r="HX35" s="331">
        <v>0</v>
      </c>
      <c r="HY35" s="330">
        <v>0</v>
      </c>
      <c r="HZ35" s="335">
        <v>0</v>
      </c>
      <c r="IA35" s="336">
        <v>0</v>
      </c>
      <c r="IB35" s="337">
        <v>0</v>
      </c>
      <c r="IC35" s="338">
        <v>0</v>
      </c>
      <c r="ID35" s="336">
        <v>37912</v>
      </c>
      <c r="IE35" s="339">
        <v>0</v>
      </c>
      <c r="IF35" s="337">
        <v>0</v>
      </c>
      <c r="IG35" s="336">
        <v>0</v>
      </c>
      <c r="IH35" s="337">
        <v>0</v>
      </c>
      <c r="II35" s="340">
        <v>37912</v>
      </c>
      <c r="IJ35" s="341">
        <v>37912</v>
      </c>
      <c r="IK35" s="342">
        <v>0</v>
      </c>
      <c r="IL35" s="343">
        <v>0</v>
      </c>
      <c r="IM35" s="344">
        <v>0</v>
      </c>
      <c r="IN35" s="404">
        <v>0</v>
      </c>
      <c r="IO35" s="345">
        <v>0</v>
      </c>
      <c r="IP35" s="345">
        <v>0</v>
      </c>
      <c r="IQ35" s="345">
        <v>0</v>
      </c>
      <c r="IR35" s="345">
        <v>0</v>
      </c>
      <c r="IS35" s="345">
        <v>0</v>
      </c>
      <c r="IT35" s="346">
        <v>0</v>
      </c>
      <c r="IU35" s="347">
        <v>0</v>
      </c>
      <c r="IV35" s="348">
        <v>0</v>
      </c>
      <c r="IW35" s="345">
        <v>0</v>
      </c>
      <c r="IX35" s="349">
        <v>0</v>
      </c>
      <c r="IY35" s="404">
        <v>0</v>
      </c>
      <c r="IZ35" s="345">
        <v>0</v>
      </c>
      <c r="JA35" s="345">
        <v>0</v>
      </c>
      <c r="JB35" s="345">
        <v>0</v>
      </c>
      <c r="JC35" s="345">
        <v>0</v>
      </c>
      <c r="JD35" s="345">
        <v>0</v>
      </c>
      <c r="JE35" s="349">
        <v>0</v>
      </c>
      <c r="JF35" s="350">
        <v>0</v>
      </c>
      <c r="JG35" s="348">
        <v>0</v>
      </c>
      <c r="JH35" s="345">
        <v>0</v>
      </c>
      <c r="JI35" s="346">
        <v>0</v>
      </c>
      <c r="JJ35" s="351">
        <v>0</v>
      </c>
      <c r="JK35" s="345">
        <v>37912</v>
      </c>
      <c r="JL35" s="345">
        <v>0</v>
      </c>
      <c r="JM35" s="345">
        <v>0</v>
      </c>
      <c r="JN35" s="345">
        <v>0</v>
      </c>
      <c r="JO35" s="345">
        <v>0</v>
      </c>
      <c r="JP35" s="349">
        <v>37912</v>
      </c>
      <c r="JQ35" s="347">
        <v>37912</v>
      </c>
      <c r="JR35" s="348">
        <v>0</v>
      </c>
      <c r="JS35" s="345">
        <v>0</v>
      </c>
      <c r="JT35" s="346">
        <v>0</v>
      </c>
      <c r="JU35" s="351">
        <v>0</v>
      </c>
      <c r="JV35" s="345">
        <v>0</v>
      </c>
      <c r="JW35" s="345">
        <v>0</v>
      </c>
      <c r="JX35" s="345">
        <v>0</v>
      </c>
      <c r="JY35" s="345">
        <v>0</v>
      </c>
      <c r="JZ35" s="345">
        <v>0</v>
      </c>
      <c r="KA35" s="349">
        <v>0</v>
      </c>
      <c r="KB35" s="347">
        <v>0</v>
      </c>
      <c r="KC35" s="352">
        <v>0</v>
      </c>
      <c r="KD35" s="353">
        <v>0</v>
      </c>
      <c r="KE35" s="349">
        <v>0</v>
      </c>
      <c r="KF35" s="351">
        <v>0</v>
      </c>
      <c r="KG35" s="345">
        <v>0</v>
      </c>
      <c r="KH35" s="345">
        <v>0</v>
      </c>
      <c r="KI35" s="345">
        <v>0</v>
      </c>
      <c r="KJ35" s="345">
        <v>0</v>
      </c>
      <c r="KK35" s="345">
        <v>0</v>
      </c>
      <c r="KL35" s="349">
        <v>0</v>
      </c>
      <c r="KM35" s="354">
        <v>0</v>
      </c>
      <c r="KN35" s="342">
        <v>0</v>
      </c>
      <c r="KO35" s="343">
        <v>0</v>
      </c>
      <c r="KP35" s="344">
        <v>0</v>
      </c>
      <c r="KQ35" s="404">
        <v>0</v>
      </c>
      <c r="KR35" s="345">
        <v>0</v>
      </c>
      <c r="KS35" s="345">
        <v>0</v>
      </c>
      <c r="KT35" s="345">
        <v>0</v>
      </c>
      <c r="KU35" s="345">
        <v>0</v>
      </c>
      <c r="KV35" s="345">
        <v>0</v>
      </c>
      <c r="KW35" s="349">
        <v>0</v>
      </c>
      <c r="KX35" s="347">
        <v>0</v>
      </c>
      <c r="KY35" s="348">
        <v>0</v>
      </c>
      <c r="KZ35" s="345">
        <v>0</v>
      </c>
      <c r="LA35" s="349">
        <v>0</v>
      </c>
      <c r="LB35" s="404">
        <v>0</v>
      </c>
      <c r="LC35" s="345">
        <v>0</v>
      </c>
      <c r="LD35" s="345">
        <v>0</v>
      </c>
      <c r="LE35" s="345">
        <v>0</v>
      </c>
      <c r="LF35" s="345">
        <v>0</v>
      </c>
      <c r="LG35" s="345">
        <v>0</v>
      </c>
      <c r="LH35" s="349">
        <v>0</v>
      </c>
      <c r="LI35" s="350">
        <v>0</v>
      </c>
      <c r="LJ35" s="348">
        <v>0</v>
      </c>
      <c r="LK35" s="345">
        <v>0</v>
      </c>
      <c r="LL35" s="349">
        <v>0</v>
      </c>
      <c r="LM35" s="404">
        <v>0</v>
      </c>
      <c r="LN35" s="345">
        <v>0</v>
      </c>
      <c r="LO35" s="345">
        <v>0</v>
      </c>
      <c r="LP35" s="345">
        <v>0</v>
      </c>
      <c r="LQ35" s="345">
        <v>0</v>
      </c>
      <c r="LR35" s="345">
        <v>0</v>
      </c>
      <c r="LS35" s="349">
        <v>0</v>
      </c>
      <c r="LT35" s="347">
        <v>0</v>
      </c>
      <c r="LU35" s="348">
        <v>0</v>
      </c>
      <c r="LV35" s="345">
        <v>0</v>
      </c>
      <c r="LW35" s="349">
        <v>0</v>
      </c>
      <c r="LX35" s="404">
        <v>0</v>
      </c>
      <c r="LY35" s="345">
        <v>0</v>
      </c>
      <c r="LZ35" s="345">
        <v>0</v>
      </c>
      <c r="MA35" s="345">
        <v>0</v>
      </c>
      <c r="MB35" s="345">
        <v>0</v>
      </c>
      <c r="MC35" s="345">
        <v>0</v>
      </c>
      <c r="MD35" s="349">
        <v>0</v>
      </c>
      <c r="ME35" s="350">
        <v>0</v>
      </c>
      <c r="MF35" s="348">
        <v>0</v>
      </c>
      <c r="MG35" s="345">
        <v>0</v>
      </c>
      <c r="MH35" s="349">
        <v>0</v>
      </c>
      <c r="MI35" s="404">
        <v>0</v>
      </c>
      <c r="MJ35" s="345">
        <v>0</v>
      </c>
      <c r="MK35" s="345">
        <v>248293</v>
      </c>
      <c r="ML35" s="345">
        <v>442080</v>
      </c>
      <c r="MM35" s="345">
        <v>870829</v>
      </c>
      <c r="MN35" s="345">
        <v>272504</v>
      </c>
      <c r="MO35" s="349">
        <v>1833706</v>
      </c>
      <c r="MP35" s="354">
        <v>1833706</v>
      </c>
      <c r="MQ35" s="348">
        <v>0</v>
      </c>
      <c r="MR35" s="345">
        <v>0</v>
      </c>
      <c r="MS35" s="349">
        <v>0</v>
      </c>
      <c r="MT35" s="404">
        <v>0</v>
      </c>
      <c r="MU35" s="345">
        <v>0</v>
      </c>
      <c r="MV35" s="345">
        <v>0</v>
      </c>
      <c r="MW35" s="345">
        <v>253320</v>
      </c>
      <c r="MX35" s="345">
        <v>13464</v>
      </c>
      <c r="MY35" s="345">
        <v>272504</v>
      </c>
      <c r="MZ35" s="349">
        <v>539288</v>
      </c>
      <c r="NA35" s="354">
        <v>539288</v>
      </c>
      <c r="NB35" s="348">
        <v>0</v>
      </c>
      <c r="NC35" s="345">
        <v>0</v>
      </c>
      <c r="ND35" s="349">
        <v>0</v>
      </c>
      <c r="NE35" s="404">
        <v>0</v>
      </c>
      <c r="NF35" s="345">
        <v>0</v>
      </c>
      <c r="NG35" s="345">
        <v>248293</v>
      </c>
      <c r="NH35" s="345">
        <v>188760</v>
      </c>
      <c r="NI35" s="345">
        <v>857365</v>
      </c>
      <c r="NJ35" s="345">
        <v>0</v>
      </c>
      <c r="NK35" s="349">
        <v>1294418</v>
      </c>
      <c r="NL35" s="347">
        <v>1294418</v>
      </c>
      <c r="NM35" s="348">
        <v>0</v>
      </c>
      <c r="NN35" s="345">
        <v>0</v>
      </c>
      <c r="NO35" s="349">
        <v>0</v>
      </c>
      <c r="NP35" s="404">
        <v>0</v>
      </c>
      <c r="NQ35" s="345">
        <v>0</v>
      </c>
      <c r="NR35" s="345">
        <v>0</v>
      </c>
      <c r="NS35" s="345">
        <v>0</v>
      </c>
      <c r="NT35" s="345">
        <v>0</v>
      </c>
      <c r="NU35" s="345">
        <v>0</v>
      </c>
      <c r="NV35" s="349">
        <v>0</v>
      </c>
      <c r="NW35" s="350">
        <v>0</v>
      </c>
      <c r="NX35" s="348">
        <v>0</v>
      </c>
      <c r="NY35" s="345">
        <v>0</v>
      </c>
      <c r="NZ35" s="349">
        <v>0</v>
      </c>
      <c r="OA35" s="404">
        <v>0</v>
      </c>
      <c r="OB35" s="345">
        <v>0</v>
      </c>
      <c r="OC35" s="345">
        <v>0</v>
      </c>
      <c r="OD35" s="345">
        <v>0</v>
      </c>
      <c r="OE35" s="345">
        <v>0</v>
      </c>
      <c r="OF35" s="345">
        <v>0</v>
      </c>
      <c r="OG35" s="349">
        <v>0</v>
      </c>
      <c r="OH35" s="350">
        <v>0</v>
      </c>
      <c r="OI35" s="348">
        <v>53464</v>
      </c>
      <c r="OJ35" s="345">
        <v>104838</v>
      </c>
      <c r="OK35" s="346">
        <v>158302</v>
      </c>
      <c r="OL35" s="351">
        <v>0</v>
      </c>
      <c r="OM35" s="345">
        <v>320912</v>
      </c>
      <c r="ON35" s="345">
        <v>620026</v>
      </c>
      <c r="OO35" s="345">
        <v>715860</v>
      </c>
      <c r="OP35" s="345">
        <v>1559013</v>
      </c>
      <c r="OQ35" s="345">
        <v>592040</v>
      </c>
      <c r="OR35" s="349">
        <v>3807851</v>
      </c>
      <c r="OS35" s="354">
        <v>3966153</v>
      </c>
    </row>
    <row r="36" spans="2:409" s="70" customFormat="1" ht="21" customHeight="1" x14ac:dyDescent="0.2">
      <c r="B36" s="410" t="s">
        <v>31</v>
      </c>
      <c r="C36" s="326">
        <v>2400</v>
      </c>
      <c r="D36" s="327">
        <v>51568</v>
      </c>
      <c r="E36" s="328">
        <v>53968</v>
      </c>
      <c r="F36" s="329">
        <v>0</v>
      </c>
      <c r="G36" s="327">
        <v>278965</v>
      </c>
      <c r="H36" s="327">
        <v>326976</v>
      </c>
      <c r="I36" s="327">
        <v>359418</v>
      </c>
      <c r="J36" s="327">
        <v>71899</v>
      </c>
      <c r="K36" s="327">
        <v>16720</v>
      </c>
      <c r="L36" s="367">
        <v>1053978</v>
      </c>
      <c r="M36" s="330">
        <v>1107946</v>
      </c>
      <c r="N36" s="326">
        <v>0</v>
      </c>
      <c r="O36" s="327">
        <v>29368</v>
      </c>
      <c r="P36" s="328">
        <v>29368</v>
      </c>
      <c r="Q36" s="326">
        <v>0</v>
      </c>
      <c r="R36" s="327">
        <v>0</v>
      </c>
      <c r="S36" s="327">
        <v>135138</v>
      </c>
      <c r="T36" s="327">
        <v>251592</v>
      </c>
      <c r="U36" s="327">
        <v>26056</v>
      </c>
      <c r="V36" s="327">
        <v>16720</v>
      </c>
      <c r="W36" s="328">
        <v>429506</v>
      </c>
      <c r="X36" s="330">
        <v>458874</v>
      </c>
      <c r="Y36" s="326">
        <v>0</v>
      </c>
      <c r="Z36" s="327">
        <v>0</v>
      </c>
      <c r="AA36" s="328">
        <v>0</v>
      </c>
      <c r="AB36" s="326">
        <v>0</v>
      </c>
      <c r="AC36" s="327">
        <v>0</v>
      </c>
      <c r="AD36" s="327">
        <v>18944</v>
      </c>
      <c r="AE36" s="327">
        <v>192216</v>
      </c>
      <c r="AF36" s="327">
        <v>0</v>
      </c>
      <c r="AG36" s="327">
        <v>0</v>
      </c>
      <c r="AH36" s="328">
        <v>211160</v>
      </c>
      <c r="AI36" s="330">
        <v>211160</v>
      </c>
      <c r="AJ36" s="326">
        <v>0</v>
      </c>
      <c r="AK36" s="327">
        <v>0</v>
      </c>
      <c r="AL36" s="328">
        <v>0</v>
      </c>
      <c r="AM36" s="326">
        <v>0</v>
      </c>
      <c r="AN36" s="327">
        <v>0</v>
      </c>
      <c r="AO36" s="327">
        <v>58850</v>
      </c>
      <c r="AP36" s="327">
        <v>0</v>
      </c>
      <c r="AQ36" s="327">
        <v>0</v>
      </c>
      <c r="AR36" s="327">
        <v>0</v>
      </c>
      <c r="AS36" s="328">
        <v>58850</v>
      </c>
      <c r="AT36" s="330">
        <v>58850</v>
      </c>
      <c r="AU36" s="326">
        <v>0</v>
      </c>
      <c r="AV36" s="327">
        <v>29368</v>
      </c>
      <c r="AW36" s="328">
        <v>29368</v>
      </c>
      <c r="AX36" s="326">
        <v>0</v>
      </c>
      <c r="AY36" s="327">
        <v>0</v>
      </c>
      <c r="AZ36" s="327">
        <v>57344</v>
      </c>
      <c r="BA36" s="327">
        <v>59376</v>
      </c>
      <c r="BB36" s="327">
        <v>0</v>
      </c>
      <c r="BC36" s="327">
        <v>0</v>
      </c>
      <c r="BD36" s="328">
        <v>116720</v>
      </c>
      <c r="BE36" s="330">
        <v>146088</v>
      </c>
      <c r="BF36" s="326">
        <v>0</v>
      </c>
      <c r="BG36" s="327">
        <v>0</v>
      </c>
      <c r="BH36" s="331">
        <v>0</v>
      </c>
      <c r="BI36" s="332">
        <v>0</v>
      </c>
      <c r="BJ36" s="327">
        <v>0</v>
      </c>
      <c r="BK36" s="327">
        <v>0</v>
      </c>
      <c r="BL36" s="327">
        <v>0</v>
      </c>
      <c r="BM36" s="327">
        <v>0</v>
      </c>
      <c r="BN36" s="327">
        <v>0</v>
      </c>
      <c r="BO36" s="328">
        <v>0</v>
      </c>
      <c r="BP36" s="330">
        <v>0</v>
      </c>
      <c r="BQ36" s="326">
        <v>0</v>
      </c>
      <c r="BR36" s="327">
        <v>0</v>
      </c>
      <c r="BS36" s="328">
        <v>0</v>
      </c>
      <c r="BT36" s="326">
        <v>0</v>
      </c>
      <c r="BU36" s="327">
        <v>0</v>
      </c>
      <c r="BV36" s="327">
        <v>0</v>
      </c>
      <c r="BW36" s="327">
        <v>0</v>
      </c>
      <c r="BX36" s="327">
        <v>26056</v>
      </c>
      <c r="BY36" s="327">
        <v>16720</v>
      </c>
      <c r="BZ36" s="328">
        <v>42776</v>
      </c>
      <c r="CA36" s="330">
        <v>42776</v>
      </c>
      <c r="CB36" s="326">
        <v>0</v>
      </c>
      <c r="CC36" s="327">
        <v>0</v>
      </c>
      <c r="CD36" s="328">
        <v>0</v>
      </c>
      <c r="CE36" s="326">
        <v>0</v>
      </c>
      <c r="CF36" s="327">
        <v>251205</v>
      </c>
      <c r="CG36" s="327">
        <v>133878</v>
      </c>
      <c r="CH36" s="327">
        <v>72914</v>
      </c>
      <c r="CI36" s="327">
        <v>0</v>
      </c>
      <c r="CJ36" s="327">
        <v>0</v>
      </c>
      <c r="CK36" s="328">
        <v>457997</v>
      </c>
      <c r="CL36" s="330">
        <v>457997</v>
      </c>
      <c r="CM36" s="326">
        <v>0</v>
      </c>
      <c r="CN36" s="327">
        <v>0</v>
      </c>
      <c r="CO36" s="328">
        <v>0</v>
      </c>
      <c r="CP36" s="332">
        <v>0</v>
      </c>
      <c r="CQ36" s="327">
        <v>209672</v>
      </c>
      <c r="CR36" s="327">
        <v>44936</v>
      </c>
      <c r="CS36" s="327">
        <v>0</v>
      </c>
      <c r="CT36" s="327">
        <v>0</v>
      </c>
      <c r="CU36" s="327">
        <v>0</v>
      </c>
      <c r="CV36" s="328">
        <v>254608</v>
      </c>
      <c r="CW36" s="330">
        <v>254608</v>
      </c>
      <c r="CX36" s="326">
        <v>0</v>
      </c>
      <c r="CY36" s="327">
        <v>0</v>
      </c>
      <c r="CZ36" s="328">
        <v>0</v>
      </c>
      <c r="DA36" s="326">
        <v>0</v>
      </c>
      <c r="DB36" s="327">
        <v>41533</v>
      </c>
      <c r="DC36" s="327">
        <v>88942</v>
      </c>
      <c r="DD36" s="327">
        <v>72914</v>
      </c>
      <c r="DE36" s="327">
        <v>0</v>
      </c>
      <c r="DF36" s="327">
        <v>0</v>
      </c>
      <c r="DG36" s="328">
        <v>203389</v>
      </c>
      <c r="DH36" s="330">
        <v>203389</v>
      </c>
      <c r="DI36" s="326">
        <v>0</v>
      </c>
      <c r="DJ36" s="327">
        <v>0</v>
      </c>
      <c r="DK36" s="331">
        <v>0</v>
      </c>
      <c r="DL36" s="332">
        <v>0</v>
      </c>
      <c r="DM36" s="327">
        <v>0</v>
      </c>
      <c r="DN36" s="327">
        <v>0</v>
      </c>
      <c r="DO36" s="327">
        <v>0</v>
      </c>
      <c r="DP36" s="327">
        <v>27539</v>
      </c>
      <c r="DQ36" s="327">
        <v>0</v>
      </c>
      <c r="DR36" s="328">
        <v>27539</v>
      </c>
      <c r="DS36" s="330">
        <v>27539</v>
      </c>
      <c r="DT36" s="326">
        <v>0</v>
      </c>
      <c r="DU36" s="327">
        <v>0</v>
      </c>
      <c r="DV36" s="328">
        <v>0</v>
      </c>
      <c r="DW36" s="326">
        <v>0</v>
      </c>
      <c r="DX36" s="327">
        <v>0</v>
      </c>
      <c r="DY36" s="327">
        <v>0</v>
      </c>
      <c r="DZ36" s="327">
        <v>0</v>
      </c>
      <c r="EA36" s="327">
        <v>27539</v>
      </c>
      <c r="EB36" s="327">
        <v>0</v>
      </c>
      <c r="EC36" s="328">
        <v>27539</v>
      </c>
      <c r="ED36" s="330">
        <v>27539</v>
      </c>
      <c r="EE36" s="326">
        <v>0</v>
      </c>
      <c r="EF36" s="331">
        <v>0</v>
      </c>
      <c r="EG36" s="328">
        <v>0</v>
      </c>
      <c r="EH36" s="326">
        <v>0</v>
      </c>
      <c r="EI36" s="327">
        <v>0</v>
      </c>
      <c r="EJ36" s="327">
        <v>0</v>
      </c>
      <c r="EK36" s="327">
        <v>0</v>
      </c>
      <c r="EL36" s="327">
        <v>0</v>
      </c>
      <c r="EM36" s="327">
        <v>0</v>
      </c>
      <c r="EN36" s="331">
        <v>0</v>
      </c>
      <c r="EO36" s="330">
        <v>0</v>
      </c>
      <c r="EP36" s="326">
        <v>0</v>
      </c>
      <c r="EQ36" s="327">
        <v>0</v>
      </c>
      <c r="ER36" s="331">
        <v>0</v>
      </c>
      <c r="ES36" s="332">
        <v>0</v>
      </c>
      <c r="ET36" s="327">
        <v>0</v>
      </c>
      <c r="EU36" s="327">
        <v>0</v>
      </c>
      <c r="EV36" s="327">
        <v>0</v>
      </c>
      <c r="EW36" s="327">
        <v>0</v>
      </c>
      <c r="EX36" s="327">
        <v>0</v>
      </c>
      <c r="EY36" s="328">
        <v>0</v>
      </c>
      <c r="EZ36" s="330">
        <v>0</v>
      </c>
      <c r="FA36" s="326">
        <v>0</v>
      </c>
      <c r="FB36" s="327">
        <v>0</v>
      </c>
      <c r="FC36" s="331">
        <v>0</v>
      </c>
      <c r="FD36" s="332">
        <v>0</v>
      </c>
      <c r="FE36" s="327">
        <v>0</v>
      </c>
      <c r="FF36" s="327">
        <v>0</v>
      </c>
      <c r="FG36" s="327">
        <v>0</v>
      </c>
      <c r="FH36" s="327">
        <v>0</v>
      </c>
      <c r="FI36" s="327">
        <v>0</v>
      </c>
      <c r="FJ36" s="328">
        <v>0</v>
      </c>
      <c r="FK36" s="330">
        <v>0</v>
      </c>
      <c r="FL36" s="326">
        <v>2400</v>
      </c>
      <c r="FM36" s="327">
        <v>22200</v>
      </c>
      <c r="FN36" s="328">
        <v>24600</v>
      </c>
      <c r="FO36" s="326">
        <v>0</v>
      </c>
      <c r="FP36" s="327">
        <v>27760</v>
      </c>
      <c r="FQ36" s="327">
        <v>57960</v>
      </c>
      <c r="FR36" s="327">
        <v>34912</v>
      </c>
      <c r="FS36" s="327">
        <v>18304</v>
      </c>
      <c r="FT36" s="327">
        <v>0</v>
      </c>
      <c r="FU36" s="328">
        <v>138936</v>
      </c>
      <c r="FV36" s="330">
        <v>163536</v>
      </c>
      <c r="FW36" s="333">
        <v>2400</v>
      </c>
      <c r="FX36" s="327">
        <v>22200</v>
      </c>
      <c r="FY36" s="331">
        <v>24600</v>
      </c>
      <c r="FZ36" s="332">
        <v>0</v>
      </c>
      <c r="GA36" s="327">
        <v>18800</v>
      </c>
      <c r="GB36" s="327">
        <v>57960</v>
      </c>
      <c r="GC36" s="327">
        <v>34912</v>
      </c>
      <c r="GD36" s="327">
        <v>18304</v>
      </c>
      <c r="GE36" s="327">
        <v>0</v>
      </c>
      <c r="GF36" s="328">
        <v>129976</v>
      </c>
      <c r="GG36" s="334">
        <v>154576</v>
      </c>
      <c r="GH36" s="333">
        <v>0</v>
      </c>
      <c r="GI36" s="327">
        <v>0</v>
      </c>
      <c r="GJ36" s="331">
        <v>0</v>
      </c>
      <c r="GK36" s="332">
        <v>0</v>
      </c>
      <c r="GL36" s="327">
        <v>8960</v>
      </c>
      <c r="GM36" s="327">
        <v>0</v>
      </c>
      <c r="GN36" s="327">
        <v>0</v>
      </c>
      <c r="GO36" s="327">
        <v>0</v>
      </c>
      <c r="GP36" s="327">
        <v>0</v>
      </c>
      <c r="GQ36" s="328">
        <v>8960</v>
      </c>
      <c r="GR36" s="330">
        <v>8960</v>
      </c>
      <c r="GS36" s="326">
        <v>0</v>
      </c>
      <c r="GT36" s="327">
        <v>0</v>
      </c>
      <c r="GU36" s="328">
        <v>0</v>
      </c>
      <c r="GV36" s="326">
        <v>0</v>
      </c>
      <c r="GW36" s="327">
        <v>0</v>
      </c>
      <c r="GX36" s="327">
        <v>0</v>
      </c>
      <c r="GY36" s="327">
        <v>0</v>
      </c>
      <c r="GZ36" s="327">
        <v>0</v>
      </c>
      <c r="HA36" s="327">
        <v>0</v>
      </c>
      <c r="HB36" s="331">
        <v>0</v>
      </c>
      <c r="HC36" s="330">
        <v>0</v>
      </c>
      <c r="HD36" s="326">
        <v>0</v>
      </c>
      <c r="HE36" s="327">
        <v>0</v>
      </c>
      <c r="HF36" s="331">
        <v>0</v>
      </c>
      <c r="HG36" s="332">
        <v>0</v>
      </c>
      <c r="HH36" s="327">
        <v>0</v>
      </c>
      <c r="HI36" s="327">
        <v>0</v>
      </c>
      <c r="HJ36" s="327">
        <v>0</v>
      </c>
      <c r="HK36" s="327">
        <v>0</v>
      </c>
      <c r="HL36" s="327">
        <v>0</v>
      </c>
      <c r="HM36" s="328">
        <v>0</v>
      </c>
      <c r="HN36" s="329">
        <v>0</v>
      </c>
      <c r="HO36" s="333">
        <v>0</v>
      </c>
      <c r="HP36" s="327">
        <v>0</v>
      </c>
      <c r="HQ36" s="328">
        <v>0</v>
      </c>
      <c r="HR36" s="326">
        <v>0</v>
      </c>
      <c r="HS36" s="327">
        <v>0</v>
      </c>
      <c r="HT36" s="327">
        <v>0</v>
      </c>
      <c r="HU36" s="327">
        <v>0</v>
      </c>
      <c r="HV36" s="327">
        <v>0</v>
      </c>
      <c r="HW36" s="327">
        <v>0</v>
      </c>
      <c r="HX36" s="331">
        <v>0</v>
      </c>
      <c r="HY36" s="330">
        <v>0</v>
      </c>
      <c r="HZ36" s="358">
        <v>0</v>
      </c>
      <c r="IA36" s="356">
        <v>0</v>
      </c>
      <c r="IB36" s="358">
        <v>0</v>
      </c>
      <c r="IC36" s="355">
        <v>0</v>
      </c>
      <c r="ID36" s="356">
        <v>140207</v>
      </c>
      <c r="IE36" s="357">
        <v>537149</v>
      </c>
      <c r="IF36" s="358">
        <v>0</v>
      </c>
      <c r="IG36" s="356">
        <v>591809</v>
      </c>
      <c r="IH36" s="358">
        <v>258992</v>
      </c>
      <c r="II36" s="359">
        <v>1528157</v>
      </c>
      <c r="IJ36" s="358">
        <v>1528157</v>
      </c>
      <c r="IK36" s="342">
        <v>0</v>
      </c>
      <c r="IL36" s="343">
        <v>0</v>
      </c>
      <c r="IM36" s="344">
        <v>0</v>
      </c>
      <c r="IN36" s="404">
        <v>0</v>
      </c>
      <c r="IO36" s="345">
        <v>0</v>
      </c>
      <c r="IP36" s="345">
        <v>0</v>
      </c>
      <c r="IQ36" s="345">
        <v>0</v>
      </c>
      <c r="IR36" s="345">
        <v>0</v>
      </c>
      <c r="IS36" s="345">
        <v>0</v>
      </c>
      <c r="IT36" s="346">
        <v>0</v>
      </c>
      <c r="IU36" s="347">
        <v>0</v>
      </c>
      <c r="IV36" s="348">
        <v>0</v>
      </c>
      <c r="IW36" s="345">
        <v>0</v>
      </c>
      <c r="IX36" s="349">
        <v>0</v>
      </c>
      <c r="IY36" s="404">
        <v>0</v>
      </c>
      <c r="IZ36" s="345">
        <v>0</v>
      </c>
      <c r="JA36" s="345">
        <v>0</v>
      </c>
      <c r="JB36" s="345">
        <v>0</v>
      </c>
      <c r="JC36" s="345">
        <v>0</v>
      </c>
      <c r="JD36" s="345">
        <v>0</v>
      </c>
      <c r="JE36" s="349">
        <v>0</v>
      </c>
      <c r="JF36" s="350">
        <v>0</v>
      </c>
      <c r="JG36" s="348">
        <v>0</v>
      </c>
      <c r="JH36" s="345">
        <v>0</v>
      </c>
      <c r="JI36" s="346">
        <v>0</v>
      </c>
      <c r="JJ36" s="351">
        <v>0</v>
      </c>
      <c r="JK36" s="345">
        <v>0</v>
      </c>
      <c r="JL36" s="345">
        <v>18713</v>
      </c>
      <c r="JM36" s="345">
        <v>0</v>
      </c>
      <c r="JN36" s="345">
        <v>0</v>
      </c>
      <c r="JO36" s="345">
        <v>0</v>
      </c>
      <c r="JP36" s="349">
        <v>18713</v>
      </c>
      <c r="JQ36" s="347">
        <v>18713</v>
      </c>
      <c r="JR36" s="348">
        <v>0</v>
      </c>
      <c r="JS36" s="345">
        <v>0</v>
      </c>
      <c r="JT36" s="346">
        <v>0</v>
      </c>
      <c r="JU36" s="351">
        <v>0</v>
      </c>
      <c r="JV36" s="345">
        <v>0</v>
      </c>
      <c r="JW36" s="345">
        <v>0</v>
      </c>
      <c r="JX36" s="345">
        <v>0</v>
      </c>
      <c r="JY36" s="345">
        <v>199529</v>
      </c>
      <c r="JZ36" s="345">
        <v>0</v>
      </c>
      <c r="KA36" s="349">
        <v>199529</v>
      </c>
      <c r="KB36" s="347">
        <v>199529</v>
      </c>
      <c r="KC36" s="352">
        <v>0</v>
      </c>
      <c r="KD36" s="353">
        <v>0</v>
      </c>
      <c r="KE36" s="349">
        <v>0</v>
      </c>
      <c r="KF36" s="351">
        <v>0</v>
      </c>
      <c r="KG36" s="345">
        <v>140207</v>
      </c>
      <c r="KH36" s="345">
        <v>0</v>
      </c>
      <c r="KI36" s="345">
        <v>0</v>
      </c>
      <c r="KJ36" s="345">
        <v>0</v>
      </c>
      <c r="KK36" s="345">
        <v>0</v>
      </c>
      <c r="KL36" s="349">
        <v>140207</v>
      </c>
      <c r="KM36" s="354">
        <v>140207</v>
      </c>
      <c r="KN36" s="342">
        <v>0</v>
      </c>
      <c r="KO36" s="343">
        <v>0</v>
      </c>
      <c r="KP36" s="344">
        <v>0</v>
      </c>
      <c r="KQ36" s="404">
        <v>0</v>
      </c>
      <c r="KR36" s="345">
        <v>0</v>
      </c>
      <c r="KS36" s="345">
        <v>518436</v>
      </c>
      <c r="KT36" s="345">
        <v>0</v>
      </c>
      <c r="KU36" s="345">
        <v>242272</v>
      </c>
      <c r="KV36" s="345">
        <v>258992</v>
      </c>
      <c r="KW36" s="349">
        <v>1019700</v>
      </c>
      <c r="KX36" s="347">
        <v>1019700</v>
      </c>
      <c r="KY36" s="348">
        <v>0</v>
      </c>
      <c r="KZ36" s="345">
        <v>0</v>
      </c>
      <c r="LA36" s="349">
        <v>0</v>
      </c>
      <c r="LB36" s="404">
        <v>0</v>
      </c>
      <c r="LC36" s="345">
        <v>0</v>
      </c>
      <c r="LD36" s="345">
        <v>0</v>
      </c>
      <c r="LE36" s="345">
        <v>0</v>
      </c>
      <c r="LF36" s="345">
        <v>0</v>
      </c>
      <c r="LG36" s="345">
        <v>0</v>
      </c>
      <c r="LH36" s="349">
        <v>0</v>
      </c>
      <c r="LI36" s="350">
        <v>0</v>
      </c>
      <c r="LJ36" s="348">
        <v>0</v>
      </c>
      <c r="LK36" s="345">
        <v>0</v>
      </c>
      <c r="LL36" s="349">
        <v>0</v>
      </c>
      <c r="LM36" s="404">
        <v>0</v>
      </c>
      <c r="LN36" s="345">
        <v>0</v>
      </c>
      <c r="LO36" s="345">
        <v>0</v>
      </c>
      <c r="LP36" s="345">
        <v>0</v>
      </c>
      <c r="LQ36" s="345">
        <v>150008</v>
      </c>
      <c r="LR36" s="345">
        <v>0</v>
      </c>
      <c r="LS36" s="349">
        <v>150008</v>
      </c>
      <c r="LT36" s="347">
        <v>150008</v>
      </c>
      <c r="LU36" s="348">
        <v>0</v>
      </c>
      <c r="LV36" s="345">
        <v>0</v>
      </c>
      <c r="LW36" s="349">
        <v>0</v>
      </c>
      <c r="LX36" s="404">
        <v>0</v>
      </c>
      <c r="LY36" s="345">
        <v>0</v>
      </c>
      <c r="LZ36" s="345">
        <v>0</v>
      </c>
      <c r="MA36" s="345">
        <v>0</v>
      </c>
      <c r="MB36" s="345">
        <v>0</v>
      </c>
      <c r="MC36" s="345">
        <v>0</v>
      </c>
      <c r="MD36" s="349">
        <v>0</v>
      </c>
      <c r="ME36" s="350">
        <v>0</v>
      </c>
      <c r="MF36" s="348">
        <v>0</v>
      </c>
      <c r="MG36" s="345">
        <v>0</v>
      </c>
      <c r="MH36" s="349">
        <v>0</v>
      </c>
      <c r="MI36" s="404">
        <v>0</v>
      </c>
      <c r="MJ36" s="345">
        <v>0</v>
      </c>
      <c r="MK36" s="345">
        <v>0</v>
      </c>
      <c r="ML36" s="345">
        <v>582748</v>
      </c>
      <c r="MM36" s="345">
        <v>285464</v>
      </c>
      <c r="MN36" s="345">
        <v>0</v>
      </c>
      <c r="MO36" s="349">
        <v>868212</v>
      </c>
      <c r="MP36" s="354">
        <v>868212</v>
      </c>
      <c r="MQ36" s="348">
        <v>0</v>
      </c>
      <c r="MR36" s="345">
        <v>0</v>
      </c>
      <c r="MS36" s="349">
        <v>0</v>
      </c>
      <c r="MT36" s="404">
        <v>0</v>
      </c>
      <c r="MU36" s="345">
        <v>0</v>
      </c>
      <c r="MV36" s="345">
        <v>0</v>
      </c>
      <c r="MW36" s="345">
        <v>582748</v>
      </c>
      <c r="MX36" s="345">
        <v>285464</v>
      </c>
      <c r="MY36" s="345">
        <v>0</v>
      </c>
      <c r="MZ36" s="349">
        <v>868212</v>
      </c>
      <c r="NA36" s="354">
        <v>868212</v>
      </c>
      <c r="NB36" s="348">
        <v>0</v>
      </c>
      <c r="NC36" s="345">
        <v>0</v>
      </c>
      <c r="ND36" s="349">
        <v>0</v>
      </c>
      <c r="NE36" s="404">
        <v>0</v>
      </c>
      <c r="NF36" s="345">
        <v>0</v>
      </c>
      <c r="NG36" s="345">
        <v>0</v>
      </c>
      <c r="NH36" s="345">
        <v>0</v>
      </c>
      <c r="NI36" s="345">
        <v>0</v>
      </c>
      <c r="NJ36" s="345">
        <v>0</v>
      </c>
      <c r="NK36" s="349">
        <v>0</v>
      </c>
      <c r="NL36" s="347">
        <v>0</v>
      </c>
      <c r="NM36" s="348">
        <v>0</v>
      </c>
      <c r="NN36" s="345">
        <v>0</v>
      </c>
      <c r="NO36" s="349">
        <v>0</v>
      </c>
      <c r="NP36" s="404">
        <v>0</v>
      </c>
      <c r="NQ36" s="345">
        <v>0</v>
      </c>
      <c r="NR36" s="345">
        <v>0</v>
      </c>
      <c r="NS36" s="345">
        <v>0</v>
      </c>
      <c r="NT36" s="345">
        <v>0</v>
      </c>
      <c r="NU36" s="345">
        <v>0</v>
      </c>
      <c r="NV36" s="349">
        <v>0</v>
      </c>
      <c r="NW36" s="350">
        <v>0</v>
      </c>
      <c r="NX36" s="348">
        <v>0</v>
      </c>
      <c r="NY36" s="345">
        <v>0</v>
      </c>
      <c r="NZ36" s="349">
        <v>0</v>
      </c>
      <c r="OA36" s="404">
        <v>0</v>
      </c>
      <c r="OB36" s="345">
        <v>0</v>
      </c>
      <c r="OC36" s="345">
        <v>0</v>
      </c>
      <c r="OD36" s="345">
        <v>0</v>
      </c>
      <c r="OE36" s="345">
        <v>0</v>
      </c>
      <c r="OF36" s="345">
        <v>0</v>
      </c>
      <c r="OG36" s="349">
        <v>0</v>
      </c>
      <c r="OH36" s="350">
        <v>0</v>
      </c>
      <c r="OI36" s="348">
        <v>2400</v>
      </c>
      <c r="OJ36" s="345">
        <v>51568</v>
      </c>
      <c r="OK36" s="346">
        <v>53968</v>
      </c>
      <c r="OL36" s="351">
        <v>0</v>
      </c>
      <c r="OM36" s="345">
        <v>419172</v>
      </c>
      <c r="ON36" s="345">
        <v>864125</v>
      </c>
      <c r="OO36" s="345">
        <v>942166</v>
      </c>
      <c r="OP36" s="345">
        <v>949172</v>
      </c>
      <c r="OQ36" s="345">
        <v>275712</v>
      </c>
      <c r="OR36" s="349">
        <v>3450347</v>
      </c>
      <c r="OS36" s="354">
        <v>3504315</v>
      </c>
    </row>
    <row r="37" spans="2:409" s="70" customFormat="1" ht="21" customHeight="1" x14ac:dyDescent="0.2">
      <c r="B37" s="410" t="s">
        <v>32</v>
      </c>
      <c r="C37" s="326">
        <v>46240</v>
      </c>
      <c r="D37" s="327">
        <v>24800</v>
      </c>
      <c r="E37" s="368">
        <v>71040</v>
      </c>
      <c r="F37" s="370">
        <v>0</v>
      </c>
      <c r="G37" s="369">
        <v>592255</v>
      </c>
      <c r="H37" s="369">
        <v>1122386</v>
      </c>
      <c r="I37" s="369">
        <v>164824</v>
      </c>
      <c r="J37" s="369">
        <v>534712</v>
      </c>
      <c r="K37" s="369">
        <v>251934</v>
      </c>
      <c r="L37" s="370">
        <v>2666111</v>
      </c>
      <c r="M37" s="330">
        <v>2737151</v>
      </c>
      <c r="N37" s="326">
        <v>21424</v>
      </c>
      <c r="O37" s="327">
        <v>0</v>
      </c>
      <c r="P37" s="328">
        <v>21424</v>
      </c>
      <c r="Q37" s="326">
        <v>0</v>
      </c>
      <c r="R37" s="327">
        <v>231967</v>
      </c>
      <c r="S37" s="327">
        <v>451694</v>
      </c>
      <c r="T37" s="327">
        <v>90056</v>
      </c>
      <c r="U37" s="327">
        <v>50320</v>
      </c>
      <c r="V37" s="327">
        <v>229214</v>
      </c>
      <c r="W37" s="328">
        <v>1053251</v>
      </c>
      <c r="X37" s="330">
        <v>1074675</v>
      </c>
      <c r="Y37" s="326">
        <v>0</v>
      </c>
      <c r="Z37" s="327">
        <v>0</v>
      </c>
      <c r="AA37" s="328">
        <v>0</v>
      </c>
      <c r="AB37" s="326">
        <v>0</v>
      </c>
      <c r="AC37" s="327">
        <v>86911</v>
      </c>
      <c r="AD37" s="327">
        <v>275231</v>
      </c>
      <c r="AE37" s="327">
        <v>83160</v>
      </c>
      <c r="AF37" s="327">
        <v>0</v>
      </c>
      <c r="AG37" s="327">
        <v>146880</v>
      </c>
      <c r="AH37" s="328">
        <v>592182</v>
      </c>
      <c r="AI37" s="330">
        <v>592182</v>
      </c>
      <c r="AJ37" s="326">
        <v>0</v>
      </c>
      <c r="AK37" s="327">
        <v>0</v>
      </c>
      <c r="AL37" s="328">
        <v>0</v>
      </c>
      <c r="AM37" s="326">
        <v>0</v>
      </c>
      <c r="AN37" s="327">
        <v>0</v>
      </c>
      <c r="AO37" s="327">
        <v>0</v>
      </c>
      <c r="AP37" s="327">
        <v>0</v>
      </c>
      <c r="AQ37" s="327">
        <v>0</v>
      </c>
      <c r="AR37" s="327">
        <v>47422</v>
      </c>
      <c r="AS37" s="328">
        <v>47422</v>
      </c>
      <c r="AT37" s="330">
        <v>47422</v>
      </c>
      <c r="AU37" s="326">
        <v>21424</v>
      </c>
      <c r="AV37" s="327">
        <v>0</v>
      </c>
      <c r="AW37" s="328">
        <v>21424</v>
      </c>
      <c r="AX37" s="326">
        <v>0</v>
      </c>
      <c r="AY37" s="327">
        <v>77853</v>
      </c>
      <c r="AZ37" s="327">
        <v>138859</v>
      </c>
      <c r="BA37" s="327">
        <v>0</v>
      </c>
      <c r="BB37" s="327">
        <v>20768</v>
      </c>
      <c r="BC37" s="327">
        <v>34912</v>
      </c>
      <c r="BD37" s="328">
        <v>272392</v>
      </c>
      <c r="BE37" s="330">
        <v>293816</v>
      </c>
      <c r="BF37" s="326">
        <v>0</v>
      </c>
      <c r="BG37" s="327">
        <v>0</v>
      </c>
      <c r="BH37" s="331">
        <v>0</v>
      </c>
      <c r="BI37" s="332">
        <v>0</v>
      </c>
      <c r="BJ37" s="327">
        <v>62419</v>
      </c>
      <c r="BK37" s="327">
        <v>15604</v>
      </c>
      <c r="BL37" s="327">
        <v>0</v>
      </c>
      <c r="BM37" s="327">
        <v>0</v>
      </c>
      <c r="BN37" s="327">
        <v>0</v>
      </c>
      <c r="BO37" s="328">
        <v>78023</v>
      </c>
      <c r="BP37" s="330">
        <v>78023</v>
      </c>
      <c r="BQ37" s="326">
        <v>0</v>
      </c>
      <c r="BR37" s="327">
        <v>0</v>
      </c>
      <c r="BS37" s="328">
        <v>0</v>
      </c>
      <c r="BT37" s="326">
        <v>0</v>
      </c>
      <c r="BU37" s="327">
        <v>4784</v>
      </c>
      <c r="BV37" s="327">
        <v>22000</v>
      </c>
      <c r="BW37" s="327">
        <v>6896</v>
      </c>
      <c r="BX37" s="327">
        <v>29552</v>
      </c>
      <c r="BY37" s="327">
        <v>0</v>
      </c>
      <c r="BZ37" s="328">
        <v>63232</v>
      </c>
      <c r="CA37" s="330">
        <v>63232</v>
      </c>
      <c r="CB37" s="326">
        <v>20816</v>
      </c>
      <c r="CC37" s="327">
        <v>0</v>
      </c>
      <c r="CD37" s="328">
        <v>20816</v>
      </c>
      <c r="CE37" s="326">
        <v>0</v>
      </c>
      <c r="CF37" s="327">
        <v>152024</v>
      </c>
      <c r="CG37" s="327">
        <v>387572</v>
      </c>
      <c r="CH37" s="327">
        <v>39944</v>
      </c>
      <c r="CI37" s="327">
        <v>19144</v>
      </c>
      <c r="CJ37" s="327">
        <v>0</v>
      </c>
      <c r="CK37" s="328">
        <v>598684</v>
      </c>
      <c r="CL37" s="330">
        <v>619500</v>
      </c>
      <c r="CM37" s="326">
        <v>0</v>
      </c>
      <c r="CN37" s="327">
        <v>0</v>
      </c>
      <c r="CO37" s="328">
        <v>0</v>
      </c>
      <c r="CP37" s="332">
        <v>0</v>
      </c>
      <c r="CQ37" s="327">
        <v>152024</v>
      </c>
      <c r="CR37" s="327">
        <v>282866</v>
      </c>
      <c r="CS37" s="327">
        <v>39944</v>
      </c>
      <c r="CT37" s="327">
        <v>19144</v>
      </c>
      <c r="CU37" s="327">
        <v>0</v>
      </c>
      <c r="CV37" s="328">
        <v>493978</v>
      </c>
      <c r="CW37" s="330">
        <v>493978</v>
      </c>
      <c r="CX37" s="326">
        <v>20816</v>
      </c>
      <c r="CY37" s="327">
        <v>0</v>
      </c>
      <c r="CZ37" s="328">
        <v>20816</v>
      </c>
      <c r="DA37" s="326">
        <v>0</v>
      </c>
      <c r="DB37" s="327">
        <v>0</v>
      </c>
      <c r="DC37" s="327">
        <v>104706</v>
      </c>
      <c r="DD37" s="327">
        <v>0</v>
      </c>
      <c r="DE37" s="327">
        <v>0</v>
      </c>
      <c r="DF37" s="327">
        <v>0</v>
      </c>
      <c r="DG37" s="328">
        <v>104706</v>
      </c>
      <c r="DH37" s="330">
        <v>125522</v>
      </c>
      <c r="DI37" s="326">
        <v>0</v>
      </c>
      <c r="DJ37" s="327">
        <v>0</v>
      </c>
      <c r="DK37" s="331">
        <v>0</v>
      </c>
      <c r="DL37" s="332">
        <v>0</v>
      </c>
      <c r="DM37" s="327">
        <v>0</v>
      </c>
      <c r="DN37" s="327">
        <v>0</v>
      </c>
      <c r="DO37" s="327">
        <v>0</v>
      </c>
      <c r="DP37" s="327">
        <v>0</v>
      </c>
      <c r="DQ37" s="327">
        <v>0</v>
      </c>
      <c r="DR37" s="328">
        <v>0</v>
      </c>
      <c r="DS37" s="330">
        <v>0</v>
      </c>
      <c r="DT37" s="326">
        <v>0</v>
      </c>
      <c r="DU37" s="327">
        <v>0</v>
      </c>
      <c r="DV37" s="328">
        <v>0</v>
      </c>
      <c r="DW37" s="326">
        <v>0</v>
      </c>
      <c r="DX37" s="327">
        <v>0</v>
      </c>
      <c r="DY37" s="327">
        <v>0</v>
      </c>
      <c r="DZ37" s="327">
        <v>0</v>
      </c>
      <c r="EA37" s="327">
        <v>0</v>
      </c>
      <c r="EB37" s="327">
        <v>0</v>
      </c>
      <c r="EC37" s="328">
        <v>0</v>
      </c>
      <c r="ED37" s="330">
        <v>0</v>
      </c>
      <c r="EE37" s="326">
        <v>0</v>
      </c>
      <c r="EF37" s="331">
        <v>0</v>
      </c>
      <c r="EG37" s="328">
        <v>0</v>
      </c>
      <c r="EH37" s="326">
        <v>0</v>
      </c>
      <c r="EI37" s="327">
        <v>0</v>
      </c>
      <c r="EJ37" s="327">
        <v>0</v>
      </c>
      <c r="EK37" s="327">
        <v>0</v>
      </c>
      <c r="EL37" s="327">
        <v>0</v>
      </c>
      <c r="EM37" s="327">
        <v>0</v>
      </c>
      <c r="EN37" s="331">
        <v>0</v>
      </c>
      <c r="EO37" s="330">
        <v>0</v>
      </c>
      <c r="EP37" s="326">
        <v>0</v>
      </c>
      <c r="EQ37" s="327">
        <v>0</v>
      </c>
      <c r="ER37" s="331">
        <v>0</v>
      </c>
      <c r="ES37" s="332">
        <v>0</v>
      </c>
      <c r="ET37" s="327">
        <v>0</v>
      </c>
      <c r="EU37" s="327">
        <v>0</v>
      </c>
      <c r="EV37" s="327">
        <v>0</v>
      </c>
      <c r="EW37" s="327">
        <v>0</v>
      </c>
      <c r="EX37" s="327">
        <v>0</v>
      </c>
      <c r="EY37" s="328">
        <v>0</v>
      </c>
      <c r="EZ37" s="330">
        <v>0</v>
      </c>
      <c r="FA37" s="326">
        <v>0</v>
      </c>
      <c r="FB37" s="327">
        <v>0</v>
      </c>
      <c r="FC37" s="331">
        <v>0</v>
      </c>
      <c r="FD37" s="332">
        <v>0</v>
      </c>
      <c r="FE37" s="327">
        <v>0</v>
      </c>
      <c r="FF37" s="327">
        <v>0</v>
      </c>
      <c r="FG37" s="327">
        <v>0</v>
      </c>
      <c r="FH37" s="327">
        <v>0</v>
      </c>
      <c r="FI37" s="327">
        <v>0</v>
      </c>
      <c r="FJ37" s="328">
        <v>0</v>
      </c>
      <c r="FK37" s="330">
        <v>0</v>
      </c>
      <c r="FL37" s="326">
        <v>4000</v>
      </c>
      <c r="FM37" s="327">
        <v>24800</v>
      </c>
      <c r="FN37" s="328">
        <v>28800</v>
      </c>
      <c r="FO37" s="326">
        <v>0</v>
      </c>
      <c r="FP37" s="327">
        <v>52016</v>
      </c>
      <c r="FQ37" s="327">
        <v>108592</v>
      </c>
      <c r="FR37" s="327">
        <v>34824</v>
      </c>
      <c r="FS37" s="327">
        <v>19720</v>
      </c>
      <c r="FT37" s="327">
        <v>22720</v>
      </c>
      <c r="FU37" s="328">
        <v>237872</v>
      </c>
      <c r="FV37" s="330">
        <v>266672</v>
      </c>
      <c r="FW37" s="333">
        <v>4000</v>
      </c>
      <c r="FX37" s="327">
        <v>24800</v>
      </c>
      <c r="FY37" s="331">
        <v>28800</v>
      </c>
      <c r="FZ37" s="332">
        <v>0</v>
      </c>
      <c r="GA37" s="327">
        <v>29840</v>
      </c>
      <c r="GB37" s="327">
        <v>108592</v>
      </c>
      <c r="GC37" s="327">
        <v>34824</v>
      </c>
      <c r="GD37" s="327">
        <v>19720</v>
      </c>
      <c r="GE37" s="327">
        <v>22720</v>
      </c>
      <c r="GF37" s="328">
        <v>215696</v>
      </c>
      <c r="GG37" s="334">
        <v>244496</v>
      </c>
      <c r="GH37" s="333">
        <v>0</v>
      </c>
      <c r="GI37" s="327">
        <v>0</v>
      </c>
      <c r="GJ37" s="331">
        <v>0</v>
      </c>
      <c r="GK37" s="332">
        <v>0</v>
      </c>
      <c r="GL37" s="327">
        <v>22176</v>
      </c>
      <c r="GM37" s="327">
        <v>0</v>
      </c>
      <c r="GN37" s="327">
        <v>0</v>
      </c>
      <c r="GO37" s="327">
        <v>0</v>
      </c>
      <c r="GP37" s="327">
        <v>0</v>
      </c>
      <c r="GQ37" s="328">
        <v>22176</v>
      </c>
      <c r="GR37" s="330">
        <v>22176</v>
      </c>
      <c r="GS37" s="326">
        <v>0</v>
      </c>
      <c r="GT37" s="327">
        <v>0</v>
      </c>
      <c r="GU37" s="328">
        <v>0</v>
      </c>
      <c r="GV37" s="326">
        <v>0</v>
      </c>
      <c r="GW37" s="327">
        <v>0</v>
      </c>
      <c r="GX37" s="327">
        <v>0</v>
      </c>
      <c r="GY37" s="327">
        <v>0</v>
      </c>
      <c r="GZ37" s="327">
        <v>0</v>
      </c>
      <c r="HA37" s="327">
        <v>0</v>
      </c>
      <c r="HB37" s="331">
        <v>0</v>
      </c>
      <c r="HC37" s="330">
        <v>0</v>
      </c>
      <c r="HD37" s="326">
        <v>0</v>
      </c>
      <c r="HE37" s="327">
        <v>0</v>
      </c>
      <c r="HF37" s="331">
        <v>0</v>
      </c>
      <c r="HG37" s="332">
        <v>0</v>
      </c>
      <c r="HH37" s="327">
        <v>156248</v>
      </c>
      <c r="HI37" s="327">
        <v>174528</v>
      </c>
      <c r="HJ37" s="327">
        <v>0</v>
      </c>
      <c r="HK37" s="327">
        <v>445528</v>
      </c>
      <c r="HL37" s="327">
        <v>0</v>
      </c>
      <c r="HM37" s="328">
        <v>776304</v>
      </c>
      <c r="HN37" s="329">
        <v>776304</v>
      </c>
      <c r="HO37" s="333">
        <v>0</v>
      </c>
      <c r="HP37" s="327">
        <v>0</v>
      </c>
      <c r="HQ37" s="328">
        <v>0</v>
      </c>
      <c r="HR37" s="326">
        <v>0</v>
      </c>
      <c r="HS37" s="327">
        <v>0</v>
      </c>
      <c r="HT37" s="327">
        <v>0</v>
      </c>
      <c r="HU37" s="327">
        <v>0</v>
      </c>
      <c r="HV37" s="327">
        <v>0</v>
      </c>
      <c r="HW37" s="327">
        <v>0</v>
      </c>
      <c r="HX37" s="331">
        <v>0</v>
      </c>
      <c r="HY37" s="330">
        <v>0</v>
      </c>
      <c r="HZ37" s="335">
        <v>0</v>
      </c>
      <c r="IA37" s="336">
        <v>0</v>
      </c>
      <c r="IB37" s="337">
        <v>0</v>
      </c>
      <c r="IC37" s="338">
        <v>0</v>
      </c>
      <c r="ID37" s="336">
        <v>165104</v>
      </c>
      <c r="IE37" s="339">
        <v>167614</v>
      </c>
      <c r="IF37" s="337">
        <v>677952</v>
      </c>
      <c r="IG37" s="336">
        <v>376320</v>
      </c>
      <c r="IH37" s="337">
        <v>53344</v>
      </c>
      <c r="II37" s="340">
        <v>1440334</v>
      </c>
      <c r="IJ37" s="341">
        <v>1440334</v>
      </c>
      <c r="IK37" s="342">
        <v>0</v>
      </c>
      <c r="IL37" s="343">
        <v>0</v>
      </c>
      <c r="IM37" s="344">
        <v>0</v>
      </c>
      <c r="IN37" s="404">
        <v>0</v>
      </c>
      <c r="IO37" s="345">
        <v>0</v>
      </c>
      <c r="IP37" s="345">
        <v>0</v>
      </c>
      <c r="IQ37" s="345">
        <v>0</v>
      </c>
      <c r="IR37" s="345">
        <v>123616</v>
      </c>
      <c r="IS37" s="345">
        <v>0</v>
      </c>
      <c r="IT37" s="346">
        <v>123616</v>
      </c>
      <c r="IU37" s="347">
        <v>123616</v>
      </c>
      <c r="IV37" s="348">
        <v>0</v>
      </c>
      <c r="IW37" s="345">
        <v>0</v>
      </c>
      <c r="IX37" s="349">
        <v>0</v>
      </c>
      <c r="IY37" s="404">
        <v>0</v>
      </c>
      <c r="IZ37" s="345">
        <v>0</v>
      </c>
      <c r="JA37" s="345">
        <v>0</v>
      </c>
      <c r="JB37" s="345">
        <v>0</v>
      </c>
      <c r="JC37" s="345">
        <v>0</v>
      </c>
      <c r="JD37" s="345">
        <v>0</v>
      </c>
      <c r="JE37" s="349">
        <v>0</v>
      </c>
      <c r="JF37" s="350">
        <v>0</v>
      </c>
      <c r="JG37" s="348">
        <v>0</v>
      </c>
      <c r="JH37" s="345">
        <v>0</v>
      </c>
      <c r="JI37" s="346">
        <v>0</v>
      </c>
      <c r="JJ37" s="351">
        <v>0</v>
      </c>
      <c r="JK37" s="345">
        <v>165104</v>
      </c>
      <c r="JL37" s="345">
        <v>167614</v>
      </c>
      <c r="JM37" s="345">
        <v>0</v>
      </c>
      <c r="JN37" s="345">
        <v>0</v>
      </c>
      <c r="JO37" s="345">
        <v>53344</v>
      </c>
      <c r="JP37" s="349">
        <v>386062</v>
      </c>
      <c r="JQ37" s="347">
        <v>386062</v>
      </c>
      <c r="JR37" s="348">
        <v>0</v>
      </c>
      <c r="JS37" s="345">
        <v>0</v>
      </c>
      <c r="JT37" s="346">
        <v>0</v>
      </c>
      <c r="JU37" s="351">
        <v>0</v>
      </c>
      <c r="JV37" s="345">
        <v>0</v>
      </c>
      <c r="JW37" s="345">
        <v>0</v>
      </c>
      <c r="JX37" s="345">
        <v>0</v>
      </c>
      <c r="JY37" s="345">
        <v>0</v>
      </c>
      <c r="JZ37" s="345">
        <v>0</v>
      </c>
      <c r="KA37" s="349">
        <v>0</v>
      </c>
      <c r="KB37" s="347">
        <v>0</v>
      </c>
      <c r="KC37" s="352">
        <v>0</v>
      </c>
      <c r="KD37" s="353">
        <v>0</v>
      </c>
      <c r="KE37" s="349">
        <v>0</v>
      </c>
      <c r="KF37" s="351">
        <v>0</v>
      </c>
      <c r="KG37" s="345">
        <v>0</v>
      </c>
      <c r="KH37" s="345">
        <v>0</v>
      </c>
      <c r="KI37" s="345">
        <v>0</v>
      </c>
      <c r="KJ37" s="345">
        <v>0</v>
      </c>
      <c r="KK37" s="345">
        <v>0</v>
      </c>
      <c r="KL37" s="349">
        <v>0</v>
      </c>
      <c r="KM37" s="354">
        <v>0</v>
      </c>
      <c r="KN37" s="342">
        <v>0</v>
      </c>
      <c r="KO37" s="343">
        <v>0</v>
      </c>
      <c r="KP37" s="344">
        <v>0</v>
      </c>
      <c r="KQ37" s="404">
        <v>0</v>
      </c>
      <c r="KR37" s="345">
        <v>0</v>
      </c>
      <c r="KS37" s="345">
        <v>0</v>
      </c>
      <c r="KT37" s="345">
        <v>248032</v>
      </c>
      <c r="KU37" s="345">
        <v>252704</v>
      </c>
      <c r="KV37" s="345">
        <v>0</v>
      </c>
      <c r="KW37" s="349">
        <v>500736</v>
      </c>
      <c r="KX37" s="347">
        <v>500736</v>
      </c>
      <c r="KY37" s="348">
        <v>0</v>
      </c>
      <c r="KZ37" s="345">
        <v>0</v>
      </c>
      <c r="LA37" s="349">
        <v>0</v>
      </c>
      <c r="LB37" s="404">
        <v>0</v>
      </c>
      <c r="LC37" s="345">
        <v>0</v>
      </c>
      <c r="LD37" s="345">
        <v>0</v>
      </c>
      <c r="LE37" s="345">
        <v>0</v>
      </c>
      <c r="LF37" s="345">
        <v>0</v>
      </c>
      <c r="LG37" s="345">
        <v>0</v>
      </c>
      <c r="LH37" s="349">
        <v>0</v>
      </c>
      <c r="LI37" s="350">
        <v>0</v>
      </c>
      <c r="LJ37" s="348">
        <v>0</v>
      </c>
      <c r="LK37" s="345">
        <v>0</v>
      </c>
      <c r="LL37" s="349">
        <v>0</v>
      </c>
      <c r="LM37" s="404">
        <v>0</v>
      </c>
      <c r="LN37" s="345">
        <v>0</v>
      </c>
      <c r="LO37" s="345">
        <v>0</v>
      </c>
      <c r="LP37" s="345">
        <v>429920</v>
      </c>
      <c r="LQ37" s="345">
        <v>0</v>
      </c>
      <c r="LR37" s="345">
        <v>0</v>
      </c>
      <c r="LS37" s="349">
        <v>429920</v>
      </c>
      <c r="LT37" s="347">
        <v>429920</v>
      </c>
      <c r="LU37" s="348">
        <v>0</v>
      </c>
      <c r="LV37" s="345">
        <v>0</v>
      </c>
      <c r="LW37" s="349">
        <v>0</v>
      </c>
      <c r="LX37" s="404">
        <v>0</v>
      </c>
      <c r="LY37" s="345">
        <v>0</v>
      </c>
      <c r="LZ37" s="345">
        <v>0</v>
      </c>
      <c r="MA37" s="345">
        <v>0</v>
      </c>
      <c r="MB37" s="345">
        <v>0</v>
      </c>
      <c r="MC37" s="345">
        <v>0</v>
      </c>
      <c r="MD37" s="349">
        <v>0</v>
      </c>
      <c r="ME37" s="350">
        <v>0</v>
      </c>
      <c r="MF37" s="348">
        <v>0</v>
      </c>
      <c r="MG37" s="345">
        <v>0</v>
      </c>
      <c r="MH37" s="349">
        <v>0</v>
      </c>
      <c r="MI37" s="404">
        <v>0</v>
      </c>
      <c r="MJ37" s="345">
        <v>0</v>
      </c>
      <c r="MK37" s="345">
        <v>0</v>
      </c>
      <c r="ML37" s="345">
        <v>0</v>
      </c>
      <c r="MM37" s="345">
        <v>264560</v>
      </c>
      <c r="MN37" s="345">
        <v>0</v>
      </c>
      <c r="MO37" s="349">
        <v>264560</v>
      </c>
      <c r="MP37" s="354">
        <v>264560</v>
      </c>
      <c r="MQ37" s="348">
        <v>0</v>
      </c>
      <c r="MR37" s="345">
        <v>0</v>
      </c>
      <c r="MS37" s="349">
        <v>0</v>
      </c>
      <c r="MT37" s="404">
        <v>0</v>
      </c>
      <c r="MU37" s="345">
        <v>0</v>
      </c>
      <c r="MV37" s="345">
        <v>0</v>
      </c>
      <c r="MW37" s="345">
        <v>0</v>
      </c>
      <c r="MX37" s="345">
        <v>264560</v>
      </c>
      <c r="MY37" s="345">
        <v>0</v>
      </c>
      <c r="MZ37" s="349">
        <v>264560</v>
      </c>
      <c r="NA37" s="354">
        <v>264560</v>
      </c>
      <c r="NB37" s="348">
        <v>0</v>
      </c>
      <c r="NC37" s="345">
        <v>0</v>
      </c>
      <c r="ND37" s="349">
        <v>0</v>
      </c>
      <c r="NE37" s="404">
        <v>0</v>
      </c>
      <c r="NF37" s="345">
        <v>0</v>
      </c>
      <c r="NG37" s="345">
        <v>0</v>
      </c>
      <c r="NH37" s="345">
        <v>0</v>
      </c>
      <c r="NI37" s="345">
        <v>0</v>
      </c>
      <c r="NJ37" s="345">
        <v>0</v>
      </c>
      <c r="NK37" s="349">
        <v>0</v>
      </c>
      <c r="NL37" s="347">
        <v>0</v>
      </c>
      <c r="NM37" s="348">
        <v>0</v>
      </c>
      <c r="NN37" s="345">
        <v>0</v>
      </c>
      <c r="NO37" s="349">
        <v>0</v>
      </c>
      <c r="NP37" s="404">
        <v>0</v>
      </c>
      <c r="NQ37" s="345">
        <v>0</v>
      </c>
      <c r="NR37" s="345">
        <v>0</v>
      </c>
      <c r="NS37" s="345">
        <v>0</v>
      </c>
      <c r="NT37" s="345">
        <v>0</v>
      </c>
      <c r="NU37" s="345">
        <v>0</v>
      </c>
      <c r="NV37" s="349">
        <v>0</v>
      </c>
      <c r="NW37" s="350">
        <v>0</v>
      </c>
      <c r="NX37" s="348">
        <v>0</v>
      </c>
      <c r="NY37" s="345">
        <v>0</v>
      </c>
      <c r="NZ37" s="349">
        <v>0</v>
      </c>
      <c r="OA37" s="404">
        <v>0</v>
      </c>
      <c r="OB37" s="345">
        <v>0</v>
      </c>
      <c r="OC37" s="345">
        <v>0</v>
      </c>
      <c r="OD37" s="345">
        <v>0</v>
      </c>
      <c r="OE37" s="345">
        <v>0</v>
      </c>
      <c r="OF37" s="345">
        <v>0</v>
      </c>
      <c r="OG37" s="349">
        <v>0</v>
      </c>
      <c r="OH37" s="350">
        <v>0</v>
      </c>
      <c r="OI37" s="348">
        <v>46240</v>
      </c>
      <c r="OJ37" s="345">
        <v>24800</v>
      </c>
      <c r="OK37" s="346">
        <v>71040</v>
      </c>
      <c r="OL37" s="351">
        <v>0</v>
      </c>
      <c r="OM37" s="345">
        <v>757359</v>
      </c>
      <c r="ON37" s="345">
        <v>1290000</v>
      </c>
      <c r="OO37" s="345">
        <v>842776</v>
      </c>
      <c r="OP37" s="345">
        <v>1175592</v>
      </c>
      <c r="OQ37" s="345">
        <v>305278</v>
      </c>
      <c r="OR37" s="349">
        <v>4371005</v>
      </c>
      <c r="OS37" s="354">
        <v>4442045</v>
      </c>
    </row>
    <row r="38" spans="2:409" s="70" customFormat="1" ht="21" customHeight="1" x14ac:dyDescent="0.2">
      <c r="B38" s="410" t="s">
        <v>33</v>
      </c>
      <c r="C38" s="326">
        <v>64064</v>
      </c>
      <c r="D38" s="327">
        <v>22260</v>
      </c>
      <c r="E38" s="328">
        <v>86324</v>
      </c>
      <c r="F38" s="329">
        <v>0</v>
      </c>
      <c r="G38" s="327">
        <v>437708</v>
      </c>
      <c r="H38" s="327">
        <v>0</v>
      </c>
      <c r="I38" s="327">
        <v>143193</v>
      </c>
      <c r="J38" s="327">
        <v>0</v>
      </c>
      <c r="K38" s="327">
        <v>265760</v>
      </c>
      <c r="L38" s="367">
        <v>846661</v>
      </c>
      <c r="M38" s="330">
        <v>932985</v>
      </c>
      <c r="N38" s="326">
        <v>59360</v>
      </c>
      <c r="O38" s="327">
        <v>22260</v>
      </c>
      <c r="P38" s="328">
        <v>81620</v>
      </c>
      <c r="Q38" s="326">
        <v>0</v>
      </c>
      <c r="R38" s="327">
        <v>376379</v>
      </c>
      <c r="S38" s="327">
        <v>0</v>
      </c>
      <c r="T38" s="327">
        <v>143193</v>
      </c>
      <c r="U38" s="327">
        <v>0</v>
      </c>
      <c r="V38" s="327">
        <v>0</v>
      </c>
      <c r="W38" s="328">
        <v>519572</v>
      </c>
      <c r="X38" s="330">
        <v>601192</v>
      </c>
      <c r="Y38" s="326">
        <v>0</v>
      </c>
      <c r="Z38" s="327">
        <v>0</v>
      </c>
      <c r="AA38" s="328">
        <v>0</v>
      </c>
      <c r="AB38" s="326">
        <v>0</v>
      </c>
      <c r="AC38" s="327">
        <v>121377</v>
      </c>
      <c r="AD38" s="327">
        <v>0</v>
      </c>
      <c r="AE38" s="327">
        <v>48280</v>
      </c>
      <c r="AF38" s="327">
        <v>0</v>
      </c>
      <c r="AG38" s="327">
        <v>0</v>
      </c>
      <c r="AH38" s="328">
        <v>169657</v>
      </c>
      <c r="AI38" s="330">
        <v>169657</v>
      </c>
      <c r="AJ38" s="326">
        <v>0</v>
      </c>
      <c r="AK38" s="327">
        <v>0</v>
      </c>
      <c r="AL38" s="328">
        <v>0</v>
      </c>
      <c r="AM38" s="326">
        <v>0</v>
      </c>
      <c r="AN38" s="327">
        <v>0</v>
      </c>
      <c r="AO38" s="327">
        <v>0</v>
      </c>
      <c r="AP38" s="327">
        <v>0</v>
      </c>
      <c r="AQ38" s="327">
        <v>0</v>
      </c>
      <c r="AR38" s="327">
        <v>0</v>
      </c>
      <c r="AS38" s="328">
        <v>0</v>
      </c>
      <c r="AT38" s="330">
        <v>0</v>
      </c>
      <c r="AU38" s="326">
        <v>0</v>
      </c>
      <c r="AV38" s="327">
        <v>0</v>
      </c>
      <c r="AW38" s="328">
        <v>0</v>
      </c>
      <c r="AX38" s="326">
        <v>0</v>
      </c>
      <c r="AY38" s="327">
        <v>42276</v>
      </c>
      <c r="AZ38" s="327">
        <v>0</v>
      </c>
      <c r="BA38" s="327">
        <v>24136</v>
      </c>
      <c r="BB38" s="327">
        <v>0</v>
      </c>
      <c r="BC38" s="327">
        <v>0</v>
      </c>
      <c r="BD38" s="328">
        <v>66412</v>
      </c>
      <c r="BE38" s="330">
        <v>66412</v>
      </c>
      <c r="BF38" s="326">
        <v>59360</v>
      </c>
      <c r="BG38" s="327">
        <v>22260</v>
      </c>
      <c r="BH38" s="331">
        <v>81620</v>
      </c>
      <c r="BI38" s="332">
        <v>0</v>
      </c>
      <c r="BJ38" s="327">
        <v>199654</v>
      </c>
      <c r="BK38" s="327">
        <v>0</v>
      </c>
      <c r="BL38" s="327">
        <v>42249</v>
      </c>
      <c r="BM38" s="327">
        <v>0</v>
      </c>
      <c r="BN38" s="327">
        <v>0</v>
      </c>
      <c r="BO38" s="328">
        <v>241903</v>
      </c>
      <c r="BP38" s="330">
        <v>323523</v>
      </c>
      <c r="BQ38" s="326">
        <v>0</v>
      </c>
      <c r="BR38" s="327">
        <v>0</v>
      </c>
      <c r="BS38" s="328">
        <v>0</v>
      </c>
      <c r="BT38" s="326">
        <v>0</v>
      </c>
      <c r="BU38" s="327">
        <v>13072</v>
      </c>
      <c r="BV38" s="327">
        <v>0</v>
      </c>
      <c r="BW38" s="327">
        <v>28528</v>
      </c>
      <c r="BX38" s="327">
        <v>0</v>
      </c>
      <c r="BY38" s="327">
        <v>0</v>
      </c>
      <c r="BZ38" s="328">
        <v>41600</v>
      </c>
      <c r="CA38" s="330">
        <v>41600</v>
      </c>
      <c r="CB38" s="326">
        <v>0</v>
      </c>
      <c r="CC38" s="327">
        <v>0</v>
      </c>
      <c r="CD38" s="328">
        <v>0</v>
      </c>
      <c r="CE38" s="326">
        <v>0</v>
      </c>
      <c r="CF38" s="327">
        <v>20489</v>
      </c>
      <c r="CG38" s="327">
        <v>0</v>
      </c>
      <c r="CH38" s="327">
        <v>0</v>
      </c>
      <c r="CI38" s="327">
        <v>0</v>
      </c>
      <c r="CJ38" s="327">
        <v>0</v>
      </c>
      <c r="CK38" s="328">
        <v>20489</v>
      </c>
      <c r="CL38" s="330">
        <v>20489</v>
      </c>
      <c r="CM38" s="326">
        <v>0</v>
      </c>
      <c r="CN38" s="327">
        <v>0</v>
      </c>
      <c r="CO38" s="328">
        <v>0</v>
      </c>
      <c r="CP38" s="332">
        <v>0</v>
      </c>
      <c r="CQ38" s="327">
        <v>20489</v>
      </c>
      <c r="CR38" s="327">
        <v>0</v>
      </c>
      <c r="CS38" s="327">
        <v>0</v>
      </c>
      <c r="CT38" s="327">
        <v>0</v>
      </c>
      <c r="CU38" s="327">
        <v>0</v>
      </c>
      <c r="CV38" s="328">
        <v>20489</v>
      </c>
      <c r="CW38" s="330">
        <v>20489</v>
      </c>
      <c r="CX38" s="326">
        <v>0</v>
      </c>
      <c r="CY38" s="327">
        <v>0</v>
      </c>
      <c r="CZ38" s="328">
        <v>0</v>
      </c>
      <c r="DA38" s="326">
        <v>0</v>
      </c>
      <c r="DB38" s="327">
        <v>0</v>
      </c>
      <c r="DC38" s="327">
        <v>0</v>
      </c>
      <c r="DD38" s="327">
        <v>0</v>
      </c>
      <c r="DE38" s="327">
        <v>0</v>
      </c>
      <c r="DF38" s="327">
        <v>0</v>
      </c>
      <c r="DG38" s="328">
        <v>0</v>
      </c>
      <c r="DH38" s="330">
        <v>0</v>
      </c>
      <c r="DI38" s="326">
        <v>0</v>
      </c>
      <c r="DJ38" s="327">
        <v>0</v>
      </c>
      <c r="DK38" s="331">
        <v>0</v>
      </c>
      <c r="DL38" s="332">
        <v>0</v>
      </c>
      <c r="DM38" s="327">
        <v>0</v>
      </c>
      <c r="DN38" s="327">
        <v>0</v>
      </c>
      <c r="DO38" s="327">
        <v>0</v>
      </c>
      <c r="DP38" s="327">
        <v>0</v>
      </c>
      <c r="DQ38" s="327">
        <v>265760</v>
      </c>
      <c r="DR38" s="328">
        <v>265760</v>
      </c>
      <c r="DS38" s="330">
        <v>265760</v>
      </c>
      <c r="DT38" s="326">
        <v>0</v>
      </c>
      <c r="DU38" s="327">
        <v>0</v>
      </c>
      <c r="DV38" s="328">
        <v>0</v>
      </c>
      <c r="DW38" s="326">
        <v>0</v>
      </c>
      <c r="DX38" s="327">
        <v>0</v>
      </c>
      <c r="DY38" s="327">
        <v>0</v>
      </c>
      <c r="DZ38" s="327">
        <v>0</v>
      </c>
      <c r="EA38" s="327">
        <v>0</v>
      </c>
      <c r="EB38" s="327">
        <v>265760</v>
      </c>
      <c r="EC38" s="328">
        <v>265760</v>
      </c>
      <c r="ED38" s="330">
        <v>265760</v>
      </c>
      <c r="EE38" s="326">
        <v>0</v>
      </c>
      <c r="EF38" s="331">
        <v>0</v>
      </c>
      <c r="EG38" s="328">
        <v>0</v>
      </c>
      <c r="EH38" s="326">
        <v>0</v>
      </c>
      <c r="EI38" s="327">
        <v>0</v>
      </c>
      <c r="EJ38" s="327">
        <v>0</v>
      </c>
      <c r="EK38" s="327">
        <v>0</v>
      </c>
      <c r="EL38" s="327">
        <v>0</v>
      </c>
      <c r="EM38" s="327">
        <v>0</v>
      </c>
      <c r="EN38" s="331">
        <v>0</v>
      </c>
      <c r="EO38" s="330">
        <v>0</v>
      </c>
      <c r="EP38" s="326">
        <v>0</v>
      </c>
      <c r="EQ38" s="327">
        <v>0</v>
      </c>
      <c r="ER38" s="331">
        <v>0</v>
      </c>
      <c r="ES38" s="332">
        <v>0</v>
      </c>
      <c r="ET38" s="327">
        <v>0</v>
      </c>
      <c r="EU38" s="327">
        <v>0</v>
      </c>
      <c r="EV38" s="327">
        <v>0</v>
      </c>
      <c r="EW38" s="327">
        <v>0</v>
      </c>
      <c r="EX38" s="327">
        <v>0</v>
      </c>
      <c r="EY38" s="328">
        <v>0</v>
      </c>
      <c r="EZ38" s="330">
        <v>0</v>
      </c>
      <c r="FA38" s="326">
        <v>0</v>
      </c>
      <c r="FB38" s="327">
        <v>0</v>
      </c>
      <c r="FC38" s="331">
        <v>0</v>
      </c>
      <c r="FD38" s="332">
        <v>0</v>
      </c>
      <c r="FE38" s="327">
        <v>0</v>
      </c>
      <c r="FF38" s="327">
        <v>0</v>
      </c>
      <c r="FG38" s="327">
        <v>0</v>
      </c>
      <c r="FH38" s="327">
        <v>0</v>
      </c>
      <c r="FI38" s="327">
        <v>0</v>
      </c>
      <c r="FJ38" s="328">
        <v>0</v>
      </c>
      <c r="FK38" s="330">
        <v>0</v>
      </c>
      <c r="FL38" s="326">
        <v>4704</v>
      </c>
      <c r="FM38" s="327">
        <v>0</v>
      </c>
      <c r="FN38" s="328">
        <v>4704</v>
      </c>
      <c r="FO38" s="326">
        <v>0</v>
      </c>
      <c r="FP38" s="327">
        <v>40840</v>
      </c>
      <c r="FQ38" s="327">
        <v>0</v>
      </c>
      <c r="FR38" s="327">
        <v>0</v>
      </c>
      <c r="FS38" s="327">
        <v>0</v>
      </c>
      <c r="FT38" s="327">
        <v>0</v>
      </c>
      <c r="FU38" s="328">
        <v>40840</v>
      </c>
      <c r="FV38" s="330">
        <v>45544</v>
      </c>
      <c r="FW38" s="333">
        <v>4704</v>
      </c>
      <c r="FX38" s="327">
        <v>0</v>
      </c>
      <c r="FY38" s="331">
        <v>4704</v>
      </c>
      <c r="FZ38" s="332">
        <v>0</v>
      </c>
      <c r="GA38" s="327">
        <v>40840</v>
      </c>
      <c r="GB38" s="327">
        <v>0</v>
      </c>
      <c r="GC38" s="327">
        <v>0</v>
      </c>
      <c r="GD38" s="327">
        <v>0</v>
      </c>
      <c r="GE38" s="327">
        <v>0</v>
      </c>
      <c r="GF38" s="328">
        <v>40840</v>
      </c>
      <c r="GG38" s="334">
        <v>45544</v>
      </c>
      <c r="GH38" s="333">
        <v>0</v>
      </c>
      <c r="GI38" s="327">
        <v>0</v>
      </c>
      <c r="GJ38" s="331">
        <v>0</v>
      </c>
      <c r="GK38" s="332">
        <v>0</v>
      </c>
      <c r="GL38" s="327">
        <v>0</v>
      </c>
      <c r="GM38" s="327">
        <v>0</v>
      </c>
      <c r="GN38" s="327">
        <v>0</v>
      </c>
      <c r="GO38" s="327">
        <v>0</v>
      </c>
      <c r="GP38" s="327">
        <v>0</v>
      </c>
      <c r="GQ38" s="328">
        <v>0</v>
      </c>
      <c r="GR38" s="330">
        <v>0</v>
      </c>
      <c r="GS38" s="326">
        <v>0</v>
      </c>
      <c r="GT38" s="327">
        <v>0</v>
      </c>
      <c r="GU38" s="328">
        <v>0</v>
      </c>
      <c r="GV38" s="326">
        <v>0</v>
      </c>
      <c r="GW38" s="327">
        <v>0</v>
      </c>
      <c r="GX38" s="327">
        <v>0</v>
      </c>
      <c r="GY38" s="327">
        <v>0</v>
      </c>
      <c r="GZ38" s="327">
        <v>0</v>
      </c>
      <c r="HA38" s="327">
        <v>0</v>
      </c>
      <c r="HB38" s="331">
        <v>0</v>
      </c>
      <c r="HC38" s="330">
        <v>0</v>
      </c>
      <c r="HD38" s="326">
        <v>0</v>
      </c>
      <c r="HE38" s="327">
        <v>0</v>
      </c>
      <c r="HF38" s="331">
        <v>0</v>
      </c>
      <c r="HG38" s="332">
        <v>0</v>
      </c>
      <c r="HH38" s="327">
        <v>0</v>
      </c>
      <c r="HI38" s="327">
        <v>0</v>
      </c>
      <c r="HJ38" s="327">
        <v>0</v>
      </c>
      <c r="HK38" s="327">
        <v>0</v>
      </c>
      <c r="HL38" s="327">
        <v>0</v>
      </c>
      <c r="HM38" s="328">
        <v>0</v>
      </c>
      <c r="HN38" s="329">
        <v>0</v>
      </c>
      <c r="HO38" s="333">
        <v>0</v>
      </c>
      <c r="HP38" s="327">
        <v>0</v>
      </c>
      <c r="HQ38" s="328">
        <v>0</v>
      </c>
      <c r="HR38" s="326">
        <v>0</v>
      </c>
      <c r="HS38" s="327">
        <v>0</v>
      </c>
      <c r="HT38" s="327">
        <v>0</v>
      </c>
      <c r="HU38" s="327">
        <v>0</v>
      </c>
      <c r="HV38" s="327">
        <v>0</v>
      </c>
      <c r="HW38" s="327">
        <v>0</v>
      </c>
      <c r="HX38" s="331">
        <v>0</v>
      </c>
      <c r="HY38" s="330">
        <v>0</v>
      </c>
      <c r="HZ38" s="358">
        <v>0</v>
      </c>
      <c r="IA38" s="356">
        <v>0</v>
      </c>
      <c r="IB38" s="358">
        <v>0</v>
      </c>
      <c r="IC38" s="338">
        <v>0</v>
      </c>
      <c r="ID38" s="336">
        <v>133756</v>
      </c>
      <c r="IE38" s="339">
        <v>0</v>
      </c>
      <c r="IF38" s="337">
        <v>0</v>
      </c>
      <c r="IG38" s="336">
        <v>0</v>
      </c>
      <c r="IH38" s="337">
        <v>0</v>
      </c>
      <c r="II38" s="340">
        <v>133756</v>
      </c>
      <c r="IJ38" s="358">
        <v>133756</v>
      </c>
      <c r="IK38" s="342">
        <v>0</v>
      </c>
      <c r="IL38" s="343">
        <v>0</v>
      </c>
      <c r="IM38" s="344">
        <v>0</v>
      </c>
      <c r="IN38" s="404">
        <v>0</v>
      </c>
      <c r="IO38" s="345">
        <v>0</v>
      </c>
      <c r="IP38" s="345">
        <v>0</v>
      </c>
      <c r="IQ38" s="345">
        <v>0</v>
      </c>
      <c r="IR38" s="345">
        <v>0</v>
      </c>
      <c r="IS38" s="345">
        <v>0</v>
      </c>
      <c r="IT38" s="346">
        <v>0</v>
      </c>
      <c r="IU38" s="347">
        <v>0</v>
      </c>
      <c r="IV38" s="348">
        <v>0</v>
      </c>
      <c r="IW38" s="345">
        <v>0</v>
      </c>
      <c r="IX38" s="349">
        <v>0</v>
      </c>
      <c r="IY38" s="404">
        <v>0</v>
      </c>
      <c r="IZ38" s="345">
        <v>0</v>
      </c>
      <c r="JA38" s="345">
        <v>0</v>
      </c>
      <c r="JB38" s="345">
        <v>0</v>
      </c>
      <c r="JC38" s="345">
        <v>0</v>
      </c>
      <c r="JD38" s="345">
        <v>0</v>
      </c>
      <c r="JE38" s="349">
        <v>0</v>
      </c>
      <c r="JF38" s="350">
        <v>0</v>
      </c>
      <c r="JG38" s="348">
        <v>0</v>
      </c>
      <c r="JH38" s="345">
        <v>0</v>
      </c>
      <c r="JI38" s="346">
        <v>0</v>
      </c>
      <c r="JJ38" s="351">
        <v>0</v>
      </c>
      <c r="JK38" s="345">
        <v>133756</v>
      </c>
      <c r="JL38" s="345">
        <v>0</v>
      </c>
      <c r="JM38" s="345">
        <v>0</v>
      </c>
      <c r="JN38" s="345">
        <v>0</v>
      </c>
      <c r="JO38" s="345">
        <v>0</v>
      </c>
      <c r="JP38" s="349">
        <v>133756</v>
      </c>
      <c r="JQ38" s="347">
        <v>133756</v>
      </c>
      <c r="JR38" s="348">
        <v>0</v>
      </c>
      <c r="JS38" s="345">
        <v>0</v>
      </c>
      <c r="JT38" s="346">
        <v>0</v>
      </c>
      <c r="JU38" s="351">
        <v>0</v>
      </c>
      <c r="JV38" s="345">
        <v>0</v>
      </c>
      <c r="JW38" s="345">
        <v>0</v>
      </c>
      <c r="JX38" s="345">
        <v>0</v>
      </c>
      <c r="JY38" s="345">
        <v>0</v>
      </c>
      <c r="JZ38" s="345">
        <v>0</v>
      </c>
      <c r="KA38" s="349">
        <v>0</v>
      </c>
      <c r="KB38" s="347">
        <v>0</v>
      </c>
      <c r="KC38" s="352">
        <v>0</v>
      </c>
      <c r="KD38" s="353">
        <v>0</v>
      </c>
      <c r="KE38" s="349">
        <v>0</v>
      </c>
      <c r="KF38" s="351">
        <v>0</v>
      </c>
      <c r="KG38" s="345">
        <v>0</v>
      </c>
      <c r="KH38" s="345">
        <v>0</v>
      </c>
      <c r="KI38" s="345">
        <v>0</v>
      </c>
      <c r="KJ38" s="345">
        <v>0</v>
      </c>
      <c r="KK38" s="345">
        <v>0</v>
      </c>
      <c r="KL38" s="349">
        <v>0</v>
      </c>
      <c r="KM38" s="354">
        <v>0</v>
      </c>
      <c r="KN38" s="342">
        <v>0</v>
      </c>
      <c r="KO38" s="343">
        <v>0</v>
      </c>
      <c r="KP38" s="344">
        <v>0</v>
      </c>
      <c r="KQ38" s="404">
        <v>0</v>
      </c>
      <c r="KR38" s="345">
        <v>0</v>
      </c>
      <c r="KS38" s="345">
        <v>0</v>
      </c>
      <c r="KT38" s="345">
        <v>0</v>
      </c>
      <c r="KU38" s="345">
        <v>0</v>
      </c>
      <c r="KV38" s="345">
        <v>0</v>
      </c>
      <c r="KW38" s="349">
        <v>0</v>
      </c>
      <c r="KX38" s="347">
        <v>0</v>
      </c>
      <c r="KY38" s="348">
        <v>0</v>
      </c>
      <c r="KZ38" s="345">
        <v>0</v>
      </c>
      <c r="LA38" s="349">
        <v>0</v>
      </c>
      <c r="LB38" s="404">
        <v>0</v>
      </c>
      <c r="LC38" s="345">
        <v>0</v>
      </c>
      <c r="LD38" s="345">
        <v>0</v>
      </c>
      <c r="LE38" s="345">
        <v>0</v>
      </c>
      <c r="LF38" s="345">
        <v>0</v>
      </c>
      <c r="LG38" s="345">
        <v>0</v>
      </c>
      <c r="LH38" s="349">
        <v>0</v>
      </c>
      <c r="LI38" s="350">
        <v>0</v>
      </c>
      <c r="LJ38" s="348">
        <v>0</v>
      </c>
      <c r="LK38" s="345">
        <v>0</v>
      </c>
      <c r="LL38" s="349">
        <v>0</v>
      </c>
      <c r="LM38" s="404">
        <v>0</v>
      </c>
      <c r="LN38" s="345">
        <v>0</v>
      </c>
      <c r="LO38" s="345">
        <v>0</v>
      </c>
      <c r="LP38" s="345">
        <v>0</v>
      </c>
      <c r="LQ38" s="345">
        <v>0</v>
      </c>
      <c r="LR38" s="345">
        <v>0</v>
      </c>
      <c r="LS38" s="349">
        <v>0</v>
      </c>
      <c r="LT38" s="347">
        <v>0</v>
      </c>
      <c r="LU38" s="348">
        <v>0</v>
      </c>
      <c r="LV38" s="345">
        <v>0</v>
      </c>
      <c r="LW38" s="349">
        <v>0</v>
      </c>
      <c r="LX38" s="404">
        <v>0</v>
      </c>
      <c r="LY38" s="345">
        <v>0</v>
      </c>
      <c r="LZ38" s="345">
        <v>0</v>
      </c>
      <c r="MA38" s="345">
        <v>0</v>
      </c>
      <c r="MB38" s="345">
        <v>0</v>
      </c>
      <c r="MC38" s="345">
        <v>0</v>
      </c>
      <c r="MD38" s="349">
        <v>0</v>
      </c>
      <c r="ME38" s="350">
        <v>0</v>
      </c>
      <c r="MF38" s="348">
        <v>0</v>
      </c>
      <c r="MG38" s="345">
        <v>0</v>
      </c>
      <c r="MH38" s="349">
        <v>0</v>
      </c>
      <c r="MI38" s="404">
        <v>0</v>
      </c>
      <c r="MJ38" s="345">
        <v>0</v>
      </c>
      <c r="MK38" s="345">
        <v>0</v>
      </c>
      <c r="ML38" s="345">
        <v>70458</v>
      </c>
      <c r="MM38" s="345">
        <v>131932</v>
      </c>
      <c r="MN38" s="345">
        <v>0</v>
      </c>
      <c r="MO38" s="349">
        <v>202390</v>
      </c>
      <c r="MP38" s="354">
        <v>202390</v>
      </c>
      <c r="MQ38" s="348">
        <v>0</v>
      </c>
      <c r="MR38" s="345">
        <v>0</v>
      </c>
      <c r="MS38" s="349">
        <v>0</v>
      </c>
      <c r="MT38" s="404">
        <v>0</v>
      </c>
      <c r="MU38" s="345">
        <v>0</v>
      </c>
      <c r="MV38" s="345">
        <v>0</v>
      </c>
      <c r="MW38" s="345">
        <v>0</v>
      </c>
      <c r="MX38" s="345">
        <v>131932</v>
      </c>
      <c r="MY38" s="345">
        <v>0</v>
      </c>
      <c r="MZ38" s="349">
        <v>131932</v>
      </c>
      <c r="NA38" s="354">
        <v>131932</v>
      </c>
      <c r="NB38" s="348">
        <v>0</v>
      </c>
      <c r="NC38" s="345">
        <v>0</v>
      </c>
      <c r="ND38" s="349">
        <v>0</v>
      </c>
      <c r="NE38" s="404">
        <v>0</v>
      </c>
      <c r="NF38" s="345">
        <v>0</v>
      </c>
      <c r="NG38" s="345">
        <v>0</v>
      </c>
      <c r="NH38" s="345">
        <v>0</v>
      </c>
      <c r="NI38" s="345">
        <v>0</v>
      </c>
      <c r="NJ38" s="345">
        <v>0</v>
      </c>
      <c r="NK38" s="349">
        <v>0</v>
      </c>
      <c r="NL38" s="347">
        <v>0</v>
      </c>
      <c r="NM38" s="348">
        <v>0</v>
      </c>
      <c r="NN38" s="345">
        <v>0</v>
      </c>
      <c r="NO38" s="349">
        <v>0</v>
      </c>
      <c r="NP38" s="404">
        <v>0</v>
      </c>
      <c r="NQ38" s="345">
        <v>0</v>
      </c>
      <c r="NR38" s="345">
        <v>0</v>
      </c>
      <c r="NS38" s="345">
        <v>0</v>
      </c>
      <c r="NT38" s="345">
        <v>0</v>
      </c>
      <c r="NU38" s="345">
        <v>0</v>
      </c>
      <c r="NV38" s="349">
        <v>0</v>
      </c>
      <c r="NW38" s="350">
        <v>0</v>
      </c>
      <c r="NX38" s="348">
        <v>0</v>
      </c>
      <c r="NY38" s="345">
        <v>0</v>
      </c>
      <c r="NZ38" s="349">
        <v>0</v>
      </c>
      <c r="OA38" s="404">
        <v>0</v>
      </c>
      <c r="OB38" s="345">
        <v>0</v>
      </c>
      <c r="OC38" s="345">
        <v>0</v>
      </c>
      <c r="OD38" s="345">
        <v>70458</v>
      </c>
      <c r="OE38" s="345">
        <v>0</v>
      </c>
      <c r="OF38" s="345">
        <v>0</v>
      </c>
      <c r="OG38" s="349">
        <v>70458</v>
      </c>
      <c r="OH38" s="350">
        <v>70458</v>
      </c>
      <c r="OI38" s="348">
        <v>64064</v>
      </c>
      <c r="OJ38" s="345">
        <v>22260</v>
      </c>
      <c r="OK38" s="346">
        <v>86324</v>
      </c>
      <c r="OL38" s="351">
        <v>0</v>
      </c>
      <c r="OM38" s="345">
        <v>571464</v>
      </c>
      <c r="ON38" s="345">
        <v>0</v>
      </c>
      <c r="OO38" s="345">
        <v>213651</v>
      </c>
      <c r="OP38" s="345">
        <v>131932</v>
      </c>
      <c r="OQ38" s="345">
        <v>265760</v>
      </c>
      <c r="OR38" s="349">
        <v>1182807</v>
      </c>
      <c r="OS38" s="354">
        <v>1269131</v>
      </c>
    </row>
    <row r="39" spans="2:409" s="70" customFormat="1" ht="21" customHeight="1" x14ac:dyDescent="0.2">
      <c r="B39" s="410" t="s">
        <v>34</v>
      </c>
      <c r="C39" s="326">
        <v>0</v>
      </c>
      <c r="D39" s="327">
        <v>0</v>
      </c>
      <c r="E39" s="368">
        <v>0</v>
      </c>
      <c r="F39" s="370">
        <v>0</v>
      </c>
      <c r="G39" s="369">
        <v>42128</v>
      </c>
      <c r="H39" s="369">
        <v>423942</v>
      </c>
      <c r="I39" s="369">
        <v>50344</v>
      </c>
      <c r="J39" s="369">
        <v>79001</v>
      </c>
      <c r="K39" s="369">
        <v>396734</v>
      </c>
      <c r="L39" s="370">
        <v>992149</v>
      </c>
      <c r="M39" s="330">
        <v>992149</v>
      </c>
      <c r="N39" s="326">
        <v>0</v>
      </c>
      <c r="O39" s="327">
        <v>0</v>
      </c>
      <c r="P39" s="328">
        <v>0</v>
      </c>
      <c r="Q39" s="326">
        <v>0</v>
      </c>
      <c r="R39" s="327">
        <v>32928</v>
      </c>
      <c r="S39" s="327">
        <v>141286</v>
      </c>
      <c r="T39" s="327">
        <v>4784</v>
      </c>
      <c r="U39" s="327">
        <v>47161</v>
      </c>
      <c r="V39" s="327">
        <v>144520</v>
      </c>
      <c r="W39" s="328">
        <v>370679</v>
      </c>
      <c r="X39" s="330">
        <v>370679</v>
      </c>
      <c r="Y39" s="326">
        <v>0</v>
      </c>
      <c r="Z39" s="327">
        <v>0</v>
      </c>
      <c r="AA39" s="328">
        <v>0</v>
      </c>
      <c r="AB39" s="326">
        <v>0</v>
      </c>
      <c r="AC39" s="327">
        <v>0</v>
      </c>
      <c r="AD39" s="327">
        <v>0</v>
      </c>
      <c r="AE39" s="327">
        <v>0</v>
      </c>
      <c r="AF39" s="327">
        <v>42345</v>
      </c>
      <c r="AG39" s="327">
        <v>0</v>
      </c>
      <c r="AH39" s="328">
        <v>42345</v>
      </c>
      <c r="AI39" s="330">
        <v>42345</v>
      </c>
      <c r="AJ39" s="326">
        <v>0</v>
      </c>
      <c r="AK39" s="327">
        <v>0</v>
      </c>
      <c r="AL39" s="328">
        <v>0</v>
      </c>
      <c r="AM39" s="326">
        <v>0</v>
      </c>
      <c r="AN39" s="327">
        <v>0</v>
      </c>
      <c r="AO39" s="327">
        <v>0</v>
      </c>
      <c r="AP39" s="327">
        <v>0</v>
      </c>
      <c r="AQ39" s="327">
        <v>0</v>
      </c>
      <c r="AR39" s="327">
        <v>0</v>
      </c>
      <c r="AS39" s="328">
        <v>0</v>
      </c>
      <c r="AT39" s="330">
        <v>0</v>
      </c>
      <c r="AU39" s="326">
        <v>0</v>
      </c>
      <c r="AV39" s="327">
        <v>0</v>
      </c>
      <c r="AW39" s="328">
        <v>0</v>
      </c>
      <c r="AX39" s="326">
        <v>0</v>
      </c>
      <c r="AY39" s="327">
        <v>32928</v>
      </c>
      <c r="AZ39" s="327">
        <v>110870</v>
      </c>
      <c r="BA39" s="327">
        <v>0</v>
      </c>
      <c r="BB39" s="327">
        <v>0</v>
      </c>
      <c r="BC39" s="327">
        <v>72912</v>
      </c>
      <c r="BD39" s="328">
        <v>216710</v>
      </c>
      <c r="BE39" s="330">
        <v>216710</v>
      </c>
      <c r="BF39" s="326">
        <v>0</v>
      </c>
      <c r="BG39" s="327">
        <v>0</v>
      </c>
      <c r="BH39" s="331">
        <v>0</v>
      </c>
      <c r="BI39" s="332">
        <v>0</v>
      </c>
      <c r="BJ39" s="327">
        <v>0</v>
      </c>
      <c r="BK39" s="327">
        <v>0</v>
      </c>
      <c r="BL39" s="327">
        <v>0</v>
      </c>
      <c r="BM39" s="327">
        <v>0</v>
      </c>
      <c r="BN39" s="327">
        <v>45216</v>
      </c>
      <c r="BO39" s="328">
        <v>45216</v>
      </c>
      <c r="BP39" s="330">
        <v>45216</v>
      </c>
      <c r="BQ39" s="326">
        <v>0</v>
      </c>
      <c r="BR39" s="327">
        <v>0</v>
      </c>
      <c r="BS39" s="328">
        <v>0</v>
      </c>
      <c r="BT39" s="326">
        <v>0</v>
      </c>
      <c r="BU39" s="327">
        <v>0</v>
      </c>
      <c r="BV39" s="327">
        <v>30416</v>
      </c>
      <c r="BW39" s="327">
        <v>4784</v>
      </c>
      <c r="BX39" s="327">
        <v>4816</v>
      </c>
      <c r="BY39" s="327">
        <v>26392</v>
      </c>
      <c r="BZ39" s="328">
        <v>66408</v>
      </c>
      <c r="CA39" s="330">
        <v>66408</v>
      </c>
      <c r="CB39" s="326">
        <v>0</v>
      </c>
      <c r="CC39" s="327">
        <v>0</v>
      </c>
      <c r="CD39" s="328">
        <v>0</v>
      </c>
      <c r="CE39" s="326">
        <v>0</v>
      </c>
      <c r="CF39" s="327">
        <v>0</v>
      </c>
      <c r="CG39" s="327">
        <v>35880</v>
      </c>
      <c r="CH39" s="327">
        <v>33400</v>
      </c>
      <c r="CI39" s="327">
        <v>0</v>
      </c>
      <c r="CJ39" s="327">
        <v>0</v>
      </c>
      <c r="CK39" s="328">
        <v>69280</v>
      </c>
      <c r="CL39" s="330">
        <v>69280</v>
      </c>
      <c r="CM39" s="326">
        <v>0</v>
      </c>
      <c r="CN39" s="327">
        <v>0</v>
      </c>
      <c r="CO39" s="328">
        <v>0</v>
      </c>
      <c r="CP39" s="332">
        <v>0</v>
      </c>
      <c r="CQ39" s="327">
        <v>0</v>
      </c>
      <c r="CR39" s="327">
        <v>35880</v>
      </c>
      <c r="CS39" s="327">
        <v>33400</v>
      </c>
      <c r="CT39" s="327">
        <v>0</v>
      </c>
      <c r="CU39" s="327">
        <v>0</v>
      </c>
      <c r="CV39" s="328">
        <v>69280</v>
      </c>
      <c r="CW39" s="330">
        <v>69280</v>
      </c>
      <c r="CX39" s="326">
        <v>0</v>
      </c>
      <c r="CY39" s="327">
        <v>0</v>
      </c>
      <c r="CZ39" s="328">
        <v>0</v>
      </c>
      <c r="DA39" s="326">
        <v>0</v>
      </c>
      <c r="DB39" s="327">
        <v>0</v>
      </c>
      <c r="DC39" s="327">
        <v>0</v>
      </c>
      <c r="DD39" s="327">
        <v>0</v>
      </c>
      <c r="DE39" s="327">
        <v>0</v>
      </c>
      <c r="DF39" s="327">
        <v>0</v>
      </c>
      <c r="DG39" s="328">
        <v>0</v>
      </c>
      <c r="DH39" s="330">
        <v>0</v>
      </c>
      <c r="DI39" s="326">
        <v>0</v>
      </c>
      <c r="DJ39" s="327">
        <v>0</v>
      </c>
      <c r="DK39" s="331">
        <v>0</v>
      </c>
      <c r="DL39" s="332">
        <v>0</v>
      </c>
      <c r="DM39" s="327">
        <v>0</v>
      </c>
      <c r="DN39" s="327">
        <v>0</v>
      </c>
      <c r="DO39" s="327">
        <v>0</v>
      </c>
      <c r="DP39" s="327">
        <v>0</v>
      </c>
      <c r="DQ39" s="327">
        <v>0</v>
      </c>
      <c r="DR39" s="328">
        <v>0</v>
      </c>
      <c r="DS39" s="330">
        <v>0</v>
      </c>
      <c r="DT39" s="326">
        <v>0</v>
      </c>
      <c r="DU39" s="327">
        <v>0</v>
      </c>
      <c r="DV39" s="328">
        <v>0</v>
      </c>
      <c r="DW39" s="326">
        <v>0</v>
      </c>
      <c r="DX39" s="327">
        <v>0</v>
      </c>
      <c r="DY39" s="327">
        <v>0</v>
      </c>
      <c r="DZ39" s="327">
        <v>0</v>
      </c>
      <c r="EA39" s="327">
        <v>0</v>
      </c>
      <c r="EB39" s="327">
        <v>0</v>
      </c>
      <c r="EC39" s="328">
        <v>0</v>
      </c>
      <c r="ED39" s="330">
        <v>0</v>
      </c>
      <c r="EE39" s="326">
        <v>0</v>
      </c>
      <c r="EF39" s="331">
        <v>0</v>
      </c>
      <c r="EG39" s="328">
        <v>0</v>
      </c>
      <c r="EH39" s="326">
        <v>0</v>
      </c>
      <c r="EI39" s="327">
        <v>0</v>
      </c>
      <c r="EJ39" s="327">
        <v>0</v>
      </c>
      <c r="EK39" s="327">
        <v>0</v>
      </c>
      <c r="EL39" s="327">
        <v>0</v>
      </c>
      <c r="EM39" s="327">
        <v>0</v>
      </c>
      <c r="EN39" s="331">
        <v>0</v>
      </c>
      <c r="EO39" s="330">
        <v>0</v>
      </c>
      <c r="EP39" s="326">
        <v>0</v>
      </c>
      <c r="EQ39" s="327">
        <v>0</v>
      </c>
      <c r="ER39" s="331">
        <v>0</v>
      </c>
      <c r="ES39" s="332">
        <v>0</v>
      </c>
      <c r="ET39" s="327">
        <v>0</v>
      </c>
      <c r="EU39" s="327">
        <v>0</v>
      </c>
      <c r="EV39" s="327">
        <v>0</v>
      </c>
      <c r="EW39" s="327">
        <v>0</v>
      </c>
      <c r="EX39" s="327">
        <v>0</v>
      </c>
      <c r="EY39" s="328">
        <v>0</v>
      </c>
      <c r="EZ39" s="330">
        <v>0</v>
      </c>
      <c r="FA39" s="326">
        <v>0</v>
      </c>
      <c r="FB39" s="327">
        <v>0</v>
      </c>
      <c r="FC39" s="331">
        <v>0</v>
      </c>
      <c r="FD39" s="332">
        <v>0</v>
      </c>
      <c r="FE39" s="327">
        <v>0</v>
      </c>
      <c r="FF39" s="327">
        <v>0</v>
      </c>
      <c r="FG39" s="327">
        <v>0</v>
      </c>
      <c r="FH39" s="327">
        <v>0</v>
      </c>
      <c r="FI39" s="327">
        <v>0</v>
      </c>
      <c r="FJ39" s="328">
        <v>0</v>
      </c>
      <c r="FK39" s="330">
        <v>0</v>
      </c>
      <c r="FL39" s="326">
        <v>0</v>
      </c>
      <c r="FM39" s="327">
        <v>0</v>
      </c>
      <c r="FN39" s="328">
        <v>0</v>
      </c>
      <c r="FO39" s="326">
        <v>0</v>
      </c>
      <c r="FP39" s="327">
        <v>9200</v>
      </c>
      <c r="FQ39" s="327">
        <v>75968</v>
      </c>
      <c r="FR39" s="327">
        <v>12160</v>
      </c>
      <c r="FS39" s="327">
        <v>31840</v>
      </c>
      <c r="FT39" s="327">
        <v>15008</v>
      </c>
      <c r="FU39" s="328">
        <v>144176</v>
      </c>
      <c r="FV39" s="330">
        <v>144176</v>
      </c>
      <c r="FW39" s="333">
        <v>0</v>
      </c>
      <c r="FX39" s="327">
        <v>0</v>
      </c>
      <c r="FY39" s="331">
        <v>0</v>
      </c>
      <c r="FZ39" s="332">
        <v>0</v>
      </c>
      <c r="GA39" s="327">
        <v>9200</v>
      </c>
      <c r="GB39" s="327">
        <v>75968</v>
      </c>
      <c r="GC39" s="327">
        <v>12160</v>
      </c>
      <c r="GD39" s="327">
        <v>31840</v>
      </c>
      <c r="GE39" s="327">
        <v>15008</v>
      </c>
      <c r="GF39" s="328">
        <v>144176</v>
      </c>
      <c r="GG39" s="334">
        <v>144176</v>
      </c>
      <c r="GH39" s="333">
        <v>0</v>
      </c>
      <c r="GI39" s="327">
        <v>0</v>
      </c>
      <c r="GJ39" s="331">
        <v>0</v>
      </c>
      <c r="GK39" s="332">
        <v>0</v>
      </c>
      <c r="GL39" s="327">
        <v>0</v>
      </c>
      <c r="GM39" s="327">
        <v>0</v>
      </c>
      <c r="GN39" s="327">
        <v>0</v>
      </c>
      <c r="GO39" s="327">
        <v>0</v>
      </c>
      <c r="GP39" s="327">
        <v>0</v>
      </c>
      <c r="GQ39" s="328">
        <v>0</v>
      </c>
      <c r="GR39" s="330">
        <v>0</v>
      </c>
      <c r="GS39" s="326">
        <v>0</v>
      </c>
      <c r="GT39" s="327">
        <v>0</v>
      </c>
      <c r="GU39" s="328">
        <v>0</v>
      </c>
      <c r="GV39" s="326">
        <v>0</v>
      </c>
      <c r="GW39" s="327">
        <v>0</v>
      </c>
      <c r="GX39" s="327">
        <v>0</v>
      </c>
      <c r="GY39" s="327">
        <v>0</v>
      </c>
      <c r="GZ39" s="327">
        <v>0</v>
      </c>
      <c r="HA39" s="327">
        <v>0</v>
      </c>
      <c r="HB39" s="331">
        <v>0</v>
      </c>
      <c r="HC39" s="330">
        <v>0</v>
      </c>
      <c r="HD39" s="326">
        <v>0</v>
      </c>
      <c r="HE39" s="327">
        <v>0</v>
      </c>
      <c r="HF39" s="331">
        <v>0</v>
      </c>
      <c r="HG39" s="332">
        <v>0</v>
      </c>
      <c r="HH39" s="327">
        <v>0</v>
      </c>
      <c r="HI39" s="327">
        <v>170808</v>
      </c>
      <c r="HJ39" s="327">
        <v>0</v>
      </c>
      <c r="HK39" s="327">
        <v>0</v>
      </c>
      <c r="HL39" s="327">
        <v>237206</v>
      </c>
      <c r="HM39" s="328">
        <v>408014</v>
      </c>
      <c r="HN39" s="329">
        <v>408014</v>
      </c>
      <c r="HO39" s="333">
        <v>0</v>
      </c>
      <c r="HP39" s="327">
        <v>0</v>
      </c>
      <c r="HQ39" s="328">
        <v>0</v>
      </c>
      <c r="HR39" s="326">
        <v>0</v>
      </c>
      <c r="HS39" s="327">
        <v>0</v>
      </c>
      <c r="HT39" s="327">
        <v>0</v>
      </c>
      <c r="HU39" s="327">
        <v>0</v>
      </c>
      <c r="HV39" s="327">
        <v>0</v>
      </c>
      <c r="HW39" s="327">
        <v>0</v>
      </c>
      <c r="HX39" s="331">
        <v>0</v>
      </c>
      <c r="HY39" s="330">
        <v>0</v>
      </c>
      <c r="HZ39" s="335">
        <v>0</v>
      </c>
      <c r="IA39" s="336">
        <v>0</v>
      </c>
      <c r="IB39" s="337">
        <v>0</v>
      </c>
      <c r="IC39" s="338">
        <v>0</v>
      </c>
      <c r="ID39" s="336">
        <v>95880</v>
      </c>
      <c r="IE39" s="339">
        <v>126472</v>
      </c>
      <c r="IF39" s="337">
        <v>0</v>
      </c>
      <c r="IG39" s="336">
        <v>0</v>
      </c>
      <c r="IH39" s="337">
        <v>0</v>
      </c>
      <c r="II39" s="340">
        <v>222352</v>
      </c>
      <c r="IJ39" s="341">
        <v>222352</v>
      </c>
      <c r="IK39" s="342">
        <v>0</v>
      </c>
      <c r="IL39" s="343">
        <v>0</v>
      </c>
      <c r="IM39" s="344">
        <v>0</v>
      </c>
      <c r="IN39" s="404">
        <v>0</v>
      </c>
      <c r="IO39" s="345">
        <v>0</v>
      </c>
      <c r="IP39" s="345">
        <v>0</v>
      </c>
      <c r="IQ39" s="345">
        <v>0</v>
      </c>
      <c r="IR39" s="345">
        <v>0</v>
      </c>
      <c r="IS39" s="345">
        <v>0</v>
      </c>
      <c r="IT39" s="346">
        <v>0</v>
      </c>
      <c r="IU39" s="347">
        <v>0</v>
      </c>
      <c r="IV39" s="348">
        <v>0</v>
      </c>
      <c r="IW39" s="345">
        <v>0</v>
      </c>
      <c r="IX39" s="349">
        <v>0</v>
      </c>
      <c r="IY39" s="404">
        <v>0</v>
      </c>
      <c r="IZ39" s="345">
        <v>0</v>
      </c>
      <c r="JA39" s="345">
        <v>0</v>
      </c>
      <c r="JB39" s="345">
        <v>0</v>
      </c>
      <c r="JC39" s="345">
        <v>0</v>
      </c>
      <c r="JD39" s="345">
        <v>0</v>
      </c>
      <c r="JE39" s="349">
        <v>0</v>
      </c>
      <c r="JF39" s="350">
        <v>0</v>
      </c>
      <c r="JG39" s="348">
        <v>0</v>
      </c>
      <c r="JH39" s="345">
        <v>0</v>
      </c>
      <c r="JI39" s="346">
        <v>0</v>
      </c>
      <c r="JJ39" s="351">
        <v>0</v>
      </c>
      <c r="JK39" s="345">
        <v>95880</v>
      </c>
      <c r="JL39" s="345">
        <v>126472</v>
      </c>
      <c r="JM39" s="345">
        <v>0</v>
      </c>
      <c r="JN39" s="345">
        <v>0</v>
      </c>
      <c r="JO39" s="345">
        <v>0</v>
      </c>
      <c r="JP39" s="349">
        <v>222352</v>
      </c>
      <c r="JQ39" s="347">
        <v>222352</v>
      </c>
      <c r="JR39" s="348">
        <v>0</v>
      </c>
      <c r="JS39" s="345">
        <v>0</v>
      </c>
      <c r="JT39" s="346">
        <v>0</v>
      </c>
      <c r="JU39" s="351">
        <v>0</v>
      </c>
      <c r="JV39" s="345">
        <v>0</v>
      </c>
      <c r="JW39" s="345">
        <v>0</v>
      </c>
      <c r="JX39" s="345">
        <v>0</v>
      </c>
      <c r="JY39" s="345">
        <v>0</v>
      </c>
      <c r="JZ39" s="345">
        <v>0</v>
      </c>
      <c r="KA39" s="349">
        <v>0</v>
      </c>
      <c r="KB39" s="347">
        <v>0</v>
      </c>
      <c r="KC39" s="352">
        <v>0</v>
      </c>
      <c r="KD39" s="353">
        <v>0</v>
      </c>
      <c r="KE39" s="349">
        <v>0</v>
      </c>
      <c r="KF39" s="351">
        <v>0</v>
      </c>
      <c r="KG39" s="345">
        <v>0</v>
      </c>
      <c r="KH39" s="345">
        <v>0</v>
      </c>
      <c r="KI39" s="345">
        <v>0</v>
      </c>
      <c r="KJ39" s="345">
        <v>0</v>
      </c>
      <c r="KK39" s="345">
        <v>0</v>
      </c>
      <c r="KL39" s="349">
        <v>0</v>
      </c>
      <c r="KM39" s="354">
        <v>0</v>
      </c>
      <c r="KN39" s="342">
        <v>0</v>
      </c>
      <c r="KO39" s="343">
        <v>0</v>
      </c>
      <c r="KP39" s="344">
        <v>0</v>
      </c>
      <c r="KQ39" s="404">
        <v>0</v>
      </c>
      <c r="KR39" s="345">
        <v>0</v>
      </c>
      <c r="KS39" s="345">
        <v>0</v>
      </c>
      <c r="KT39" s="345">
        <v>0</v>
      </c>
      <c r="KU39" s="345">
        <v>0</v>
      </c>
      <c r="KV39" s="345">
        <v>0</v>
      </c>
      <c r="KW39" s="349">
        <v>0</v>
      </c>
      <c r="KX39" s="347">
        <v>0</v>
      </c>
      <c r="KY39" s="348">
        <v>0</v>
      </c>
      <c r="KZ39" s="345">
        <v>0</v>
      </c>
      <c r="LA39" s="349">
        <v>0</v>
      </c>
      <c r="LB39" s="404">
        <v>0</v>
      </c>
      <c r="LC39" s="345">
        <v>0</v>
      </c>
      <c r="LD39" s="345">
        <v>0</v>
      </c>
      <c r="LE39" s="345">
        <v>0</v>
      </c>
      <c r="LF39" s="345">
        <v>0</v>
      </c>
      <c r="LG39" s="345">
        <v>0</v>
      </c>
      <c r="LH39" s="349">
        <v>0</v>
      </c>
      <c r="LI39" s="350">
        <v>0</v>
      </c>
      <c r="LJ39" s="348">
        <v>0</v>
      </c>
      <c r="LK39" s="345">
        <v>0</v>
      </c>
      <c r="LL39" s="349">
        <v>0</v>
      </c>
      <c r="LM39" s="404">
        <v>0</v>
      </c>
      <c r="LN39" s="345">
        <v>0</v>
      </c>
      <c r="LO39" s="345">
        <v>0</v>
      </c>
      <c r="LP39" s="345">
        <v>0</v>
      </c>
      <c r="LQ39" s="345">
        <v>0</v>
      </c>
      <c r="LR39" s="345">
        <v>0</v>
      </c>
      <c r="LS39" s="349">
        <v>0</v>
      </c>
      <c r="LT39" s="347">
        <v>0</v>
      </c>
      <c r="LU39" s="348">
        <v>0</v>
      </c>
      <c r="LV39" s="345">
        <v>0</v>
      </c>
      <c r="LW39" s="349">
        <v>0</v>
      </c>
      <c r="LX39" s="404">
        <v>0</v>
      </c>
      <c r="LY39" s="345">
        <v>0</v>
      </c>
      <c r="LZ39" s="345">
        <v>0</v>
      </c>
      <c r="MA39" s="345">
        <v>0</v>
      </c>
      <c r="MB39" s="345">
        <v>0</v>
      </c>
      <c r="MC39" s="345">
        <v>0</v>
      </c>
      <c r="MD39" s="349">
        <v>0</v>
      </c>
      <c r="ME39" s="350">
        <v>0</v>
      </c>
      <c r="MF39" s="348">
        <v>0</v>
      </c>
      <c r="MG39" s="345">
        <v>0</v>
      </c>
      <c r="MH39" s="349">
        <v>0</v>
      </c>
      <c r="MI39" s="404">
        <v>0</v>
      </c>
      <c r="MJ39" s="345">
        <v>0</v>
      </c>
      <c r="MK39" s="345">
        <v>0</v>
      </c>
      <c r="ML39" s="345">
        <v>255208</v>
      </c>
      <c r="MM39" s="345">
        <v>246896</v>
      </c>
      <c r="MN39" s="345">
        <v>0</v>
      </c>
      <c r="MO39" s="349">
        <v>502104</v>
      </c>
      <c r="MP39" s="354">
        <v>502104</v>
      </c>
      <c r="MQ39" s="348">
        <v>0</v>
      </c>
      <c r="MR39" s="345">
        <v>0</v>
      </c>
      <c r="MS39" s="349">
        <v>0</v>
      </c>
      <c r="MT39" s="404">
        <v>0</v>
      </c>
      <c r="MU39" s="345">
        <v>0</v>
      </c>
      <c r="MV39" s="345">
        <v>0</v>
      </c>
      <c r="MW39" s="345">
        <v>0</v>
      </c>
      <c r="MX39" s="345">
        <v>246896</v>
      </c>
      <c r="MY39" s="345">
        <v>0</v>
      </c>
      <c r="MZ39" s="349">
        <v>246896</v>
      </c>
      <c r="NA39" s="354">
        <v>246896</v>
      </c>
      <c r="NB39" s="348">
        <v>0</v>
      </c>
      <c r="NC39" s="345">
        <v>0</v>
      </c>
      <c r="ND39" s="349">
        <v>0</v>
      </c>
      <c r="NE39" s="404">
        <v>0</v>
      </c>
      <c r="NF39" s="345">
        <v>0</v>
      </c>
      <c r="NG39" s="345">
        <v>0</v>
      </c>
      <c r="NH39" s="345">
        <v>255208</v>
      </c>
      <c r="NI39" s="345">
        <v>0</v>
      </c>
      <c r="NJ39" s="345">
        <v>0</v>
      </c>
      <c r="NK39" s="349">
        <v>255208</v>
      </c>
      <c r="NL39" s="347">
        <v>255208</v>
      </c>
      <c r="NM39" s="348">
        <v>0</v>
      </c>
      <c r="NN39" s="345">
        <v>0</v>
      </c>
      <c r="NO39" s="349">
        <v>0</v>
      </c>
      <c r="NP39" s="404">
        <v>0</v>
      </c>
      <c r="NQ39" s="345">
        <v>0</v>
      </c>
      <c r="NR39" s="345">
        <v>0</v>
      </c>
      <c r="NS39" s="345">
        <v>0</v>
      </c>
      <c r="NT39" s="345">
        <v>0</v>
      </c>
      <c r="NU39" s="345">
        <v>0</v>
      </c>
      <c r="NV39" s="349">
        <v>0</v>
      </c>
      <c r="NW39" s="350">
        <v>0</v>
      </c>
      <c r="NX39" s="348">
        <v>0</v>
      </c>
      <c r="NY39" s="345">
        <v>0</v>
      </c>
      <c r="NZ39" s="349">
        <v>0</v>
      </c>
      <c r="OA39" s="404">
        <v>0</v>
      </c>
      <c r="OB39" s="345">
        <v>0</v>
      </c>
      <c r="OC39" s="345">
        <v>0</v>
      </c>
      <c r="OD39" s="345">
        <v>0</v>
      </c>
      <c r="OE39" s="345">
        <v>0</v>
      </c>
      <c r="OF39" s="345">
        <v>0</v>
      </c>
      <c r="OG39" s="349">
        <v>0</v>
      </c>
      <c r="OH39" s="350">
        <v>0</v>
      </c>
      <c r="OI39" s="348">
        <v>0</v>
      </c>
      <c r="OJ39" s="345">
        <v>0</v>
      </c>
      <c r="OK39" s="346">
        <v>0</v>
      </c>
      <c r="OL39" s="351">
        <v>0</v>
      </c>
      <c r="OM39" s="345">
        <v>138008</v>
      </c>
      <c r="ON39" s="345">
        <v>550414</v>
      </c>
      <c r="OO39" s="345">
        <v>305552</v>
      </c>
      <c r="OP39" s="345">
        <v>325897</v>
      </c>
      <c r="OQ39" s="345">
        <v>396734</v>
      </c>
      <c r="OR39" s="349">
        <v>1716605</v>
      </c>
      <c r="OS39" s="354">
        <v>1716605</v>
      </c>
    </row>
    <row r="40" spans="2:409" s="70" customFormat="1" ht="21" customHeight="1" x14ac:dyDescent="0.2">
      <c r="B40" s="410" t="s">
        <v>35</v>
      </c>
      <c r="C40" s="326">
        <v>132384</v>
      </c>
      <c r="D40" s="327">
        <v>36480</v>
      </c>
      <c r="E40" s="328">
        <v>168864</v>
      </c>
      <c r="F40" s="329">
        <v>0</v>
      </c>
      <c r="G40" s="327">
        <v>1414885</v>
      </c>
      <c r="H40" s="327">
        <v>700552</v>
      </c>
      <c r="I40" s="327">
        <v>620435</v>
      </c>
      <c r="J40" s="327">
        <v>1107456</v>
      </c>
      <c r="K40" s="327">
        <v>600724</v>
      </c>
      <c r="L40" s="367">
        <v>4444052</v>
      </c>
      <c r="M40" s="330">
        <v>4612916</v>
      </c>
      <c r="N40" s="326">
        <v>28480</v>
      </c>
      <c r="O40" s="327">
        <v>36480</v>
      </c>
      <c r="P40" s="328">
        <v>64960</v>
      </c>
      <c r="Q40" s="326">
        <v>0</v>
      </c>
      <c r="R40" s="327">
        <v>272287</v>
      </c>
      <c r="S40" s="327">
        <v>334029</v>
      </c>
      <c r="T40" s="327">
        <v>222896</v>
      </c>
      <c r="U40" s="327">
        <v>103592</v>
      </c>
      <c r="V40" s="327">
        <v>275040</v>
      </c>
      <c r="W40" s="328">
        <v>1207844</v>
      </c>
      <c r="X40" s="330">
        <v>1272804</v>
      </c>
      <c r="Y40" s="326">
        <v>0</v>
      </c>
      <c r="Z40" s="327">
        <v>0</v>
      </c>
      <c r="AA40" s="328">
        <v>0</v>
      </c>
      <c r="AB40" s="326">
        <v>0</v>
      </c>
      <c r="AC40" s="327">
        <v>99815</v>
      </c>
      <c r="AD40" s="327">
        <v>204173</v>
      </c>
      <c r="AE40" s="327">
        <v>57936</v>
      </c>
      <c r="AF40" s="327">
        <v>27880</v>
      </c>
      <c r="AG40" s="327">
        <v>0</v>
      </c>
      <c r="AH40" s="328">
        <v>389804</v>
      </c>
      <c r="AI40" s="330">
        <v>389804</v>
      </c>
      <c r="AJ40" s="326">
        <v>0</v>
      </c>
      <c r="AK40" s="327">
        <v>0</v>
      </c>
      <c r="AL40" s="328">
        <v>0</v>
      </c>
      <c r="AM40" s="326">
        <v>0</v>
      </c>
      <c r="AN40" s="327">
        <v>0</v>
      </c>
      <c r="AO40" s="327">
        <v>0</v>
      </c>
      <c r="AP40" s="327">
        <v>46112</v>
      </c>
      <c r="AQ40" s="327">
        <v>0</v>
      </c>
      <c r="AR40" s="327">
        <v>46112</v>
      </c>
      <c r="AS40" s="328">
        <v>92224</v>
      </c>
      <c r="AT40" s="330">
        <v>92224</v>
      </c>
      <c r="AU40" s="326">
        <v>0</v>
      </c>
      <c r="AV40" s="327">
        <v>0</v>
      </c>
      <c r="AW40" s="328">
        <v>0</v>
      </c>
      <c r="AX40" s="326">
        <v>0</v>
      </c>
      <c r="AY40" s="327">
        <v>51760</v>
      </c>
      <c r="AZ40" s="327">
        <v>75192</v>
      </c>
      <c r="BA40" s="327">
        <v>82064</v>
      </c>
      <c r="BB40" s="327">
        <v>9960</v>
      </c>
      <c r="BC40" s="327">
        <v>192752</v>
      </c>
      <c r="BD40" s="328">
        <v>411728</v>
      </c>
      <c r="BE40" s="330">
        <v>411728</v>
      </c>
      <c r="BF40" s="326">
        <v>17536</v>
      </c>
      <c r="BG40" s="327">
        <v>36480</v>
      </c>
      <c r="BH40" s="331">
        <v>54016</v>
      </c>
      <c r="BI40" s="332">
        <v>0</v>
      </c>
      <c r="BJ40" s="327">
        <v>81824</v>
      </c>
      <c r="BK40" s="327">
        <v>0</v>
      </c>
      <c r="BL40" s="327">
        <v>0</v>
      </c>
      <c r="BM40" s="327">
        <v>0</v>
      </c>
      <c r="BN40" s="327">
        <v>10048</v>
      </c>
      <c r="BO40" s="328">
        <v>91872</v>
      </c>
      <c r="BP40" s="330">
        <v>145888</v>
      </c>
      <c r="BQ40" s="326">
        <v>10944</v>
      </c>
      <c r="BR40" s="327">
        <v>0</v>
      </c>
      <c r="BS40" s="328">
        <v>10944</v>
      </c>
      <c r="BT40" s="326">
        <v>0</v>
      </c>
      <c r="BU40" s="327">
        <v>38888</v>
      </c>
      <c r="BV40" s="327">
        <v>54664</v>
      </c>
      <c r="BW40" s="327">
        <v>36784</v>
      </c>
      <c r="BX40" s="327">
        <v>65752</v>
      </c>
      <c r="BY40" s="327">
        <v>26128</v>
      </c>
      <c r="BZ40" s="328">
        <v>222216</v>
      </c>
      <c r="CA40" s="330">
        <v>233160</v>
      </c>
      <c r="CB40" s="326">
        <v>41024</v>
      </c>
      <c r="CC40" s="327">
        <v>0</v>
      </c>
      <c r="CD40" s="328">
        <v>41024</v>
      </c>
      <c r="CE40" s="326">
        <v>0</v>
      </c>
      <c r="CF40" s="327">
        <v>481763</v>
      </c>
      <c r="CG40" s="327">
        <v>70983</v>
      </c>
      <c r="CH40" s="327">
        <v>115120</v>
      </c>
      <c r="CI40" s="327">
        <v>125192</v>
      </c>
      <c r="CJ40" s="327">
        <v>0</v>
      </c>
      <c r="CK40" s="328">
        <v>793058</v>
      </c>
      <c r="CL40" s="330">
        <v>834082</v>
      </c>
      <c r="CM40" s="326">
        <v>0</v>
      </c>
      <c r="CN40" s="327">
        <v>0</v>
      </c>
      <c r="CO40" s="328">
        <v>0</v>
      </c>
      <c r="CP40" s="332">
        <v>0</v>
      </c>
      <c r="CQ40" s="327">
        <v>218528</v>
      </c>
      <c r="CR40" s="327">
        <v>70983</v>
      </c>
      <c r="CS40" s="327">
        <v>31376</v>
      </c>
      <c r="CT40" s="327">
        <v>0</v>
      </c>
      <c r="CU40" s="327">
        <v>0</v>
      </c>
      <c r="CV40" s="328">
        <v>320887</v>
      </c>
      <c r="CW40" s="330">
        <v>320887</v>
      </c>
      <c r="CX40" s="326">
        <v>41024</v>
      </c>
      <c r="CY40" s="327">
        <v>0</v>
      </c>
      <c r="CZ40" s="328">
        <v>41024</v>
      </c>
      <c r="DA40" s="326">
        <v>0</v>
      </c>
      <c r="DB40" s="327">
        <v>263235</v>
      </c>
      <c r="DC40" s="327">
        <v>0</v>
      </c>
      <c r="DD40" s="327">
        <v>83744</v>
      </c>
      <c r="DE40" s="327">
        <v>125192</v>
      </c>
      <c r="DF40" s="327">
        <v>0</v>
      </c>
      <c r="DG40" s="328">
        <v>472171</v>
      </c>
      <c r="DH40" s="330">
        <v>513195</v>
      </c>
      <c r="DI40" s="326">
        <v>0</v>
      </c>
      <c r="DJ40" s="327">
        <v>0</v>
      </c>
      <c r="DK40" s="331">
        <v>0</v>
      </c>
      <c r="DL40" s="332">
        <v>0</v>
      </c>
      <c r="DM40" s="327">
        <v>0</v>
      </c>
      <c r="DN40" s="327">
        <v>0</v>
      </c>
      <c r="DO40" s="327">
        <v>0</v>
      </c>
      <c r="DP40" s="327">
        <v>0</v>
      </c>
      <c r="DQ40" s="327">
        <v>31672</v>
      </c>
      <c r="DR40" s="328">
        <v>31672</v>
      </c>
      <c r="DS40" s="330">
        <v>31672</v>
      </c>
      <c r="DT40" s="326">
        <v>0</v>
      </c>
      <c r="DU40" s="327">
        <v>0</v>
      </c>
      <c r="DV40" s="328">
        <v>0</v>
      </c>
      <c r="DW40" s="326">
        <v>0</v>
      </c>
      <c r="DX40" s="327">
        <v>0</v>
      </c>
      <c r="DY40" s="327">
        <v>0</v>
      </c>
      <c r="DZ40" s="327">
        <v>0</v>
      </c>
      <c r="EA40" s="327">
        <v>0</v>
      </c>
      <c r="EB40" s="327">
        <v>31672</v>
      </c>
      <c r="EC40" s="328">
        <v>31672</v>
      </c>
      <c r="ED40" s="330">
        <v>31672</v>
      </c>
      <c r="EE40" s="326">
        <v>0</v>
      </c>
      <c r="EF40" s="331">
        <v>0</v>
      </c>
      <c r="EG40" s="328">
        <v>0</v>
      </c>
      <c r="EH40" s="326">
        <v>0</v>
      </c>
      <c r="EI40" s="327">
        <v>0</v>
      </c>
      <c r="EJ40" s="327">
        <v>0</v>
      </c>
      <c r="EK40" s="327">
        <v>0</v>
      </c>
      <c r="EL40" s="327">
        <v>0</v>
      </c>
      <c r="EM40" s="327">
        <v>0</v>
      </c>
      <c r="EN40" s="331">
        <v>0</v>
      </c>
      <c r="EO40" s="330">
        <v>0</v>
      </c>
      <c r="EP40" s="326">
        <v>0</v>
      </c>
      <c r="EQ40" s="327">
        <v>0</v>
      </c>
      <c r="ER40" s="331">
        <v>0</v>
      </c>
      <c r="ES40" s="332">
        <v>0</v>
      </c>
      <c r="ET40" s="327">
        <v>0</v>
      </c>
      <c r="EU40" s="327">
        <v>0</v>
      </c>
      <c r="EV40" s="327">
        <v>0</v>
      </c>
      <c r="EW40" s="327">
        <v>0</v>
      </c>
      <c r="EX40" s="327">
        <v>0</v>
      </c>
      <c r="EY40" s="328">
        <v>0</v>
      </c>
      <c r="EZ40" s="330">
        <v>0</v>
      </c>
      <c r="FA40" s="326">
        <v>0</v>
      </c>
      <c r="FB40" s="327">
        <v>0</v>
      </c>
      <c r="FC40" s="331">
        <v>0</v>
      </c>
      <c r="FD40" s="332">
        <v>0</v>
      </c>
      <c r="FE40" s="327">
        <v>0</v>
      </c>
      <c r="FF40" s="327">
        <v>0</v>
      </c>
      <c r="FG40" s="327">
        <v>0</v>
      </c>
      <c r="FH40" s="327">
        <v>0</v>
      </c>
      <c r="FI40" s="327">
        <v>0</v>
      </c>
      <c r="FJ40" s="328">
        <v>0</v>
      </c>
      <c r="FK40" s="330">
        <v>0</v>
      </c>
      <c r="FL40" s="326">
        <v>4000</v>
      </c>
      <c r="FM40" s="327">
        <v>0</v>
      </c>
      <c r="FN40" s="328">
        <v>4000</v>
      </c>
      <c r="FO40" s="326">
        <v>0</v>
      </c>
      <c r="FP40" s="327">
        <v>193587</v>
      </c>
      <c r="FQ40" s="327">
        <v>101912</v>
      </c>
      <c r="FR40" s="327">
        <v>67552</v>
      </c>
      <c r="FS40" s="327">
        <v>21200</v>
      </c>
      <c r="FT40" s="327">
        <v>44280</v>
      </c>
      <c r="FU40" s="328">
        <v>428531</v>
      </c>
      <c r="FV40" s="330">
        <v>432531</v>
      </c>
      <c r="FW40" s="333">
        <v>4000</v>
      </c>
      <c r="FX40" s="327">
        <v>0</v>
      </c>
      <c r="FY40" s="331">
        <v>4000</v>
      </c>
      <c r="FZ40" s="332">
        <v>0</v>
      </c>
      <c r="GA40" s="327">
        <v>27840</v>
      </c>
      <c r="GB40" s="327">
        <v>101912</v>
      </c>
      <c r="GC40" s="327">
        <v>67552</v>
      </c>
      <c r="GD40" s="327">
        <v>21200</v>
      </c>
      <c r="GE40" s="327">
        <v>44280</v>
      </c>
      <c r="GF40" s="328">
        <v>262784</v>
      </c>
      <c r="GG40" s="334">
        <v>266784</v>
      </c>
      <c r="GH40" s="333">
        <v>0</v>
      </c>
      <c r="GI40" s="327">
        <v>0</v>
      </c>
      <c r="GJ40" s="331">
        <v>0</v>
      </c>
      <c r="GK40" s="332">
        <v>0</v>
      </c>
      <c r="GL40" s="327">
        <v>24948</v>
      </c>
      <c r="GM40" s="327">
        <v>0</v>
      </c>
      <c r="GN40" s="327">
        <v>0</v>
      </c>
      <c r="GO40" s="327">
        <v>0</v>
      </c>
      <c r="GP40" s="327">
        <v>0</v>
      </c>
      <c r="GQ40" s="328">
        <v>24948</v>
      </c>
      <c r="GR40" s="330">
        <v>24948</v>
      </c>
      <c r="GS40" s="326">
        <v>0</v>
      </c>
      <c r="GT40" s="327">
        <v>0</v>
      </c>
      <c r="GU40" s="328">
        <v>0</v>
      </c>
      <c r="GV40" s="326">
        <v>0</v>
      </c>
      <c r="GW40" s="327">
        <v>140799</v>
      </c>
      <c r="GX40" s="327">
        <v>0</v>
      </c>
      <c r="GY40" s="327">
        <v>0</v>
      </c>
      <c r="GZ40" s="327">
        <v>0</v>
      </c>
      <c r="HA40" s="327">
        <v>0</v>
      </c>
      <c r="HB40" s="331">
        <v>140799</v>
      </c>
      <c r="HC40" s="330">
        <v>140799</v>
      </c>
      <c r="HD40" s="326">
        <v>58880</v>
      </c>
      <c r="HE40" s="327">
        <v>0</v>
      </c>
      <c r="HF40" s="331">
        <v>58880</v>
      </c>
      <c r="HG40" s="332">
        <v>0</v>
      </c>
      <c r="HH40" s="327">
        <v>467248</v>
      </c>
      <c r="HI40" s="327">
        <v>193628</v>
      </c>
      <c r="HJ40" s="327">
        <v>214867</v>
      </c>
      <c r="HK40" s="327">
        <v>857472</v>
      </c>
      <c r="HL40" s="327">
        <v>249732</v>
      </c>
      <c r="HM40" s="328">
        <v>1982947</v>
      </c>
      <c r="HN40" s="329">
        <v>2041827</v>
      </c>
      <c r="HO40" s="333">
        <v>0</v>
      </c>
      <c r="HP40" s="327">
        <v>0</v>
      </c>
      <c r="HQ40" s="328">
        <v>0</v>
      </c>
      <c r="HR40" s="326">
        <v>0</v>
      </c>
      <c r="HS40" s="327">
        <v>0</v>
      </c>
      <c r="HT40" s="327">
        <v>0</v>
      </c>
      <c r="HU40" s="327">
        <v>0</v>
      </c>
      <c r="HV40" s="327">
        <v>0</v>
      </c>
      <c r="HW40" s="327">
        <v>0</v>
      </c>
      <c r="HX40" s="331">
        <v>0</v>
      </c>
      <c r="HY40" s="330">
        <v>0</v>
      </c>
      <c r="HZ40" s="358">
        <v>0</v>
      </c>
      <c r="IA40" s="356">
        <v>0</v>
      </c>
      <c r="IB40" s="358">
        <v>0</v>
      </c>
      <c r="IC40" s="338">
        <v>0</v>
      </c>
      <c r="ID40" s="336">
        <v>0</v>
      </c>
      <c r="IE40" s="339">
        <v>491952</v>
      </c>
      <c r="IF40" s="337">
        <v>147448</v>
      </c>
      <c r="IG40" s="336">
        <v>0</v>
      </c>
      <c r="IH40" s="337">
        <v>0</v>
      </c>
      <c r="II40" s="340">
        <v>639400</v>
      </c>
      <c r="IJ40" s="358">
        <v>639400</v>
      </c>
      <c r="IK40" s="342">
        <v>0</v>
      </c>
      <c r="IL40" s="343">
        <v>0</v>
      </c>
      <c r="IM40" s="344">
        <v>0</v>
      </c>
      <c r="IN40" s="404">
        <v>0</v>
      </c>
      <c r="IO40" s="345">
        <v>0</v>
      </c>
      <c r="IP40" s="345">
        <v>0</v>
      </c>
      <c r="IQ40" s="345">
        <v>147448</v>
      </c>
      <c r="IR40" s="345">
        <v>0</v>
      </c>
      <c r="IS40" s="345">
        <v>0</v>
      </c>
      <c r="IT40" s="346">
        <v>147448</v>
      </c>
      <c r="IU40" s="347">
        <v>147448</v>
      </c>
      <c r="IV40" s="348">
        <v>0</v>
      </c>
      <c r="IW40" s="345">
        <v>0</v>
      </c>
      <c r="IX40" s="349">
        <v>0</v>
      </c>
      <c r="IY40" s="404">
        <v>0</v>
      </c>
      <c r="IZ40" s="345">
        <v>0</v>
      </c>
      <c r="JA40" s="345">
        <v>0</v>
      </c>
      <c r="JB40" s="345">
        <v>0</v>
      </c>
      <c r="JC40" s="345">
        <v>0</v>
      </c>
      <c r="JD40" s="345">
        <v>0</v>
      </c>
      <c r="JE40" s="349">
        <v>0</v>
      </c>
      <c r="JF40" s="350">
        <v>0</v>
      </c>
      <c r="JG40" s="348">
        <v>0</v>
      </c>
      <c r="JH40" s="345">
        <v>0</v>
      </c>
      <c r="JI40" s="346">
        <v>0</v>
      </c>
      <c r="JJ40" s="351">
        <v>0</v>
      </c>
      <c r="JK40" s="345">
        <v>0</v>
      </c>
      <c r="JL40" s="345">
        <v>0</v>
      </c>
      <c r="JM40" s="345">
        <v>0</v>
      </c>
      <c r="JN40" s="345">
        <v>0</v>
      </c>
      <c r="JO40" s="345">
        <v>0</v>
      </c>
      <c r="JP40" s="349">
        <v>0</v>
      </c>
      <c r="JQ40" s="347">
        <v>0</v>
      </c>
      <c r="JR40" s="348">
        <v>0</v>
      </c>
      <c r="JS40" s="345">
        <v>0</v>
      </c>
      <c r="JT40" s="346">
        <v>0</v>
      </c>
      <c r="JU40" s="351">
        <v>0</v>
      </c>
      <c r="JV40" s="345">
        <v>0</v>
      </c>
      <c r="JW40" s="345">
        <v>0</v>
      </c>
      <c r="JX40" s="345">
        <v>0</v>
      </c>
      <c r="JY40" s="345">
        <v>0</v>
      </c>
      <c r="JZ40" s="345">
        <v>0</v>
      </c>
      <c r="KA40" s="349">
        <v>0</v>
      </c>
      <c r="KB40" s="347">
        <v>0</v>
      </c>
      <c r="KC40" s="352">
        <v>0</v>
      </c>
      <c r="KD40" s="353">
        <v>0</v>
      </c>
      <c r="KE40" s="349">
        <v>0</v>
      </c>
      <c r="KF40" s="351">
        <v>0</v>
      </c>
      <c r="KG40" s="345">
        <v>0</v>
      </c>
      <c r="KH40" s="345">
        <v>0</v>
      </c>
      <c r="KI40" s="345">
        <v>0</v>
      </c>
      <c r="KJ40" s="345">
        <v>0</v>
      </c>
      <c r="KK40" s="345">
        <v>0</v>
      </c>
      <c r="KL40" s="349">
        <v>0</v>
      </c>
      <c r="KM40" s="354">
        <v>0</v>
      </c>
      <c r="KN40" s="342">
        <v>0</v>
      </c>
      <c r="KO40" s="343">
        <v>0</v>
      </c>
      <c r="KP40" s="344">
        <v>0</v>
      </c>
      <c r="KQ40" s="404">
        <v>0</v>
      </c>
      <c r="KR40" s="345">
        <v>0</v>
      </c>
      <c r="KS40" s="345">
        <v>491952</v>
      </c>
      <c r="KT40" s="345">
        <v>0</v>
      </c>
      <c r="KU40" s="345">
        <v>0</v>
      </c>
      <c r="KV40" s="345">
        <v>0</v>
      </c>
      <c r="KW40" s="349">
        <v>491952</v>
      </c>
      <c r="KX40" s="347">
        <v>491952</v>
      </c>
      <c r="KY40" s="348">
        <v>0</v>
      </c>
      <c r="KZ40" s="345">
        <v>0</v>
      </c>
      <c r="LA40" s="349">
        <v>0</v>
      </c>
      <c r="LB40" s="404">
        <v>0</v>
      </c>
      <c r="LC40" s="345">
        <v>0</v>
      </c>
      <c r="LD40" s="345">
        <v>0</v>
      </c>
      <c r="LE40" s="345">
        <v>0</v>
      </c>
      <c r="LF40" s="345">
        <v>0</v>
      </c>
      <c r="LG40" s="345">
        <v>0</v>
      </c>
      <c r="LH40" s="349">
        <v>0</v>
      </c>
      <c r="LI40" s="350">
        <v>0</v>
      </c>
      <c r="LJ40" s="348">
        <v>0</v>
      </c>
      <c r="LK40" s="345">
        <v>0</v>
      </c>
      <c r="LL40" s="349">
        <v>0</v>
      </c>
      <c r="LM40" s="404">
        <v>0</v>
      </c>
      <c r="LN40" s="345">
        <v>0</v>
      </c>
      <c r="LO40" s="345">
        <v>0</v>
      </c>
      <c r="LP40" s="345">
        <v>0</v>
      </c>
      <c r="LQ40" s="345">
        <v>0</v>
      </c>
      <c r="LR40" s="345">
        <v>0</v>
      </c>
      <c r="LS40" s="349">
        <v>0</v>
      </c>
      <c r="LT40" s="347">
        <v>0</v>
      </c>
      <c r="LU40" s="348">
        <v>0</v>
      </c>
      <c r="LV40" s="345">
        <v>0</v>
      </c>
      <c r="LW40" s="349">
        <v>0</v>
      </c>
      <c r="LX40" s="404">
        <v>0</v>
      </c>
      <c r="LY40" s="345">
        <v>0</v>
      </c>
      <c r="LZ40" s="345">
        <v>0</v>
      </c>
      <c r="MA40" s="345">
        <v>0</v>
      </c>
      <c r="MB40" s="345">
        <v>0</v>
      </c>
      <c r="MC40" s="345">
        <v>0</v>
      </c>
      <c r="MD40" s="349">
        <v>0</v>
      </c>
      <c r="ME40" s="350">
        <v>0</v>
      </c>
      <c r="MF40" s="348">
        <v>0</v>
      </c>
      <c r="MG40" s="345">
        <v>0</v>
      </c>
      <c r="MH40" s="349">
        <v>0</v>
      </c>
      <c r="MI40" s="404">
        <v>0</v>
      </c>
      <c r="MJ40" s="345">
        <v>277800</v>
      </c>
      <c r="MK40" s="345">
        <v>0</v>
      </c>
      <c r="ML40" s="345">
        <v>595928</v>
      </c>
      <c r="MM40" s="345">
        <v>471752</v>
      </c>
      <c r="MN40" s="345">
        <v>560896</v>
      </c>
      <c r="MO40" s="349">
        <v>1906376</v>
      </c>
      <c r="MP40" s="354">
        <v>1906376</v>
      </c>
      <c r="MQ40" s="348">
        <v>0</v>
      </c>
      <c r="MR40" s="345">
        <v>0</v>
      </c>
      <c r="MS40" s="349">
        <v>0</v>
      </c>
      <c r="MT40" s="404">
        <v>0</v>
      </c>
      <c r="MU40" s="345">
        <v>0</v>
      </c>
      <c r="MV40" s="345">
        <v>0</v>
      </c>
      <c r="MW40" s="345">
        <v>0</v>
      </c>
      <c r="MX40" s="345">
        <v>471752</v>
      </c>
      <c r="MY40" s="345">
        <v>560896</v>
      </c>
      <c r="MZ40" s="349">
        <v>1032648</v>
      </c>
      <c r="NA40" s="354">
        <v>1032648</v>
      </c>
      <c r="NB40" s="348">
        <v>0</v>
      </c>
      <c r="NC40" s="345">
        <v>0</v>
      </c>
      <c r="ND40" s="349">
        <v>0</v>
      </c>
      <c r="NE40" s="404">
        <v>0</v>
      </c>
      <c r="NF40" s="345">
        <v>277800</v>
      </c>
      <c r="NG40" s="345">
        <v>0</v>
      </c>
      <c r="NH40" s="345">
        <v>595928</v>
      </c>
      <c r="NI40" s="345">
        <v>0</v>
      </c>
      <c r="NJ40" s="345">
        <v>0</v>
      </c>
      <c r="NK40" s="349">
        <v>873728</v>
      </c>
      <c r="NL40" s="347">
        <v>873728</v>
      </c>
      <c r="NM40" s="348">
        <v>0</v>
      </c>
      <c r="NN40" s="345">
        <v>0</v>
      </c>
      <c r="NO40" s="349">
        <v>0</v>
      </c>
      <c r="NP40" s="404">
        <v>0</v>
      </c>
      <c r="NQ40" s="345">
        <v>0</v>
      </c>
      <c r="NR40" s="345">
        <v>0</v>
      </c>
      <c r="NS40" s="345">
        <v>0</v>
      </c>
      <c r="NT40" s="345">
        <v>0</v>
      </c>
      <c r="NU40" s="345">
        <v>0</v>
      </c>
      <c r="NV40" s="349">
        <v>0</v>
      </c>
      <c r="NW40" s="350">
        <v>0</v>
      </c>
      <c r="NX40" s="348">
        <v>0</v>
      </c>
      <c r="NY40" s="345">
        <v>0</v>
      </c>
      <c r="NZ40" s="349">
        <v>0</v>
      </c>
      <c r="OA40" s="404">
        <v>0</v>
      </c>
      <c r="OB40" s="345">
        <v>0</v>
      </c>
      <c r="OC40" s="345">
        <v>0</v>
      </c>
      <c r="OD40" s="345">
        <v>0</v>
      </c>
      <c r="OE40" s="345">
        <v>0</v>
      </c>
      <c r="OF40" s="345">
        <v>0</v>
      </c>
      <c r="OG40" s="349">
        <v>0</v>
      </c>
      <c r="OH40" s="350">
        <v>0</v>
      </c>
      <c r="OI40" s="348">
        <v>132384</v>
      </c>
      <c r="OJ40" s="345">
        <v>36480</v>
      </c>
      <c r="OK40" s="346">
        <v>168864</v>
      </c>
      <c r="OL40" s="351">
        <v>0</v>
      </c>
      <c r="OM40" s="345">
        <v>1692685</v>
      </c>
      <c r="ON40" s="345">
        <v>1192504</v>
      </c>
      <c r="OO40" s="345">
        <v>1363811</v>
      </c>
      <c r="OP40" s="345">
        <v>1579208</v>
      </c>
      <c r="OQ40" s="345">
        <v>1161620</v>
      </c>
      <c r="OR40" s="349">
        <v>6989828</v>
      </c>
      <c r="OS40" s="354">
        <v>7158692</v>
      </c>
    </row>
    <row r="41" spans="2:409" s="70" customFormat="1" ht="21" customHeight="1" x14ac:dyDescent="0.2">
      <c r="B41" s="410" t="s">
        <v>36</v>
      </c>
      <c r="C41" s="326">
        <v>4000</v>
      </c>
      <c r="D41" s="327">
        <v>91416</v>
      </c>
      <c r="E41" s="328">
        <v>95416</v>
      </c>
      <c r="F41" s="329">
        <v>0</v>
      </c>
      <c r="G41" s="327">
        <v>775882</v>
      </c>
      <c r="H41" s="327">
        <v>-2830117</v>
      </c>
      <c r="I41" s="327">
        <v>693206</v>
      </c>
      <c r="J41" s="327">
        <v>365704</v>
      </c>
      <c r="K41" s="327">
        <v>466174</v>
      </c>
      <c r="L41" s="367">
        <v>-529151</v>
      </c>
      <c r="M41" s="330">
        <v>-433735</v>
      </c>
      <c r="N41" s="326">
        <v>0</v>
      </c>
      <c r="O41" s="327">
        <v>32375</v>
      </c>
      <c r="P41" s="328">
        <v>32375</v>
      </c>
      <c r="Q41" s="326">
        <v>0</v>
      </c>
      <c r="R41" s="327">
        <v>167272</v>
      </c>
      <c r="S41" s="327">
        <v>-232714</v>
      </c>
      <c r="T41" s="327">
        <v>140221</v>
      </c>
      <c r="U41" s="327">
        <v>121265</v>
      </c>
      <c r="V41" s="327">
        <v>441774</v>
      </c>
      <c r="W41" s="328">
        <v>637818</v>
      </c>
      <c r="X41" s="330">
        <v>670193</v>
      </c>
      <c r="Y41" s="326">
        <v>0</v>
      </c>
      <c r="Z41" s="327">
        <v>0</v>
      </c>
      <c r="AA41" s="328">
        <v>0</v>
      </c>
      <c r="AB41" s="326">
        <v>0</v>
      </c>
      <c r="AC41" s="327">
        <v>0</v>
      </c>
      <c r="AD41" s="327">
        <v>0</v>
      </c>
      <c r="AE41" s="327">
        <v>0</v>
      </c>
      <c r="AF41" s="327">
        <v>103353</v>
      </c>
      <c r="AG41" s="327">
        <v>313372</v>
      </c>
      <c r="AH41" s="328">
        <v>416725</v>
      </c>
      <c r="AI41" s="330">
        <v>416725</v>
      </c>
      <c r="AJ41" s="326">
        <v>0</v>
      </c>
      <c r="AK41" s="327">
        <v>0</v>
      </c>
      <c r="AL41" s="328">
        <v>0</v>
      </c>
      <c r="AM41" s="326">
        <v>0</v>
      </c>
      <c r="AN41" s="327">
        <v>0</v>
      </c>
      <c r="AO41" s="327">
        <v>0</v>
      </c>
      <c r="AP41" s="327">
        <v>36225</v>
      </c>
      <c r="AQ41" s="327">
        <v>0</v>
      </c>
      <c r="AR41" s="327">
        <v>96530</v>
      </c>
      <c r="AS41" s="328">
        <v>132755</v>
      </c>
      <c r="AT41" s="330">
        <v>132755</v>
      </c>
      <c r="AU41" s="326">
        <v>0</v>
      </c>
      <c r="AV41" s="327">
        <v>0</v>
      </c>
      <c r="AW41" s="328">
        <v>0</v>
      </c>
      <c r="AX41" s="326">
        <v>0</v>
      </c>
      <c r="AY41" s="327">
        <v>75783</v>
      </c>
      <c r="AZ41" s="327">
        <v>0</v>
      </c>
      <c r="BA41" s="327">
        <v>58236</v>
      </c>
      <c r="BB41" s="327">
        <v>0</v>
      </c>
      <c r="BC41" s="327">
        <v>0</v>
      </c>
      <c r="BD41" s="328">
        <v>134019</v>
      </c>
      <c r="BE41" s="330">
        <v>134019</v>
      </c>
      <c r="BF41" s="326">
        <v>0</v>
      </c>
      <c r="BG41" s="327">
        <v>32375</v>
      </c>
      <c r="BH41" s="331">
        <v>32375</v>
      </c>
      <c r="BI41" s="332">
        <v>0</v>
      </c>
      <c r="BJ41" s="327">
        <v>35177</v>
      </c>
      <c r="BK41" s="327">
        <v>0</v>
      </c>
      <c r="BL41" s="327">
        <v>0</v>
      </c>
      <c r="BM41" s="327">
        <v>0</v>
      </c>
      <c r="BN41" s="327">
        <v>0</v>
      </c>
      <c r="BO41" s="328">
        <v>35177</v>
      </c>
      <c r="BP41" s="330">
        <v>67552</v>
      </c>
      <c r="BQ41" s="326">
        <v>0</v>
      </c>
      <c r="BR41" s="327">
        <v>0</v>
      </c>
      <c r="BS41" s="328">
        <v>0</v>
      </c>
      <c r="BT41" s="326">
        <v>0</v>
      </c>
      <c r="BU41" s="327">
        <v>56312</v>
      </c>
      <c r="BV41" s="327">
        <v>-232714</v>
      </c>
      <c r="BW41" s="327">
        <v>45760</v>
      </c>
      <c r="BX41" s="327">
        <v>17912</v>
      </c>
      <c r="BY41" s="327">
        <v>31872</v>
      </c>
      <c r="BZ41" s="328">
        <v>-80858</v>
      </c>
      <c r="CA41" s="330">
        <v>-80858</v>
      </c>
      <c r="CB41" s="326">
        <v>0</v>
      </c>
      <c r="CC41" s="327">
        <v>38241</v>
      </c>
      <c r="CD41" s="328">
        <v>38241</v>
      </c>
      <c r="CE41" s="326">
        <v>0</v>
      </c>
      <c r="CF41" s="327">
        <v>85522</v>
      </c>
      <c r="CG41" s="327">
        <v>166120</v>
      </c>
      <c r="CH41" s="327">
        <v>27628</v>
      </c>
      <c r="CI41" s="327">
        <v>0</v>
      </c>
      <c r="CJ41" s="327">
        <v>0</v>
      </c>
      <c r="CK41" s="328">
        <v>279270</v>
      </c>
      <c r="CL41" s="330">
        <v>317511</v>
      </c>
      <c r="CM41" s="326">
        <v>0</v>
      </c>
      <c r="CN41" s="327">
        <v>0</v>
      </c>
      <c r="CO41" s="328">
        <v>0</v>
      </c>
      <c r="CP41" s="332">
        <v>0</v>
      </c>
      <c r="CQ41" s="327">
        <v>0</v>
      </c>
      <c r="CR41" s="327">
        <v>166120</v>
      </c>
      <c r="CS41" s="327">
        <v>9145</v>
      </c>
      <c r="CT41" s="327">
        <v>0</v>
      </c>
      <c r="CU41" s="327">
        <v>0</v>
      </c>
      <c r="CV41" s="328">
        <v>175265</v>
      </c>
      <c r="CW41" s="330">
        <v>175265</v>
      </c>
      <c r="CX41" s="326">
        <v>0</v>
      </c>
      <c r="CY41" s="327">
        <v>38241</v>
      </c>
      <c r="CZ41" s="328">
        <v>38241</v>
      </c>
      <c r="DA41" s="326">
        <v>0</v>
      </c>
      <c r="DB41" s="327">
        <v>85522</v>
      </c>
      <c r="DC41" s="327">
        <v>0</v>
      </c>
      <c r="DD41" s="327">
        <v>18483</v>
      </c>
      <c r="DE41" s="327">
        <v>0</v>
      </c>
      <c r="DF41" s="327">
        <v>0</v>
      </c>
      <c r="DG41" s="328">
        <v>104005</v>
      </c>
      <c r="DH41" s="330">
        <v>142246</v>
      </c>
      <c r="DI41" s="326">
        <v>0</v>
      </c>
      <c r="DJ41" s="327">
        <v>0</v>
      </c>
      <c r="DK41" s="331">
        <v>0</v>
      </c>
      <c r="DL41" s="332">
        <v>0</v>
      </c>
      <c r="DM41" s="327">
        <v>0</v>
      </c>
      <c r="DN41" s="327">
        <v>23572</v>
      </c>
      <c r="DO41" s="327">
        <v>0</v>
      </c>
      <c r="DP41" s="327">
        <v>215239</v>
      </c>
      <c r="DQ41" s="327">
        <v>0</v>
      </c>
      <c r="DR41" s="328">
        <v>238811</v>
      </c>
      <c r="DS41" s="330">
        <v>238811</v>
      </c>
      <c r="DT41" s="326">
        <v>0</v>
      </c>
      <c r="DU41" s="327">
        <v>0</v>
      </c>
      <c r="DV41" s="328">
        <v>0</v>
      </c>
      <c r="DW41" s="326">
        <v>0</v>
      </c>
      <c r="DX41" s="327">
        <v>0</v>
      </c>
      <c r="DY41" s="327">
        <v>23572</v>
      </c>
      <c r="DZ41" s="327">
        <v>0</v>
      </c>
      <c r="EA41" s="327">
        <v>215239</v>
      </c>
      <c r="EB41" s="327">
        <v>0</v>
      </c>
      <c r="EC41" s="328">
        <v>238811</v>
      </c>
      <c r="ED41" s="330">
        <v>238811</v>
      </c>
      <c r="EE41" s="326">
        <v>0</v>
      </c>
      <c r="EF41" s="331">
        <v>0</v>
      </c>
      <c r="EG41" s="328">
        <v>0</v>
      </c>
      <c r="EH41" s="326">
        <v>0</v>
      </c>
      <c r="EI41" s="327">
        <v>0</v>
      </c>
      <c r="EJ41" s="327">
        <v>0</v>
      </c>
      <c r="EK41" s="327">
        <v>0</v>
      </c>
      <c r="EL41" s="327">
        <v>0</v>
      </c>
      <c r="EM41" s="327">
        <v>0</v>
      </c>
      <c r="EN41" s="331">
        <v>0</v>
      </c>
      <c r="EO41" s="330">
        <v>0</v>
      </c>
      <c r="EP41" s="326">
        <v>0</v>
      </c>
      <c r="EQ41" s="327">
        <v>0</v>
      </c>
      <c r="ER41" s="331">
        <v>0</v>
      </c>
      <c r="ES41" s="332">
        <v>0</v>
      </c>
      <c r="ET41" s="327">
        <v>0</v>
      </c>
      <c r="EU41" s="327">
        <v>0</v>
      </c>
      <c r="EV41" s="327">
        <v>0</v>
      </c>
      <c r="EW41" s="327">
        <v>0</v>
      </c>
      <c r="EX41" s="327">
        <v>0</v>
      </c>
      <c r="EY41" s="328">
        <v>0</v>
      </c>
      <c r="EZ41" s="330">
        <v>0</v>
      </c>
      <c r="FA41" s="326">
        <v>0</v>
      </c>
      <c r="FB41" s="327">
        <v>0</v>
      </c>
      <c r="FC41" s="331">
        <v>0</v>
      </c>
      <c r="FD41" s="332">
        <v>0</v>
      </c>
      <c r="FE41" s="327">
        <v>0</v>
      </c>
      <c r="FF41" s="327">
        <v>0</v>
      </c>
      <c r="FG41" s="327">
        <v>0</v>
      </c>
      <c r="FH41" s="327">
        <v>0</v>
      </c>
      <c r="FI41" s="327">
        <v>0</v>
      </c>
      <c r="FJ41" s="328">
        <v>0</v>
      </c>
      <c r="FK41" s="330">
        <v>0</v>
      </c>
      <c r="FL41" s="326">
        <v>4000</v>
      </c>
      <c r="FM41" s="327">
        <v>20800</v>
      </c>
      <c r="FN41" s="328">
        <v>24800</v>
      </c>
      <c r="FO41" s="326">
        <v>0</v>
      </c>
      <c r="FP41" s="327">
        <v>42688</v>
      </c>
      <c r="FQ41" s="327">
        <v>52800</v>
      </c>
      <c r="FR41" s="327">
        <v>117440</v>
      </c>
      <c r="FS41" s="327">
        <v>29200</v>
      </c>
      <c r="FT41" s="327">
        <v>24400</v>
      </c>
      <c r="FU41" s="328">
        <v>266528</v>
      </c>
      <c r="FV41" s="330">
        <v>291328</v>
      </c>
      <c r="FW41" s="333">
        <v>4000</v>
      </c>
      <c r="FX41" s="327">
        <v>20800</v>
      </c>
      <c r="FY41" s="331">
        <v>24800</v>
      </c>
      <c r="FZ41" s="332">
        <v>0</v>
      </c>
      <c r="GA41" s="327">
        <v>42688</v>
      </c>
      <c r="GB41" s="327">
        <v>52800</v>
      </c>
      <c r="GC41" s="327">
        <v>33840</v>
      </c>
      <c r="GD41" s="327">
        <v>29200</v>
      </c>
      <c r="GE41" s="327">
        <v>24400</v>
      </c>
      <c r="GF41" s="328">
        <v>182928</v>
      </c>
      <c r="GG41" s="334">
        <v>207728</v>
      </c>
      <c r="GH41" s="333">
        <v>0</v>
      </c>
      <c r="GI41" s="327">
        <v>0</v>
      </c>
      <c r="GJ41" s="331">
        <v>0</v>
      </c>
      <c r="GK41" s="332">
        <v>0</v>
      </c>
      <c r="GL41" s="327">
        <v>0</v>
      </c>
      <c r="GM41" s="327">
        <v>0</v>
      </c>
      <c r="GN41" s="327">
        <v>0</v>
      </c>
      <c r="GO41" s="327">
        <v>0</v>
      </c>
      <c r="GP41" s="327">
        <v>0</v>
      </c>
      <c r="GQ41" s="328">
        <v>0</v>
      </c>
      <c r="GR41" s="330">
        <v>0</v>
      </c>
      <c r="GS41" s="326">
        <v>0</v>
      </c>
      <c r="GT41" s="327">
        <v>0</v>
      </c>
      <c r="GU41" s="328">
        <v>0</v>
      </c>
      <c r="GV41" s="326">
        <v>0</v>
      </c>
      <c r="GW41" s="327">
        <v>0</v>
      </c>
      <c r="GX41" s="327">
        <v>0</v>
      </c>
      <c r="GY41" s="327">
        <v>83600</v>
      </c>
      <c r="GZ41" s="327">
        <v>0</v>
      </c>
      <c r="HA41" s="327">
        <v>0</v>
      </c>
      <c r="HB41" s="331">
        <v>83600</v>
      </c>
      <c r="HC41" s="330">
        <v>83600</v>
      </c>
      <c r="HD41" s="326">
        <v>0</v>
      </c>
      <c r="HE41" s="327">
        <v>0</v>
      </c>
      <c r="HF41" s="331">
        <v>0</v>
      </c>
      <c r="HG41" s="332">
        <v>0</v>
      </c>
      <c r="HH41" s="327">
        <v>480400</v>
      </c>
      <c r="HI41" s="327">
        <v>-2839895</v>
      </c>
      <c r="HJ41" s="327">
        <v>407917</v>
      </c>
      <c r="HK41" s="327">
        <v>0</v>
      </c>
      <c r="HL41" s="327">
        <v>0</v>
      </c>
      <c r="HM41" s="328">
        <v>-1951578</v>
      </c>
      <c r="HN41" s="329">
        <v>-1951578</v>
      </c>
      <c r="HO41" s="333">
        <v>0</v>
      </c>
      <c r="HP41" s="327">
        <v>0</v>
      </c>
      <c r="HQ41" s="328">
        <v>0</v>
      </c>
      <c r="HR41" s="326">
        <v>0</v>
      </c>
      <c r="HS41" s="327">
        <v>0</v>
      </c>
      <c r="HT41" s="327">
        <v>0</v>
      </c>
      <c r="HU41" s="327">
        <v>0</v>
      </c>
      <c r="HV41" s="327">
        <v>0</v>
      </c>
      <c r="HW41" s="327">
        <v>0</v>
      </c>
      <c r="HX41" s="331">
        <v>0</v>
      </c>
      <c r="HY41" s="330">
        <v>0</v>
      </c>
      <c r="HZ41" s="335">
        <v>0</v>
      </c>
      <c r="IA41" s="336">
        <v>0</v>
      </c>
      <c r="IB41" s="337">
        <v>0</v>
      </c>
      <c r="IC41" s="338">
        <v>0</v>
      </c>
      <c r="ID41" s="336">
        <v>98912</v>
      </c>
      <c r="IE41" s="339">
        <v>9638</v>
      </c>
      <c r="IF41" s="337">
        <v>0</v>
      </c>
      <c r="IG41" s="336">
        <v>272627</v>
      </c>
      <c r="IH41" s="337">
        <v>0</v>
      </c>
      <c r="II41" s="340">
        <v>381177</v>
      </c>
      <c r="IJ41" s="341">
        <v>381177</v>
      </c>
      <c r="IK41" s="342">
        <v>0</v>
      </c>
      <c r="IL41" s="343">
        <v>0</v>
      </c>
      <c r="IM41" s="344">
        <v>0</v>
      </c>
      <c r="IN41" s="404">
        <v>0</v>
      </c>
      <c r="IO41" s="345">
        <v>0</v>
      </c>
      <c r="IP41" s="345">
        <v>0</v>
      </c>
      <c r="IQ41" s="345">
        <v>0</v>
      </c>
      <c r="IR41" s="345">
        <v>0</v>
      </c>
      <c r="IS41" s="345">
        <v>0</v>
      </c>
      <c r="IT41" s="346">
        <v>0</v>
      </c>
      <c r="IU41" s="347">
        <v>0</v>
      </c>
      <c r="IV41" s="348">
        <v>0</v>
      </c>
      <c r="IW41" s="345">
        <v>0</v>
      </c>
      <c r="IX41" s="349">
        <v>0</v>
      </c>
      <c r="IY41" s="404">
        <v>0</v>
      </c>
      <c r="IZ41" s="345">
        <v>0</v>
      </c>
      <c r="JA41" s="345">
        <v>0</v>
      </c>
      <c r="JB41" s="345">
        <v>0</v>
      </c>
      <c r="JC41" s="345">
        <v>0</v>
      </c>
      <c r="JD41" s="345">
        <v>0</v>
      </c>
      <c r="JE41" s="349">
        <v>0</v>
      </c>
      <c r="JF41" s="350">
        <v>0</v>
      </c>
      <c r="JG41" s="348">
        <v>0</v>
      </c>
      <c r="JH41" s="345">
        <v>0</v>
      </c>
      <c r="JI41" s="346">
        <v>0</v>
      </c>
      <c r="JJ41" s="351">
        <v>0</v>
      </c>
      <c r="JK41" s="345">
        <v>98912</v>
      </c>
      <c r="JL41" s="345">
        <v>9638</v>
      </c>
      <c r="JM41" s="345">
        <v>0</v>
      </c>
      <c r="JN41" s="345">
        <v>0</v>
      </c>
      <c r="JO41" s="345">
        <v>0</v>
      </c>
      <c r="JP41" s="349">
        <v>108550</v>
      </c>
      <c r="JQ41" s="347">
        <v>108550</v>
      </c>
      <c r="JR41" s="348">
        <v>0</v>
      </c>
      <c r="JS41" s="345">
        <v>0</v>
      </c>
      <c r="JT41" s="346">
        <v>0</v>
      </c>
      <c r="JU41" s="351">
        <v>0</v>
      </c>
      <c r="JV41" s="345">
        <v>0</v>
      </c>
      <c r="JW41" s="345">
        <v>0</v>
      </c>
      <c r="JX41" s="345">
        <v>0</v>
      </c>
      <c r="JY41" s="345">
        <v>0</v>
      </c>
      <c r="JZ41" s="345">
        <v>0</v>
      </c>
      <c r="KA41" s="349">
        <v>0</v>
      </c>
      <c r="KB41" s="347">
        <v>0</v>
      </c>
      <c r="KC41" s="352">
        <v>0</v>
      </c>
      <c r="KD41" s="353">
        <v>0</v>
      </c>
      <c r="KE41" s="349">
        <v>0</v>
      </c>
      <c r="KF41" s="351">
        <v>0</v>
      </c>
      <c r="KG41" s="345">
        <v>0</v>
      </c>
      <c r="KH41" s="345">
        <v>0</v>
      </c>
      <c r="KI41" s="345">
        <v>0</v>
      </c>
      <c r="KJ41" s="345">
        <v>0</v>
      </c>
      <c r="KK41" s="345">
        <v>0</v>
      </c>
      <c r="KL41" s="349">
        <v>0</v>
      </c>
      <c r="KM41" s="354">
        <v>0</v>
      </c>
      <c r="KN41" s="342">
        <v>0</v>
      </c>
      <c r="KO41" s="343">
        <v>0</v>
      </c>
      <c r="KP41" s="344">
        <v>0</v>
      </c>
      <c r="KQ41" s="404">
        <v>0</v>
      </c>
      <c r="KR41" s="345">
        <v>0</v>
      </c>
      <c r="KS41" s="345">
        <v>0</v>
      </c>
      <c r="KT41" s="345">
        <v>0</v>
      </c>
      <c r="KU41" s="345">
        <v>272627</v>
      </c>
      <c r="KV41" s="345">
        <v>0</v>
      </c>
      <c r="KW41" s="349">
        <v>272627</v>
      </c>
      <c r="KX41" s="347">
        <v>272627</v>
      </c>
      <c r="KY41" s="348">
        <v>0</v>
      </c>
      <c r="KZ41" s="345">
        <v>0</v>
      </c>
      <c r="LA41" s="349">
        <v>0</v>
      </c>
      <c r="LB41" s="404">
        <v>0</v>
      </c>
      <c r="LC41" s="345">
        <v>0</v>
      </c>
      <c r="LD41" s="345">
        <v>0</v>
      </c>
      <c r="LE41" s="345">
        <v>0</v>
      </c>
      <c r="LF41" s="345">
        <v>0</v>
      </c>
      <c r="LG41" s="345">
        <v>0</v>
      </c>
      <c r="LH41" s="349">
        <v>0</v>
      </c>
      <c r="LI41" s="350">
        <v>0</v>
      </c>
      <c r="LJ41" s="348">
        <v>0</v>
      </c>
      <c r="LK41" s="345">
        <v>0</v>
      </c>
      <c r="LL41" s="349">
        <v>0</v>
      </c>
      <c r="LM41" s="404">
        <v>0</v>
      </c>
      <c r="LN41" s="345">
        <v>0</v>
      </c>
      <c r="LO41" s="345">
        <v>0</v>
      </c>
      <c r="LP41" s="345">
        <v>0</v>
      </c>
      <c r="LQ41" s="345">
        <v>0</v>
      </c>
      <c r="LR41" s="345">
        <v>0</v>
      </c>
      <c r="LS41" s="349">
        <v>0</v>
      </c>
      <c r="LT41" s="347">
        <v>0</v>
      </c>
      <c r="LU41" s="348">
        <v>0</v>
      </c>
      <c r="LV41" s="345">
        <v>0</v>
      </c>
      <c r="LW41" s="349">
        <v>0</v>
      </c>
      <c r="LX41" s="404">
        <v>0</v>
      </c>
      <c r="LY41" s="345">
        <v>0</v>
      </c>
      <c r="LZ41" s="345">
        <v>0</v>
      </c>
      <c r="MA41" s="345">
        <v>0</v>
      </c>
      <c r="MB41" s="345">
        <v>0</v>
      </c>
      <c r="MC41" s="345">
        <v>0</v>
      </c>
      <c r="MD41" s="349">
        <v>0</v>
      </c>
      <c r="ME41" s="350">
        <v>0</v>
      </c>
      <c r="MF41" s="348">
        <v>0</v>
      </c>
      <c r="MG41" s="345">
        <v>0</v>
      </c>
      <c r="MH41" s="349">
        <v>0</v>
      </c>
      <c r="MI41" s="404">
        <v>0</v>
      </c>
      <c r="MJ41" s="345">
        <v>0</v>
      </c>
      <c r="MK41" s="345">
        <v>0</v>
      </c>
      <c r="ML41" s="345">
        <v>271415</v>
      </c>
      <c r="MM41" s="345">
        <v>592683</v>
      </c>
      <c r="MN41" s="345">
        <v>343211</v>
      </c>
      <c r="MO41" s="349">
        <v>1207309</v>
      </c>
      <c r="MP41" s="354">
        <v>1207309</v>
      </c>
      <c r="MQ41" s="348">
        <v>0</v>
      </c>
      <c r="MR41" s="345">
        <v>0</v>
      </c>
      <c r="MS41" s="349">
        <v>0</v>
      </c>
      <c r="MT41" s="404">
        <v>0</v>
      </c>
      <c r="MU41" s="345">
        <v>0</v>
      </c>
      <c r="MV41" s="345">
        <v>0</v>
      </c>
      <c r="MW41" s="345">
        <v>0</v>
      </c>
      <c r="MX41" s="345">
        <v>333248</v>
      </c>
      <c r="MY41" s="345">
        <v>0</v>
      </c>
      <c r="MZ41" s="349">
        <v>333248</v>
      </c>
      <c r="NA41" s="354">
        <v>333248</v>
      </c>
      <c r="NB41" s="348">
        <v>0</v>
      </c>
      <c r="NC41" s="345">
        <v>0</v>
      </c>
      <c r="ND41" s="349">
        <v>0</v>
      </c>
      <c r="NE41" s="404">
        <v>0</v>
      </c>
      <c r="NF41" s="345">
        <v>0</v>
      </c>
      <c r="NG41" s="345">
        <v>0</v>
      </c>
      <c r="NH41" s="345">
        <v>271415</v>
      </c>
      <c r="NI41" s="345">
        <v>259435</v>
      </c>
      <c r="NJ41" s="345">
        <v>343211</v>
      </c>
      <c r="NK41" s="349">
        <v>874061</v>
      </c>
      <c r="NL41" s="347">
        <v>874061</v>
      </c>
      <c r="NM41" s="348">
        <v>0</v>
      </c>
      <c r="NN41" s="345">
        <v>0</v>
      </c>
      <c r="NO41" s="349">
        <v>0</v>
      </c>
      <c r="NP41" s="404">
        <v>0</v>
      </c>
      <c r="NQ41" s="345">
        <v>0</v>
      </c>
      <c r="NR41" s="345">
        <v>0</v>
      </c>
      <c r="NS41" s="345">
        <v>0</v>
      </c>
      <c r="NT41" s="345">
        <v>0</v>
      </c>
      <c r="NU41" s="345">
        <v>0</v>
      </c>
      <c r="NV41" s="349">
        <v>0</v>
      </c>
      <c r="NW41" s="350">
        <v>0</v>
      </c>
      <c r="NX41" s="348">
        <v>0</v>
      </c>
      <c r="NY41" s="345">
        <v>0</v>
      </c>
      <c r="NZ41" s="349">
        <v>0</v>
      </c>
      <c r="OA41" s="404">
        <v>0</v>
      </c>
      <c r="OB41" s="345">
        <v>0</v>
      </c>
      <c r="OC41" s="345">
        <v>0</v>
      </c>
      <c r="OD41" s="345">
        <v>0</v>
      </c>
      <c r="OE41" s="345">
        <v>0</v>
      </c>
      <c r="OF41" s="345">
        <v>0</v>
      </c>
      <c r="OG41" s="349">
        <v>0</v>
      </c>
      <c r="OH41" s="350">
        <v>0</v>
      </c>
      <c r="OI41" s="348">
        <v>4000</v>
      </c>
      <c r="OJ41" s="345">
        <v>91416</v>
      </c>
      <c r="OK41" s="346">
        <v>95416</v>
      </c>
      <c r="OL41" s="351">
        <v>0</v>
      </c>
      <c r="OM41" s="345">
        <v>874794</v>
      </c>
      <c r="ON41" s="345">
        <v>-2820479</v>
      </c>
      <c r="OO41" s="345">
        <v>964621</v>
      </c>
      <c r="OP41" s="345">
        <v>1231014</v>
      </c>
      <c r="OQ41" s="345">
        <v>809385</v>
      </c>
      <c r="OR41" s="349">
        <v>1059335</v>
      </c>
      <c r="OS41" s="354">
        <v>1154751</v>
      </c>
    </row>
    <row r="42" spans="2:409" s="70" customFormat="1" ht="21" customHeight="1" thickBot="1" x14ac:dyDescent="0.25">
      <c r="B42" s="411" t="s">
        <v>37</v>
      </c>
      <c r="C42" s="371">
        <v>0</v>
      </c>
      <c r="D42" s="372">
        <v>0</v>
      </c>
      <c r="E42" s="373">
        <v>0</v>
      </c>
      <c r="F42" s="374">
        <v>0</v>
      </c>
      <c r="G42" s="372">
        <v>19333</v>
      </c>
      <c r="H42" s="372">
        <v>137778</v>
      </c>
      <c r="I42" s="372">
        <v>0</v>
      </c>
      <c r="J42" s="372">
        <v>0</v>
      </c>
      <c r="K42" s="372">
        <v>0</v>
      </c>
      <c r="L42" s="374">
        <v>157111</v>
      </c>
      <c r="M42" s="375">
        <v>157111</v>
      </c>
      <c r="N42" s="371">
        <v>0</v>
      </c>
      <c r="O42" s="372">
        <v>0</v>
      </c>
      <c r="P42" s="373">
        <v>0</v>
      </c>
      <c r="Q42" s="371">
        <v>0</v>
      </c>
      <c r="R42" s="372">
        <v>0</v>
      </c>
      <c r="S42" s="372">
        <v>0</v>
      </c>
      <c r="T42" s="372">
        <v>0</v>
      </c>
      <c r="U42" s="372">
        <v>0</v>
      </c>
      <c r="V42" s="372">
        <v>0</v>
      </c>
      <c r="W42" s="373">
        <v>0</v>
      </c>
      <c r="X42" s="375">
        <v>0</v>
      </c>
      <c r="Y42" s="371">
        <v>0</v>
      </c>
      <c r="Z42" s="372">
        <v>0</v>
      </c>
      <c r="AA42" s="373">
        <v>0</v>
      </c>
      <c r="AB42" s="371">
        <v>0</v>
      </c>
      <c r="AC42" s="372">
        <v>0</v>
      </c>
      <c r="AD42" s="372">
        <v>0</v>
      </c>
      <c r="AE42" s="372">
        <v>0</v>
      </c>
      <c r="AF42" s="372">
        <v>0</v>
      </c>
      <c r="AG42" s="372">
        <v>0</v>
      </c>
      <c r="AH42" s="373">
        <v>0</v>
      </c>
      <c r="AI42" s="375">
        <v>0</v>
      </c>
      <c r="AJ42" s="371">
        <v>0</v>
      </c>
      <c r="AK42" s="372">
        <v>0</v>
      </c>
      <c r="AL42" s="373">
        <v>0</v>
      </c>
      <c r="AM42" s="371">
        <v>0</v>
      </c>
      <c r="AN42" s="372">
        <v>0</v>
      </c>
      <c r="AO42" s="372">
        <v>0</v>
      </c>
      <c r="AP42" s="372">
        <v>0</v>
      </c>
      <c r="AQ42" s="372">
        <v>0</v>
      </c>
      <c r="AR42" s="372">
        <v>0</v>
      </c>
      <c r="AS42" s="373">
        <v>0</v>
      </c>
      <c r="AT42" s="375">
        <v>0</v>
      </c>
      <c r="AU42" s="371">
        <v>0</v>
      </c>
      <c r="AV42" s="372">
        <v>0</v>
      </c>
      <c r="AW42" s="373">
        <v>0</v>
      </c>
      <c r="AX42" s="371">
        <v>0</v>
      </c>
      <c r="AY42" s="372">
        <v>0</v>
      </c>
      <c r="AZ42" s="372">
        <v>0</v>
      </c>
      <c r="BA42" s="372">
        <v>0</v>
      </c>
      <c r="BB42" s="372">
        <v>0</v>
      </c>
      <c r="BC42" s="372">
        <v>0</v>
      </c>
      <c r="BD42" s="373">
        <v>0</v>
      </c>
      <c r="BE42" s="375">
        <v>0</v>
      </c>
      <c r="BF42" s="371">
        <v>0</v>
      </c>
      <c r="BG42" s="372">
        <v>0</v>
      </c>
      <c r="BH42" s="376">
        <v>0</v>
      </c>
      <c r="BI42" s="377">
        <v>0</v>
      </c>
      <c r="BJ42" s="372">
        <v>0</v>
      </c>
      <c r="BK42" s="372">
        <v>0</v>
      </c>
      <c r="BL42" s="372">
        <v>0</v>
      </c>
      <c r="BM42" s="372">
        <v>0</v>
      </c>
      <c r="BN42" s="372">
        <v>0</v>
      </c>
      <c r="BO42" s="373">
        <v>0</v>
      </c>
      <c r="BP42" s="375">
        <v>0</v>
      </c>
      <c r="BQ42" s="371">
        <v>0</v>
      </c>
      <c r="BR42" s="372">
        <v>0</v>
      </c>
      <c r="BS42" s="373">
        <v>0</v>
      </c>
      <c r="BT42" s="371">
        <v>0</v>
      </c>
      <c r="BU42" s="372">
        <v>0</v>
      </c>
      <c r="BV42" s="372">
        <v>0</v>
      </c>
      <c r="BW42" s="372">
        <v>0</v>
      </c>
      <c r="BX42" s="372">
        <v>0</v>
      </c>
      <c r="BY42" s="372">
        <v>0</v>
      </c>
      <c r="BZ42" s="373">
        <v>0</v>
      </c>
      <c r="CA42" s="375">
        <v>0</v>
      </c>
      <c r="CB42" s="371">
        <v>0</v>
      </c>
      <c r="CC42" s="372">
        <v>0</v>
      </c>
      <c r="CD42" s="373">
        <v>0</v>
      </c>
      <c r="CE42" s="371">
        <v>0</v>
      </c>
      <c r="CF42" s="372">
        <v>18133</v>
      </c>
      <c r="CG42" s="372">
        <v>90018</v>
      </c>
      <c r="CH42" s="372">
        <v>0</v>
      </c>
      <c r="CI42" s="372">
        <v>0</v>
      </c>
      <c r="CJ42" s="372">
        <v>0</v>
      </c>
      <c r="CK42" s="373">
        <v>108151</v>
      </c>
      <c r="CL42" s="375">
        <v>108151</v>
      </c>
      <c r="CM42" s="371">
        <v>0</v>
      </c>
      <c r="CN42" s="372">
        <v>0</v>
      </c>
      <c r="CO42" s="373">
        <v>0</v>
      </c>
      <c r="CP42" s="377">
        <v>0</v>
      </c>
      <c r="CQ42" s="372">
        <v>0</v>
      </c>
      <c r="CR42" s="372">
        <v>0</v>
      </c>
      <c r="CS42" s="372">
        <v>0</v>
      </c>
      <c r="CT42" s="372">
        <v>0</v>
      </c>
      <c r="CU42" s="372">
        <v>0</v>
      </c>
      <c r="CV42" s="373">
        <v>0</v>
      </c>
      <c r="CW42" s="375">
        <v>0</v>
      </c>
      <c r="CX42" s="371">
        <v>0</v>
      </c>
      <c r="CY42" s="372">
        <v>0</v>
      </c>
      <c r="CZ42" s="373">
        <v>0</v>
      </c>
      <c r="DA42" s="371">
        <v>0</v>
      </c>
      <c r="DB42" s="372">
        <v>18133</v>
      </c>
      <c r="DC42" s="372">
        <v>90018</v>
      </c>
      <c r="DD42" s="372">
        <v>0</v>
      </c>
      <c r="DE42" s="372">
        <v>0</v>
      </c>
      <c r="DF42" s="372">
        <v>0</v>
      </c>
      <c r="DG42" s="373">
        <v>108151</v>
      </c>
      <c r="DH42" s="375">
        <v>108151</v>
      </c>
      <c r="DI42" s="371">
        <v>0</v>
      </c>
      <c r="DJ42" s="372">
        <v>0</v>
      </c>
      <c r="DK42" s="376">
        <v>0</v>
      </c>
      <c r="DL42" s="377">
        <v>0</v>
      </c>
      <c r="DM42" s="372">
        <v>0</v>
      </c>
      <c r="DN42" s="372">
        <v>0</v>
      </c>
      <c r="DO42" s="372">
        <v>0</v>
      </c>
      <c r="DP42" s="372">
        <v>0</v>
      </c>
      <c r="DQ42" s="372">
        <v>0</v>
      </c>
      <c r="DR42" s="373">
        <v>0</v>
      </c>
      <c r="DS42" s="375">
        <v>0</v>
      </c>
      <c r="DT42" s="371">
        <v>0</v>
      </c>
      <c r="DU42" s="372">
        <v>0</v>
      </c>
      <c r="DV42" s="373">
        <v>0</v>
      </c>
      <c r="DW42" s="371">
        <v>0</v>
      </c>
      <c r="DX42" s="372">
        <v>0</v>
      </c>
      <c r="DY42" s="372">
        <v>0</v>
      </c>
      <c r="DZ42" s="372">
        <v>0</v>
      </c>
      <c r="EA42" s="372">
        <v>0</v>
      </c>
      <c r="EB42" s="372">
        <v>0</v>
      </c>
      <c r="EC42" s="373">
        <v>0</v>
      </c>
      <c r="ED42" s="375">
        <v>0</v>
      </c>
      <c r="EE42" s="371">
        <v>0</v>
      </c>
      <c r="EF42" s="376">
        <v>0</v>
      </c>
      <c r="EG42" s="373">
        <v>0</v>
      </c>
      <c r="EH42" s="371">
        <v>0</v>
      </c>
      <c r="EI42" s="372">
        <v>0</v>
      </c>
      <c r="EJ42" s="372">
        <v>0</v>
      </c>
      <c r="EK42" s="372">
        <v>0</v>
      </c>
      <c r="EL42" s="372">
        <v>0</v>
      </c>
      <c r="EM42" s="372">
        <v>0</v>
      </c>
      <c r="EN42" s="376">
        <v>0</v>
      </c>
      <c r="EO42" s="375">
        <v>0</v>
      </c>
      <c r="EP42" s="371">
        <v>0</v>
      </c>
      <c r="EQ42" s="372">
        <v>0</v>
      </c>
      <c r="ER42" s="376">
        <v>0</v>
      </c>
      <c r="ES42" s="377">
        <v>0</v>
      </c>
      <c r="ET42" s="372">
        <v>0</v>
      </c>
      <c r="EU42" s="372">
        <v>0</v>
      </c>
      <c r="EV42" s="372">
        <v>0</v>
      </c>
      <c r="EW42" s="372">
        <v>0</v>
      </c>
      <c r="EX42" s="372">
        <v>0</v>
      </c>
      <c r="EY42" s="373">
        <v>0</v>
      </c>
      <c r="EZ42" s="375">
        <v>0</v>
      </c>
      <c r="FA42" s="371">
        <v>0</v>
      </c>
      <c r="FB42" s="372">
        <v>0</v>
      </c>
      <c r="FC42" s="376">
        <v>0</v>
      </c>
      <c r="FD42" s="377">
        <v>0</v>
      </c>
      <c r="FE42" s="372">
        <v>0</v>
      </c>
      <c r="FF42" s="372">
        <v>0</v>
      </c>
      <c r="FG42" s="372">
        <v>0</v>
      </c>
      <c r="FH42" s="372">
        <v>0</v>
      </c>
      <c r="FI42" s="372">
        <v>0</v>
      </c>
      <c r="FJ42" s="373">
        <v>0</v>
      </c>
      <c r="FK42" s="375">
        <v>0</v>
      </c>
      <c r="FL42" s="371">
        <v>0</v>
      </c>
      <c r="FM42" s="372">
        <v>0</v>
      </c>
      <c r="FN42" s="373">
        <v>0</v>
      </c>
      <c r="FO42" s="371">
        <v>0</v>
      </c>
      <c r="FP42" s="372">
        <v>1200</v>
      </c>
      <c r="FQ42" s="372">
        <v>47760</v>
      </c>
      <c r="FR42" s="372">
        <v>0</v>
      </c>
      <c r="FS42" s="372">
        <v>0</v>
      </c>
      <c r="FT42" s="372">
        <v>0</v>
      </c>
      <c r="FU42" s="373">
        <v>48960</v>
      </c>
      <c r="FV42" s="375">
        <v>48960</v>
      </c>
      <c r="FW42" s="378">
        <v>0</v>
      </c>
      <c r="FX42" s="372">
        <v>0</v>
      </c>
      <c r="FY42" s="376">
        <v>0</v>
      </c>
      <c r="FZ42" s="377">
        <v>0</v>
      </c>
      <c r="GA42" s="372">
        <v>1200</v>
      </c>
      <c r="GB42" s="372">
        <v>47760</v>
      </c>
      <c r="GC42" s="372">
        <v>0</v>
      </c>
      <c r="GD42" s="372">
        <v>0</v>
      </c>
      <c r="GE42" s="372">
        <v>0</v>
      </c>
      <c r="GF42" s="373">
        <v>48960</v>
      </c>
      <c r="GG42" s="379">
        <v>48960</v>
      </c>
      <c r="GH42" s="378">
        <v>0</v>
      </c>
      <c r="GI42" s="372">
        <v>0</v>
      </c>
      <c r="GJ42" s="376">
        <v>0</v>
      </c>
      <c r="GK42" s="377">
        <v>0</v>
      </c>
      <c r="GL42" s="372">
        <v>0</v>
      </c>
      <c r="GM42" s="372">
        <v>0</v>
      </c>
      <c r="GN42" s="372">
        <v>0</v>
      </c>
      <c r="GO42" s="372">
        <v>0</v>
      </c>
      <c r="GP42" s="372">
        <v>0</v>
      </c>
      <c r="GQ42" s="373">
        <v>0</v>
      </c>
      <c r="GR42" s="375">
        <v>0</v>
      </c>
      <c r="GS42" s="371">
        <v>0</v>
      </c>
      <c r="GT42" s="372">
        <v>0</v>
      </c>
      <c r="GU42" s="373">
        <v>0</v>
      </c>
      <c r="GV42" s="371">
        <v>0</v>
      </c>
      <c r="GW42" s="372">
        <v>0</v>
      </c>
      <c r="GX42" s="372">
        <v>0</v>
      </c>
      <c r="GY42" s="372">
        <v>0</v>
      </c>
      <c r="GZ42" s="372">
        <v>0</v>
      </c>
      <c r="HA42" s="372">
        <v>0</v>
      </c>
      <c r="HB42" s="376">
        <v>0</v>
      </c>
      <c r="HC42" s="375">
        <v>0</v>
      </c>
      <c r="HD42" s="371">
        <v>0</v>
      </c>
      <c r="HE42" s="372">
        <v>0</v>
      </c>
      <c r="HF42" s="376">
        <v>0</v>
      </c>
      <c r="HG42" s="377">
        <v>0</v>
      </c>
      <c r="HH42" s="372">
        <v>0</v>
      </c>
      <c r="HI42" s="372">
        <v>0</v>
      </c>
      <c r="HJ42" s="372">
        <v>0</v>
      </c>
      <c r="HK42" s="372">
        <v>0</v>
      </c>
      <c r="HL42" s="372">
        <v>0</v>
      </c>
      <c r="HM42" s="373">
        <v>0</v>
      </c>
      <c r="HN42" s="374">
        <v>0</v>
      </c>
      <c r="HO42" s="378">
        <v>0</v>
      </c>
      <c r="HP42" s="372">
        <v>0</v>
      </c>
      <c r="HQ42" s="373">
        <v>0</v>
      </c>
      <c r="HR42" s="371">
        <v>0</v>
      </c>
      <c r="HS42" s="372">
        <v>0</v>
      </c>
      <c r="HT42" s="372">
        <v>0</v>
      </c>
      <c r="HU42" s="372">
        <v>0</v>
      </c>
      <c r="HV42" s="372">
        <v>0</v>
      </c>
      <c r="HW42" s="372">
        <v>0</v>
      </c>
      <c r="HX42" s="376">
        <v>0</v>
      </c>
      <c r="HY42" s="375">
        <v>0</v>
      </c>
      <c r="HZ42" s="380">
        <v>0</v>
      </c>
      <c r="IA42" s="381">
        <v>0</v>
      </c>
      <c r="IB42" s="382">
        <v>0</v>
      </c>
      <c r="IC42" s="383">
        <v>0</v>
      </c>
      <c r="ID42" s="384">
        <v>0</v>
      </c>
      <c r="IE42" s="385">
        <v>0</v>
      </c>
      <c r="IF42" s="386">
        <v>0</v>
      </c>
      <c r="IG42" s="384">
        <v>0</v>
      </c>
      <c r="IH42" s="386">
        <v>0</v>
      </c>
      <c r="II42" s="387">
        <v>0</v>
      </c>
      <c r="IJ42" s="388">
        <v>0</v>
      </c>
      <c r="IK42" s="389">
        <v>0</v>
      </c>
      <c r="IL42" s="390">
        <v>0</v>
      </c>
      <c r="IM42" s="391">
        <v>0</v>
      </c>
      <c r="IN42" s="405">
        <v>0</v>
      </c>
      <c r="IO42" s="392">
        <v>0</v>
      </c>
      <c r="IP42" s="392">
        <v>0</v>
      </c>
      <c r="IQ42" s="392">
        <v>0</v>
      </c>
      <c r="IR42" s="392">
        <v>0</v>
      </c>
      <c r="IS42" s="392">
        <v>0</v>
      </c>
      <c r="IT42" s="393">
        <v>0</v>
      </c>
      <c r="IU42" s="394">
        <v>0</v>
      </c>
      <c r="IV42" s="395">
        <v>0</v>
      </c>
      <c r="IW42" s="392">
        <v>0</v>
      </c>
      <c r="IX42" s="396">
        <v>0</v>
      </c>
      <c r="IY42" s="405">
        <v>0</v>
      </c>
      <c r="IZ42" s="392">
        <v>0</v>
      </c>
      <c r="JA42" s="392">
        <v>0</v>
      </c>
      <c r="JB42" s="392">
        <v>0</v>
      </c>
      <c r="JC42" s="392">
        <v>0</v>
      </c>
      <c r="JD42" s="392">
        <v>0</v>
      </c>
      <c r="JE42" s="396">
        <v>0</v>
      </c>
      <c r="JF42" s="397">
        <v>0</v>
      </c>
      <c r="JG42" s="395">
        <v>0</v>
      </c>
      <c r="JH42" s="392">
        <v>0</v>
      </c>
      <c r="JI42" s="393">
        <v>0</v>
      </c>
      <c r="JJ42" s="398">
        <v>0</v>
      </c>
      <c r="JK42" s="392">
        <v>0</v>
      </c>
      <c r="JL42" s="392">
        <v>0</v>
      </c>
      <c r="JM42" s="392">
        <v>0</v>
      </c>
      <c r="JN42" s="392">
        <v>0</v>
      </c>
      <c r="JO42" s="392">
        <v>0</v>
      </c>
      <c r="JP42" s="396">
        <v>0</v>
      </c>
      <c r="JQ42" s="394">
        <v>0</v>
      </c>
      <c r="JR42" s="395">
        <v>0</v>
      </c>
      <c r="JS42" s="392">
        <v>0</v>
      </c>
      <c r="JT42" s="393">
        <v>0</v>
      </c>
      <c r="JU42" s="398">
        <v>0</v>
      </c>
      <c r="JV42" s="392">
        <v>0</v>
      </c>
      <c r="JW42" s="392">
        <v>0</v>
      </c>
      <c r="JX42" s="392">
        <v>0</v>
      </c>
      <c r="JY42" s="392">
        <v>0</v>
      </c>
      <c r="JZ42" s="392">
        <v>0</v>
      </c>
      <c r="KA42" s="396">
        <v>0</v>
      </c>
      <c r="KB42" s="394">
        <v>0</v>
      </c>
      <c r="KC42" s="399">
        <v>0</v>
      </c>
      <c r="KD42" s="400">
        <v>0</v>
      </c>
      <c r="KE42" s="396">
        <v>0</v>
      </c>
      <c r="KF42" s="398">
        <v>0</v>
      </c>
      <c r="KG42" s="392">
        <v>0</v>
      </c>
      <c r="KH42" s="392">
        <v>0</v>
      </c>
      <c r="KI42" s="392">
        <v>0</v>
      </c>
      <c r="KJ42" s="392">
        <v>0</v>
      </c>
      <c r="KK42" s="392">
        <v>0</v>
      </c>
      <c r="KL42" s="396">
        <v>0</v>
      </c>
      <c r="KM42" s="401">
        <v>0</v>
      </c>
      <c r="KN42" s="389">
        <v>0</v>
      </c>
      <c r="KO42" s="390">
        <v>0</v>
      </c>
      <c r="KP42" s="391">
        <v>0</v>
      </c>
      <c r="KQ42" s="405">
        <v>0</v>
      </c>
      <c r="KR42" s="392">
        <v>0</v>
      </c>
      <c r="KS42" s="392">
        <v>0</v>
      </c>
      <c r="KT42" s="392">
        <v>0</v>
      </c>
      <c r="KU42" s="392">
        <v>0</v>
      </c>
      <c r="KV42" s="392">
        <v>0</v>
      </c>
      <c r="KW42" s="396">
        <v>0</v>
      </c>
      <c r="KX42" s="394">
        <v>0</v>
      </c>
      <c r="KY42" s="395">
        <v>0</v>
      </c>
      <c r="KZ42" s="392">
        <v>0</v>
      </c>
      <c r="LA42" s="396">
        <v>0</v>
      </c>
      <c r="LB42" s="405">
        <v>0</v>
      </c>
      <c r="LC42" s="392">
        <v>0</v>
      </c>
      <c r="LD42" s="392">
        <v>0</v>
      </c>
      <c r="LE42" s="392">
        <v>0</v>
      </c>
      <c r="LF42" s="392">
        <v>0</v>
      </c>
      <c r="LG42" s="392">
        <v>0</v>
      </c>
      <c r="LH42" s="396">
        <v>0</v>
      </c>
      <c r="LI42" s="397">
        <v>0</v>
      </c>
      <c r="LJ42" s="395">
        <v>0</v>
      </c>
      <c r="LK42" s="392">
        <v>0</v>
      </c>
      <c r="LL42" s="396">
        <v>0</v>
      </c>
      <c r="LM42" s="405">
        <v>0</v>
      </c>
      <c r="LN42" s="392">
        <v>0</v>
      </c>
      <c r="LO42" s="392">
        <v>0</v>
      </c>
      <c r="LP42" s="392">
        <v>0</v>
      </c>
      <c r="LQ42" s="392">
        <v>0</v>
      </c>
      <c r="LR42" s="392">
        <v>0</v>
      </c>
      <c r="LS42" s="396">
        <v>0</v>
      </c>
      <c r="LT42" s="394">
        <v>0</v>
      </c>
      <c r="LU42" s="395">
        <v>0</v>
      </c>
      <c r="LV42" s="392">
        <v>0</v>
      </c>
      <c r="LW42" s="396">
        <v>0</v>
      </c>
      <c r="LX42" s="405">
        <v>0</v>
      </c>
      <c r="LY42" s="392">
        <v>0</v>
      </c>
      <c r="LZ42" s="392">
        <v>0</v>
      </c>
      <c r="MA42" s="392">
        <v>0</v>
      </c>
      <c r="MB42" s="392">
        <v>0</v>
      </c>
      <c r="MC42" s="392">
        <v>0</v>
      </c>
      <c r="MD42" s="396">
        <v>0</v>
      </c>
      <c r="ME42" s="397">
        <v>0</v>
      </c>
      <c r="MF42" s="395">
        <v>0</v>
      </c>
      <c r="MG42" s="392">
        <v>0</v>
      </c>
      <c r="MH42" s="396">
        <v>0</v>
      </c>
      <c r="MI42" s="405">
        <v>0</v>
      </c>
      <c r="MJ42" s="392">
        <v>0</v>
      </c>
      <c r="MK42" s="392">
        <v>0</v>
      </c>
      <c r="ML42" s="392">
        <v>242487</v>
      </c>
      <c r="MM42" s="392">
        <v>0</v>
      </c>
      <c r="MN42" s="392">
        <v>0</v>
      </c>
      <c r="MO42" s="396">
        <v>242487</v>
      </c>
      <c r="MP42" s="401">
        <v>242487</v>
      </c>
      <c r="MQ42" s="395">
        <v>0</v>
      </c>
      <c r="MR42" s="392">
        <v>0</v>
      </c>
      <c r="MS42" s="396">
        <v>0</v>
      </c>
      <c r="MT42" s="405">
        <v>0</v>
      </c>
      <c r="MU42" s="392">
        <v>0</v>
      </c>
      <c r="MV42" s="392">
        <v>0</v>
      </c>
      <c r="MW42" s="392">
        <v>242487</v>
      </c>
      <c r="MX42" s="392">
        <v>0</v>
      </c>
      <c r="MY42" s="392">
        <v>0</v>
      </c>
      <c r="MZ42" s="396">
        <v>242487</v>
      </c>
      <c r="NA42" s="401">
        <v>242487</v>
      </c>
      <c r="NB42" s="395">
        <v>0</v>
      </c>
      <c r="NC42" s="392">
        <v>0</v>
      </c>
      <c r="ND42" s="396">
        <v>0</v>
      </c>
      <c r="NE42" s="405">
        <v>0</v>
      </c>
      <c r="NF42" s="392">
        <v>0</v>
      </c>
      <c r="NG42" s="392">
        <v>0</v>
      </c>
      <c r="NH42" s="392">
        <v>0</v>
      </c>
      <c r="NI42" s="392">
        <v>0</v>
      </c>
      <c r="NJ42" s="392">
        <v>0</v>
      </c>
      <c r="NK42" s="396">
        <v>0</v>
      </c>
      <c r="NL42" s="394">
        <v>0</v>
      </c>
      <c r="NM42" s="395">
        <v>0</v>
      </c>
      <c r="NN42" s="392">
        <v>0</v>
      </c>
      <c r="NO42" s="396">
        <v>0</v>
      </c>
      <c r="NP42" s="405">
        <v>0</v>
      </c>
      <c r="NQ42" s="392">
        <v>0</v>
      </c>
      <c r="NR42" s="392">
        <v>0</v>
      </c>
      <c r="NS42" s="392">
        <v>0</v>
      </c>
      <c r="NT42" s="392">
        <v>0</v>
      </c>
      <c r="NU42" s="392">
        <v>0</v>
      </c>
      <c r="NV42" s="396">
        <v>0</v>
      </c>
      <c r="NW42" s="397">
        <v>0</v>
      </c>
      <c r="NX42" s="395">
        <v>0</v>
      </c>
      <c r="NY42" s="392">
        <v>0</v>
      </c>
      <c r="NZ42" s="396">
        <v>0</v>
      </c>
      <c r="OA42" s="405">
        <v>0</v>
      </c>
      <c r="OB42" s="392">
        <v>0</v>
      </c>
      <c r="OC42" s="392">
        <v>0</v>
      </c>
      <c r="OD42" s="392">
        <v>0</v>
      </c>
      <c r="OE42" s="392">
        <v>0</v>
      </c>
      <c r="OF42" s="392">
        <v>0</v>
      </c>
      <c r="OG42" s="396">
        <v>0</v>
      </c>
      <c r="OH42" s="397">
        <v>0</v>
      </c>
      <c r="OI42" s="395">
        <v>0</v>
      </c>
      <c r="OJ42" s="392">
        <v>0</v>
      </c>
      <c r="OK42" s="393">
        <v>0</v>
      </c>
      <c r="OL42" s="398">
        <v>0</v>
      </c>
      <c r="OM42" s="392">
        <v>19333</v>
      </c>
      <c r="ON42" s="392">
        <v>137778</v>
      </c>
      <c r="OO42" s="392">
        <v>242487</v>
      </c>
      <c r="OP42" s="392">
        <v>0</v>
      </c>
      <c r="OQ42" s="392">
        <v>0</v>
      </c>
      <c r="OR42" s="396">
        <v>399598</v>
      </c>
      <c r="OS42" s="401">
        <v>399598</v>
      </c>
    </row>
    <row r="43" spans="2:409" x14ac:dyDescent="0.2">
      <c r="B43" s="71" t="s">
        <v>84</v>
      </c>
    </row>
  </sheetData>
  <mergeCells count="158">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 ref="GH6:GR6"/>
    <mergeCell ref="GR7:GR8"/>
    <mergeCell ref="GS7:GU7"/>
    <mergeCell ref="ES7:EY7"/>
    <mergeCell ref="FA7:FC7"/>
    <mergeCell ref="FD7:FJ7"/>
    <mergeCell ref="FK7:FK8"/>
    <mergeCell ref="GS6:HC6"/>
    <mergeCell ref="FA6:FK6"/>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N7:P7"/>
    <mergeCell ref="Q7:W7"/>
    <mergeCell ref="BI7:BO7"/>
    <mergeCell ref="X7:X8"/>
    <mergeCell ref="Y7:AA7"/>
    <mergeCell ref="AB7:AH7"/>
    <mergeCell ref="AI7:AI8"/>
    <mergeCell ref="AJ7:AL7"/>
    <mergeCell ref="AM7:AS7"/>
    <mergeCell ref="AT7:AT8"/>
    <mergeCell ref="AU7:AW7"/>
    <mergeCell ref="AX7:BD7"/>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77734375" style="71" customWidth="1"/>
    <col min="7" max="8" width="10" style="71" customWidth="1"/>
    <col min="9" max="9" width="9.88671875" style="71" customWidth="1"/>
    <col min="10" max="10" width="9.77734375" style="71" customWidth="1"/>
    <col min="11" max="11" width="9.88671875" style="71" customWidth="1"/>
    <col min="12" max="12" width="10.88671875" style="71" customWidth="1"/>
    <col min="13" max="13" width="11.109375" style="71" customWidth="1"/>
    <col min="14" max="16" width="8.21875" style="71" customWidth="1"/>
    <col min="17" max="17" width="7.21875" style="71" customWidth="1"/>
    <col min="18" max="18" width="8.21875" style="71" customWidth="1"/>
    <col min="19" max="19" width="10.109375" style="71" customWidth="1"/>
    <col min="20" max="20" width="9.109375" style="71" customWidth="1"/>
    <col min="21" max="21" width="9.77734375" style="71" customWidth="1"/>
    <col min="22" max="22" width="10.33203125" style="71" customWidth="1"/>
    <col min="23" max="23" width="10.44140625" style="71" customWidth="1"/>
    <col min="24" max="24" width="11" style="71" customWidth="1"/>
    <col min="25" max="27" width="8.21875" style="71" customWidth="1"/>
    <col min="28" max="28" width="7" style="71" customWidth="1"/>
    <col min="29" max="33" width="8.21875" style="71" customWidth="1"/>
    <col min="34" max="34" width="10.6640625" style="71" customWidth="1"/>
    <col min="35" max="35" width="10" style="71" customWidth="1"/>
    <col min="36" max="38" width="8.21875" style="71" customWidth="1"/>
    <col min="39" max="39" width="7" style="71" customWidth="1"/>
    <col min="40" max="49" width="8.21875" style="71" customWidth="1"/>
    <col min="50" max="50" width="7.21875" style="71" customWidth="1"/>
    <col min="51" max="55" width="8.21875" style="71" customWidth="1"/>
    <col min="56" max="57" width="9.33203125" style="71" customWidth="1"/>
    <col min="58" max="60" width="8.21875" style="71" customWidth="1"/>
    <col min="61" max="61" width="6.88671875" style="71" customWidth="1"/>
    <col min="62" max="71" width="8.21875" style="71" customWidth="1"/>
    <col min="72" max="72" width="7.21875" style="71" customWidth="1"/>
    <col min="73" max="79" width="8.21875" style="71" customWidth="1"/>
    <col min="80" max="82" width="8.21875" style="247" customWidth="1"/>
    <col min="83" max="83" width="7.6640625" style="247" customWidth="1"/>
    <col min="84" max="84" width="9.88671875" style="247" customWidth="1"/>
    <col min="85" max="85" width="10" style="247" customWidth="1"/>
    <col min="86" max="86" width="9.77734375" style="247" customWidth="1"/>
    <col min="87" max="87" width="9.21875" style="247" customWidth="1"/>
    <col min="88" max="88" width="8.77734375" style="247" customWidth="1"/>
    <col min="89" max="89" width="9.88671875" style="247" customWidth="1"/>
    <col min="90" max="90" width="9.77734375" style="247" customWidth="1"/>
    <col min="91" max="93" width="8.21875" style="71" customWidth="1"/>
    <col min="94" max="94" width="7.33203125" style="71" customWidth="1"/>
    <col min="95" max="95" width="9.88671875" style="71" bestFit="1" customWidth="1"/>
    <col min="96" max="96" width="10" style="71" customWidth="1"/>
    <col min="97" max="97" width="9.6640625" style="71" customWidth="1"/>
    <col min="98" max="99" width="8.21875" style="71" customWidth="1"/>
    <col min="100" max="101" width="9.88671875" style="71" customWidth="1"/>
    <col min="102" max="104" width="8.21875" style="71" customWidth="1"/>
    <col min="105" max="105" width="7.44140625" style="71" customWidth="1"/>
    <col min="106" max="110" width="8.21875" style="71" customWidth="1"/>
    <col min="111" max="111" width="10" style="71" customWidth="1"/>
    <col min="112" max="112" width="9.88671875" style="71" customWidth="1"/>
    <col min="113" max="115" width="8.21875" style="247" customWidth="1"/>
    <col min="116" max="116" width="7.21875" style="247" customWidth="1"/>
    <col min="117" max="121" width="8.21875" style="247" customWidth="1"/>
    <col min="122" max="122" width="10.109375" style="247" customWidth="1"/>
    <col min="123" max="123" width="9.77734375" style="247" customWidth="1"/>
    <col min="124" max="126" width="8.21875" style="71" customWidth="1"/>
    <col min="127" max="127" width="7.33203125" style="71" customWidth="1"/>
    <col min="128" max="132" width="8.21875" style="71" customWidth="1"/>
    <col min="133" max="133" width="10.33203125" style="71" customWidth="1"/>
    <col min="134" max="134" width="10.109375" style="71" customWidth="1"/>
    <col min="135" max="137" width="8.21875" style="71" customWidth="1"/>
    <col min="138" max="138" width="7.109375" style="71" customWidth="1"/>
    <col min="139" max="148" width="8.21875" style="71" customWidth="1"/>
    <col min="149" max="149" width="7.21875" style="71" customWidth="1"/>
    <col min="150" max="159" width="8.21875" style="71" customWidth="1"/>
    <col min="160" max="160" width="7.21875" style="71" customWidth="1"/>
    <col min="161" max="167" width="8.21875" style="71" customWidth="1"/>
    <col min="168" max="170" width="8.21875" style="247" customWidth="1"/>
    <col min="171" max="171" width="6.6640625" style="247" customWidth="1"/>
    <col min="172" max="176" width="8.21875" style="247" customWidth="1"/>
    <col min="177" max="177" width="10.109375" style="247" customWidth="1"/>
    <col min="178" max="178" width="9.88671875" style="247" customWidth="1"/>
    <col min="179" max="181" width="8.21875" style="71" customWidth="1"/>
    <col min="182" max="182" width="7.33203125" style="71" customWidth="1"/>
    <col min="183" max="187" width="8.21875" style="71" customWidth="1"/>
    <col min="188" max="188" width="10" style="71" customWidth="1"/>
    <col min="189" max="189" width="10.6640625" style="71" customWidth="1"/>
    <col min="190" max="192" width="8.21875" style="71" customWidth="1"/>
    <col min="193" max="193" width="7.21875" style="71" customWidth="1"/>
    <col min="194" max="203" width="8.21875" style="71" customWidth="1"/>
    <col min="204" max="204" width="7.109375" style="71" customWidth="1"/>
    <col min="205" max="214" width="8.21875" style="71" customWidth="1"/>
    <col min="215" max="215" width="7.109375" style="71" customWidth="1"/>
    <col min="216" max="220" width="8.21875" style="71" customWidth="1"/>
    <col min="221" max="222" width="9.77734375" style="71" customWidth="1"/>
    <col min="223" max="225" width="8.21875" style="71" customWidth="1"/>
    <col min="226" max="226" width="7.21875" style="71" customWidth="1"/>
    <col min="227" max="231" width="8.2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2:409" ht="24" customHeight="1" x14ac:dyDescent="0.2">
      <c r="B1" s="10" t="s">
        <v>133</v>
      </c>
      <c r="E1" s="63">
        <f>第１表!F2</f>
        <v>6</v>
      </c>
      <c r="F1" s="418">
        <f>第１表!G2</f>
        <v>10</v>
      </c>
      <c r="G1" s="573">
        <f>IF(F1&lt;3,F1-2+12,F1-2)</f>
        <v>8</v>
      </c>
      <c r="H1" s="573"/>
      <c r="IB1" s="42"/>
      <c r="IC1" s="22"/>
      <c r="ID1" s="548"/>
      <c r="IE1" s="548"/>
    </row>
    <row r="2" spans="2:409" ht="24" customHeight="1" x14ac:dyDescent="0.2">
      <c r="B2" s="10" t="s">
        <v>144</v>
      </c>
      <c r="E2" s="19"/>
      <c r="F2" s="20"/>
      <c r="G2" s="248"/>
      <c r="H2" s="248"/>
      <c r="IB2" s="21"/>
      <c r="IC2" s="22"/>
      <c r="ID2" s="248"/>
      <c r="IE2" s="248"/>
    </row>
    <row r="3" spans="2:409" ht="24" customHeight="1" thickBot="1" x14ac:dyDescent="0.25">
      <c r="B3" s="10" t="s">
        <v>153</v>
      </c>
    </row>
    <row r="4" spans="2:409" ht="21" customHeight="1" thickBot="1" x14ac:dyDescent="0.25">
      <c r="B4" s="555" t="s">
        <v>42</v>
      </c>
      <c r="C4" s="558" t="s">
        <v>63</v>
      </c>
      <c r="D4" s="558"/>
      <c r="E4" s="558"/>
      <c r="F4" s="558"/>
      <c r="G4" s="558"/>
      <c r="H4" s="558"/>
      <c r="I4" s="558"/>
      <c r="J4" s="558"/>
      <c r="K4" s="558"/>
      <c r="L4" s="558"/>
      <c r="M4" s="558"/>
      <c r="N4" s="521"/>
      <c r="O4" s="521"/>
      <c r="P4" s="521"/>
      <c r="Q4" s="521"/>
      <c r="R4" s="521"/>
      <c r="S4" s="521"/>
      <c r="T4" s="521"/>
      <c r="U4" s="521"/>
      <c r="V4" s="521"/>
      <c r="W4" s="521"/>
      <c r="X4" s="521"/>
      <c r="Y4" s="521"/>
      <c r="Z4" s="521"/>
      <c r="AA4" s="521"/>
      <c r="AB4" s="521"/>
      <c r="AC4" s="521"/>
      <c r="AD4" s="521"/>
      <c r="AE4" s="521"/>
      <c r="AF4" s="521"/>
      <c r="AG4" s="521"/>
      <c r="AH4" s="521"/>
      <c r="AI4" s="521"/>
      <c r="AJ4" s="521"/>
      <c r="AK4" s="521"/>
      <c r="AL4" s="521"/>
      <c r="AM4" s="521"/>
      <c r="AN4" s="521"/>
      <c r="AO4" s="521"/>
      <c r="AP4" s="521"/>
      <c r="AQ4" s="521"/>
      <c r="AR4" s="521"/>
      <c r="AS4" s="521"/>
      <c r="AT4" s="521"/>
      <c r="AU4" s="521"/>
      <c r="AV4" s="521"/>
      <c r="AW4" s="521"/>
      <c r="AX4" s="521"/>
      <c r="AY4" s="521"/>
      <c r="AZ4" s="521"/>
      <c r="BA4" s="521"/>
      <c r="BB4" s="521"/>
      <c r="BC4" s="521"/>
      <c r="BD4" s="521"/>
      <c r="BE4" s="521"/>
      <c r="BF4" s="521"/>
      <c r="BG4" s="521"/>
      <c r="BH4" s="521"/>
      <c r="BI4" s="521"/>
      <c r="BJ4" s="521"/>
      <c r="BK4" s="521"/>
      <c r="BL4" s="521"/>
      <c r="BM4" s="521"/>
      <c r="BN4" s="521"/>
      <c r="BO4" s="521"/>
      <c r="BP4" s="521"/>
      <c r="BQ4" s="521"/>
      <c r="BR4" s="521"/>
      <c r="BS4" s="521"/>
      <c r="BT4" s="521"/>
      <c r="BU4" s="521"/>
      <c r="BV4" s="521"/>
      <c r="BW4" s="521"/>
      <c r="BX4" s="521"/>
      <c r="BY4" s="521"/>
      <c r="BZ4" s="521"/>
      <c r="CA4" s="521"/>
      <c r="CB4" s="521"/>
      <c r="CC4" s="521"/>
      <c r="CD4" s="521"/>
      <c r="CE4" s="521"/>
      <c r="CF4" s="521"/>
      <c r="CG4" s="521"/>
      <c r="CH4" s="521"/>
      <c r="CI4" s="521"/>
      <c r="CJ4" s="521"/>
      <c r="CK4" s="521"/>
      <c r="CL4" s="521"/>
      <c r="CM4" s="521"/>
      <c r="CN4" s="521"/>
      <c r="CO4" s="521"/>
      <c r="CP4" s="521"/>
      <c r="CQ4" s="521"/>
      <c r="CR4" s="521"/>
      <c r="CS4" s="521"/>
      <c r="CT4" s="521"/>
      <c r="CU4" s="521"/>
      <c r="CV4" s="521"/>
      <c r="CW4" s="521"/>
      <c r="CX4" s="521"/>
      <c r="CY4" s="521"/>
      <c r="CZ4" s="521"/>
      <c r="DA4" s="521"/>
      <c r="DB4" s="521"/>
      <c r="DC4" s="521"/>
      <c r="DD4" s="521"/>
      <c r="DE4" s="521"/>
      <c r="DF4" s="521"/>
      <c r="DG4" s="521"/>
      <c r="DH4" s="521"/>
      <c r="DI4" s="521"/>
      <c r="DJ4" s="521"/>
      <c r="DK4" s="521"/>
      <c r="DL4" s="521"/>
      <c r="DM4" s="521"/>
      <c r="DN4" s="521"/>
      <c r="DO4" s="521"/>
      <c r="DP4" s="521"/>
      <c r="DQ4" s="521"/>
      <c r="DR4" s="521"/>
      <c r="DS4" s="521"/>
      <c r="DT4" s="521"/>
      <c r="DU4" s="521"/>
      <c r="DV4" s="521"/>
      <c r="DW4" s="521"/>
      <c r="DX4" s="521"/>
      <c r="DY4" s="521"/>
      <c r="DZ4" s="521"/>
      <c r="EA4" s="521"/>
      <c r="EB4" s="521"/>
      <c r="EC4" s="521"/>
      <c r="ED4" s="521"/>
      <c r="EE4" s="521"/>
      <c r="EF4" s="521"/>
      <c r="EG4" s="521"/>
      <c r="EH4" s="521"/>
      <c r="EI4" s="521"/>
      <c r="EJ4" s="521"/>
      <c r="EK4" s="521"/>
      <c r="EL4" s="521"/>
      <c r="EM4" s="521"/>
      <c r="EN4" s="521"/>
      <c r="EO4" s="521"/>
      <c r="EP4" s="521"/>
      <c r="EQ4" s="521"/>
      <c r="ER4" s="521"/>
      <c r="ES4" s="521"/>
      <c r="ET4" s="521"/>
      <c r="EU4" s="521"/>
      <c r="EV4" s="521"/>
      <c r="EW4" s="521"/>
      <c r="EX4" s="521"/>
      <c r="EY4" s="521"/>
      <c r="EZ4" s="521"/>
      <c r="FA4" s="521"/>
      <c r="FB4" s="521"/>
      <c r="FC4" s="521"/>
      <c r="FD4" s="521"/>
      <c r="FE4" s="521"/>
      <c r="FF4" s="521"/>
      <c r="FG4" s="521"/>
      <c r="FH4" s="521"/>
      <c r="FI4" s="521"/>
      <c r="FJ4" s="521"/>
      <c r="FK4" s="521"/>
      <c r="FL4" s="521"/>
      <c r="FM4" s="521"/>
      <c r="FN4" s="521"/>
      <c r="FO4" s="521"/>
      <c r="FP4" s="521"/>
      <c r="FQ4" s="521"/>
      <c r="FR4" s="521"/>
      <c r="FS4" s="521"/>
      <c r="FT4" s="521"/>
      <c r="FU4" s="521"/>
      <c r="FV4" s="521"/>
      <c r="FW4" s="521"/>
      <c r="FX4" s="521"/>
      <c r="FY4" s="521"/>
      <c r="FZ4" s="521"/>
      <c r="GA4" s="521"/>
      <c r="GB4" s="521"/>
      <c r="GC4" s="521"/>
      <c r="GD4" s="521"/>
      <c r="GE4" s="521"/>
      <c r="GF4" s="521"/>
      <c r="GG4" s="521"/>
      <c r="GH4" s="521"/>
      <c r="GI4" s="521"/>
      <c r="GJ4" s="521"/>
      <c r="GK4" s="521"/>
      <c r="GL4" s="521"/>
      <c r="GM4" s="521"/>
      <c r="GN4" s="521"/>
      <c r="GO4" s="521"/>
      <c r="GP4" s="521"/>
      <c r="GQ4" s="521"/>
      <c r="GR4" s="521"/>
      <c r="GS4" s="521"/>
      <c r="GT4" s="521"/>
      <c r="GU4" s="521"/>
      <c r="GV4" s="521"/>
      <c r="GW4" s="521"/>
      <c r="GX4" s="521"/>
      <c r="GY4" s="521"/>
      <c r="GZ4" s="521"/>
      <c r="HA4" s="521"/>
      <c r="HB4" s="521"/>
      <c r="HC4" s="521"/>
      <c r="HD4" s="521"/>
      <c r="HE4" s="521"/>
      <c r="HF4" s="521"/>
      <c r="HG4" s="521"/>
      <c r="HH4" s="521"/>
      <c r="HI4" s="521"/>
      <c r="HJ4" s="521"/>
      <c r="HK4" s="521"/>
      <c r="HL4" s="521"/>
      <c r="HM4" s="521"/>
      <c r="HN4" s="521"/>
      <c r="HO4" s="521"/>
      <c r="HP4" s="521"/>
      <c r="HQ4" s="521"/>
      <c r="HR4" s="521"/>
      <c r="HS4" s="521"/>
      <c r="HT4" s="521"/>
      <c r="HU4" s="521"/>
      <c r="HV4" s="521"/>
      <c r="HW4" s="521"/>
      <c r="HX4" s="521"/>
      <c r="HY4" s="522"/>
      <c r="HZ4" s="425" t="s">
        <v>85</v>
      </c>
      <c r="IA4" s="426"/>
      <c r="IB4" s="426"/>
      <c r="IC4" s="426"/>
      <c r="ID4" s="426"/>
      <c r="IE4" s="426"/>
      <c r="IF4" s="426"/>
      <c r="IG4" s="426"/>
      <c r="IH4" s="426"/>
      <c r="II4" s="426"/>
      <c r="IJ4" s="426"/>
      <c r="IK4" s="426"/>
      <c r="IL4" s="426"/>
      <c r="IM4" s="426"/>
      <c r="IN4" s="426"/>
      <c r="IO4" s="426"/>
      <c r="IP4" s="426"/>
      <c r="IQ4" s="426"/>
      <c r="IR4" s="426"/>
      <c r="IS4" s="426"/>
      <c r="IT4" s="426"/>
      <c r="IU4" s="426"/>
      <c r="IV4" s="426"/>
      <c r="IW4" s="426"/>
      <c r="IX4" s="426"/>
      <c r="IY4" s="426"/>
      <c r="IZ4" s="426"/>
      <c r="JA4" s="426"/>
      <c r="JB4" s="426"/>
      <c r="JC4" s="426"/>
      <c r="JD4" s="426"/>
      <c r="JE4" s="426"/>
      <c r="JF4" s="426"/>
      <c r="JG4" s="426"/>
      <c r="JH4" s="426"/>
      <c r="JI4" s="426"/>
      <c r="JJ4" s="426"/>
      <c r="JK4" s="426"/>
      <c r="JL4" s="426"/>
      <c r="JM4" s="426"/>
      <c r="JN4" s="426"/>
      <c r="JO4" s="426"/>
      <c r="JP4" s="426"/>
      <c r="JQ4" s="426"/>
      <c r="JR4" s="426"/>
      <c r="JS4" s="426"/>
      <c r="JT4" s="426"/>
      <c r="JU4" s="426"/>
      <c r="JV4" s="426"/>
      <c r="JW4" s="426"/>
      <c r="JX4" s="426"/>
      <c r="JY4" s="426"/>
      <c r="JZ4" s="426"/>
      <c r="KA4" s="426"/>
      <c r="KB4" s="426"/>
      <c r="KC4" s="426"/>
      <c r="KD4" s="426"/>
      <c r="KE4" s="426"/>
      <c r="KF4" s="426"/>
      <c r="KG4" s="426"/>
      <c r="KH4" s="426"/>
      <c r="KI4" s="426"/>
      <c r="KJ4" s="426"/>
      <c r="KK4" s="426"/>
      <c r="KL4" s="426"/>
      <c r="KM4" s="426"/>
      <c r="KN4" s="426"/>
      <c r="KO4" s="426"/>
      <c r="KP4" s="426"/>
      <c r="KQ4" s="426"/>
      <c r="KR4" s="426"/>
      <c r="KS4" s="426"/>
      <c r="KT4" s="426"/>
      <c r="KU4" s="426"/>
      <c r="KV4" s="426"/>
      <c r="KW4" s="426"/>
      <c r="KX4" s="426"/>
      <c r="KY4" s="426"/>
      <c r="KZ4" s="426"/>
      <c r="LA4" s="426"/>
      <c r="LB4" s="426"/>
      <c r="LC4" s="426"/>
      <c r="LD4" s="426"/>
      <c r="LE4" s="426"/>
      <c r="LF4" s="426"/>
      <c r="LG4" s="426"/>
      <c r="LH4" s="426"/>
      <c r="LI4" s="426"/>
      <c r="LJ4" s="426"/>
      <c r="LK4" s="426"/>
      <c r="LL4" s="426"/>
      <c r="LM4" s="426"/>
      <c r="LN4" s="426"/>
      <c r="LO4" s="426"/>
      <c r="LP4" s="426"/>
      <c r="LQ4" s="426"/>
      <c r="LR4" s="426"/>
      <c r="LS4" s="426"/>
      <c r="LT4" s="426"/>
      <c r="LU4" s="426"/>
      <c r="LV4" s="426"/>
      <c r="LW4" s="426"/>
      <c r="LX4" s="426"/>
      <c r="LY4" s="426"/>
      <c r="LZ4" s="426"/>
      <c r="MA4" s="426"/>
      <c r="MB4" s="426"/>
      <c r="MC4" s="426"/>
      <c r="MD4" s="426"/>
      <c r="ME4" s="427"/>
      <c r="MF4" s="425" t="s">
        <v>86</v>
      </c>
      <c r="MG4" s="426"/>
      <c r="MH4" s="426"/>
      <c r="MI4" s="426"/>
      <c r="MJ4" s="426"/>
      <c r="MK4" s="426"/>
      <c r="ML4" s="426"/>
      <c r="MM4" s="426"/>
      <c r="MN4" s="426"/>
      <c r="MO4" s="426"/>
      <c r="MP4" s="426"/>
      <c r="MQ4" s="426"/>
      <c r="MR4" s="426"/>
      <c r="MS4" s="426"/>
      <c r="MT4" s="426"/>
      <c r="MU4" s="426"/>
      <c r="MV4" s="426"/>
      <c r="MW4" s="426"/>
      <c r="MX4" s="426"/>
      <c r="MY4" s="426"/>
      <c r="MZ4" s="426"/>
      <c r="NA4" s="426"/>
      <c r="NB4" s="426"/>
      <c r="NC4" s="426"/>
      <c r="ND4" s="426"/>
      <c r="NE4" s="426"/>
      <c r="NF4" s="426"/>
      <c r="NG4" s="426"/>
      <c r="NH4" s="426"/>
      <c r="NI4" s="426"/>
      <c r="NJ4" s="426"/>
      <c r="NK4" s="426"/>
      <c r="NL4" s="426"/>
      <c r="NM4" s="426"/>
      <c r="NN4" s="426"/>
      <c r="NO4" s="426"/>
      <c r="NP4" s="426"/>
      <c r="NQ4" s="426"/>
      <c r="NR4" s="426"/>
      <c r="NS4" s="426"/>
      <c r="NT4" s="426"/>
      <c r="NU4" s="426"/>
      <c r="NV4" s="426"/>
      <c r="NW4" s="426"/>
      <c r="NX4" s="426"/>
      <c r="NY4" s="426"/>
      <c r="NZ4" s="426"/>
      <c r="OA4" s="426"/>
      <c r="OB4" s="426"/>
      <c r="OC4" s="426"/>
      <c r="OD4" s="426"/>
      <c r="OE4" s="426"/>
      <c r="OF4" s="426"/>
      <c r="OG4" s="426"/>
      <c r="OH4" s="427"/>
      <c r="OI4" s="428" t="s">
        <v>60</v>
      </c>
      <c r="OJ4" s="429"/>
      <c r="OK4" s="429"/>
      <c r="OL4" s="429"/>
      <c r="OM4" s="429"/>
      <c r="ON4" s="429"/>
      <c r="OO4" s="429"/>
      <c r="OP4" s="429"/>
      <c r="OQ4" s="429"/>
      <c r="OR4" s="429"/>
      <c r="OS4" s="430"/>
    </row>
    <row r="5" spans="2:409" ht="21" customHeight="1" thickBot="1" x14ac:dyDescent="0.25">
      <c r="B5" s="556"/>
      <c r="C5" s="559"/>
      <c r="D5" s="559"/>
      <c r="E5" s="559"/>
      <c r="F5" s="559"/>
      <c r="G5" s="559"/>
      <c r="H5" s="559"/>
      <c r="I5" s="559"/>
      <c r="J5" s="559"/>
      <c r="K5" s="559"/>
      <c r="L5" s="559"/>
      <c r="M5" s="559"/>
      <c r="N5" s="561" t="s">
        <v>64</v>
      </c>
      <c r="O5" s="562"/>
      <c r="P5" s="562"/>
      <c r="Q5" s="562"/>
      <c r="R5" s="562"/>
      <c r="S5" s="562"/>
      <c r="T5" s="562"/>
      <c r="U5" s="562"/>
      <c r="V5" s="562"/>
      <c r="W5" s="562"/>
      <c r="X5" s="562"/>
      <c r="Y5" s="562"/>
      <c r="Z5" s="562"/>
      <c r="AA5" s="562"/>
      <c r="AB5" s="562"/>
      <c r="AC5" s="562"/>
      <c r="AD5" s="562"/>
      <c r="AE5" s="562"/>
      <c r="AF5" s="562"/>
      <c r="AG5" s="562"/>
      <c r="AH5" s="562"/>
      <c r="AI5" s="562"/>
      <c r="AJ5" s="562"/>
      <c r="AK5" s="562"/>
      <c r="AL5" s="562"/>
      <c r="AM5" s="562"/>
      <c r="AN5" s="562"/>
      <c r="AO5" s="562"/>
      <c r="AP5" s="562"/>
      <c r="AQ5" s="562"/>
      <c r="AR5" s="562"/>
      <c r="AS5" s="562"/>
      <c r="AT5" s="562"/>
      <c r="AU5" s="562"/>
      <c r="AV5" s="562"/>
      <c r="AW5" s="562"/>
      <c r="AX5" s="562"/>
      <c r="AY5" s="562"/>
      <c r="AZ5" s="562"/>
      <c r="BA5" s="562"/>
      <c r="BB5" s="562"/>
      <c r="BC5" s="562"/>
      <c r="BD5" s="562"/>
      <c r="BE5" s="562"/>
      <c r="BF5" s="562"/>
      <c r="BG5" s="562"/>
      <c r="BH5" s="562"/>
      <c r="BI5" s="562"/>
      <c r="BJ5" s="562"/>
      <c r="BK5" s="562"/>
      <c r="BL5" s="562"/>
      <c r="BM5" s="562"/>
      <c r="BN5" s="562"/>
      <c r="BO5" s="562"/>
      <c r="BP5" s="562"/>
      <c r="BQ5" s="562"/>
      <c r="BR5" s="562"/>
      <c r="BS5" s="562"/>
      <c r="BT5" s="562"/>
      <c r="BU5" s="562"/>
      <c r="BV5" s="562"/>
      <c r="BW5" s="562"/>
      <c r="BX5" s="562"/>
      <c r="BY5" s="562"/>
      <c r="BZ5" s="562"/>
      <c r="CA5" s="563"/>
      <c r="CB5" s="561" t="s">
        <v>65</v>
      </c>
      <c r="CC5" s="562"/>
      <c r="CD5" s="562"/>
      <c r="CE5" s="562"/>
      <c r="CF5" s="562"/>
      <c r="CG5" s="562"/>
      <c r="CH5" s="562"/>
      <c r="CI5" s="562"/>
      <c r="CJ5" s="562"/>
      <c r="CK5" s="562"/>
      <c r="CL5" s="562"/>
      <c r="CM5" s="562"/>
      <c r="CN5" s="562"/>
      <c r="CO5" s="562"/>
      <c r="CP5" s="562"/>
      <c r="CQ5" s="562"/>
      <c r="CR5" s="562"/>
      <c r="CS5" s="562"/>
      <c r="CT5" s="562"/>
      <c r="CU5" s="562"/>
      <c r="CV5" s="562"/>
      <c r="CW5" s="562"/>
      <c r="CX5" s="562"/>
      <c r="CY5" s="562"/>
      <c r="CZ5" s="562"/>
      <c r="DA5" s="562"/>
      <c r="DB5" s="562"/>
      <c r="DC5" s="562"/>
      <c r="DD5" s="562"/>
      <c r="DE5" s="562"/>
      <c r="DF5" s="562"/>
      <c r="DG5" s="562"/>
      <c r="DH5" s="563"/>
      <c r="DI5" s="425" t="s">
        <v>66</v>
      </c>
      <c r="DJ5" s="426"/>
      <c r="DK5" s="426"/>
      <c r="DL5" s="426"/>
      <c r="DM5" s="426"/>
      <c r="DN5" s="426"/>
      <c r="DO5" s="426"/>
      <c r="DP5" s="426"/>
      <c r="DQ5" s="426"/>
      <c r="DR5" s="426"/>
      <c r="DS5" s="426"/>
      <c r="DT5" s="426"/>
      <c r="DU5" s="426"/>
      <c r="DV5" s="426"/>
      <c r="DW5" s="426"/>
      <c r="DX5" s="426"/>
      <c r="DY5" s="426"/>
      <c r="DZ5" s="426"/>
      <c r="EA5" s="426"/>
      <c r="EB5" s="426"/>
      <c r="EC5" s="426"/>
      <c r="ED5" s="426"/>
      <c r="EE5" s="426"/>
      <c r="EF5" s="426"/>
      <c r="EG5" s="426"/>
      <c r="EH5" s="426"/>
      <c r="EI5" s="426"/>
      <c r="EJ5" s="426"/>
      <c r="EK5" s="426"/>
      <c r="EL5" s="426"/>
      <c r="EM5" s="426"/>
      <c r="EN5" s="426"/>
      <c r="EO5" s="426"/>
      <c r="EP5" s="426"/>
      <c r="EQ5" s="426"/>
      <c r="ER5" s="426"/>
      <c r="ES5" s="426"/>
      <c r="ET5" s="426"/>
      <c r="EU5" s="426"/>
      <c r="EV5" s="426"/>
      <c r="EW5" s="426"/>
      <c r="EX5" s="426"/>
      <c r="EY5" s="426"/>
      <c r="EZ5" s="426"/>
      <c r="FA5" s="426"/>
      <c r="FB5" s="426"/>
      <c r="FC5" s="426"/>
      <c r="FD5" s="426"/>
      <c r="FE5" s="426"/>
      <c r="FF5" s="426"/>
      <c r="FG5" s="426"/>
      <c r="FH5" s="426"/>
      <c r="FI5" s="426"/>
      <c r="FJ5" s="426"/>
      <c r="FK5" s="427"/>
      <c r="FL5" s="561" t="s">
        <v>67</v>
      </c>
      <c r="FM5" s="562"/>
      <c r="FN5" s="562"/>
      <c r="FO5" s="562"/>
      <c r="FP5" s="562"/>
      <c r="FQ5" s="562"/>
      <c r="FR5" s="562"/>
      <c r="FS5" s="562"/>
      <c r="FT5" s="562"/>
      <c r="FU5" s="562"/>
      <c r="FV5" s="562"/>
      <c r="FW5" s="562"/>
      <c r="FX5" s="562"/>
      <c r="FY5" s="562"/>
      <c r="FZ5" s="562"/>
      <c r="GA5" s="562"/>
      <c r="GB5" s="562"/>
      <c r="GC5" s="562"/>
      <c r="GD5" s="562"/>
      <c r="GE5" s="562"/>
      <c r="GF5" s="562"/>
      <c r="GG5" s="562"/>
      <c r="GH5" s="562"/>
      <c r="GI5" s="562"/>
      <c r="GJ5" s="562"/>
      <c r="GK5" s="562"/>
      <c r="GL5" s="562"/>
      <c r="GM5" s="562"/>
      <c r="GN5" s="562"/>
      <c r="GO5" s="562"/>
      <c r="GP5" s="562"/>
      <c r="GQ5" s="562"/>
      <c r="GR5" s="562"/>
      <c r="GS5" s="562"/>
      <c r="GT5" s="562"/>
      <c r="GU5" s="562"/>
      <c r="GV5" s="562"/>
      <c r="GW5" s="562"/>
      <c r="GX5" s="562"/>
      <c r="GY5" s="562"/>
      <c r="GZ5" s="562"/>
      <c r="HA5" s="562"/>
      <c r="HB5" s="562"/>
      <c r="HC5" s="563"/>
      <c r="HD5" s="564" t="s">
        <v>68</v>
      </c>
      <c r="HE5" s="565"/>
      <c r="HF5" s="565"/>
      <c r="HG5" s="565"/>
      <c r="HH5" s="565"/>
      <c r="HI5" s="565"/>
      <c r="HJ5" s="565"/>
      <c r="HK5" s="565"/>
      <c r="HL5" s="565"/>
      <c r="HM5" s="565"/>
      <c r="HN5" s="566"/>
      <c r="HO5" s="564" t="s">
        <v>69</v>
      </c>
      <c r="HP5" s="565"/>
      <c r="HQ5" s="565"/>
      <c r="HR5" s="565"/>
      <c r="HS5" s="565"/>
      <c r="HT5" s="565"/>
      <c r="HU5" s="565"/>
      <c r="HV5" s="565"/>
      <c r="HW5" s="565"/>
      <c r="HX5" s="565"/>
      <c r="HY5" s="566"/>
      <c r="HZ5" s="539"/>
      <c r="IA5" s="540"/>
      <c r="IB5" s="540"/>
      <c r="IC5" s="540"/>
      <c r="ID5" s="540"/>
      <c r="IE5" s="540"/>
      <c r="IF5" s="540"/>
      <c r="IG5" s="540"/>
      <c r="IH5" s="540"/>
      <c r="II5" s="540"/>
      <c r="IJ5" s="541"/>
      <c r="IK5" s="428" t="s">
        <v>94</v>
      </c>
      <c r="IL5" s="429"/>
      <c r="IM5" s="429"/>
      <c r="IN5" s="429"/>
      <c r="IO5" s="429"/>
      <c r="IP5" s="429"/>
      <c r="IQ5" s="429"/>
      <c r="IR5" s="429"/>
      <c r="IS5" s="429"/>
      <c r="IT5" s="429"/>
      <c r="IU5" s="430"/>
      <c r="IV5" s="428" t="s">
        <v>88</v>
      </c>
      <c r="IW5" s="429"/>
      <c r="IX5" s="429"/>
      <c r="IY5" s="429"/>
      <c r="IZ5" s="429"/>
      <c r="JA5" s="429"/>
      <c r="JB5" s="429"/>
      <c r="JC5" s="429"/>
      <c r="JD5" s="429"/>
      <c r="JE5" s="429"/>
      <c r="JF5" s="430"/>
      <c r="JG5" s="428" t="s">
        <v>141</v>
      </c>
      <c r="JH5" s="429"/>
      <c r="JI5" s="429"/>
      <c r="JJ5" s="429"/>
      <c r="JK5" s="429"/>
      <c r="JL5" s="429"/>
      <c r="JM5" s="429"/>
      <c r="JN5" s="429"/>
      <c r="JO5" s="429"/>
      <c r="JP5" s="429"/>
      <c r="JQ5" s="430"/>
      <c r="JR5" s="428" t="s">
        <v>90</v>
      </c>
      <c r="JS5" s="429"/>
      <c r="JT5" s="429"/>
      <c r="JU5" s="429"/>
      <c r="JV5" s="429"/>
      <c r="JW5" s="429"/>
      <c r="JX5" s="429"/>
      <c r="JY5" s="429"/>
      <c r="JZ5" s="429"/>
      <c r="KA5" s="429"/>
      <c r="KB5" s="430"/>
      <c r="KC5" s="428" t="s">
        <v>89</v>
      </c>
      <c r="KD5" s="429"/>
      <c r="KE5" s="429"/>
      <c r="KF5" s="429"/>
      <c r="KG5" s="429"/>
      <c r="KH5" s="429"/>
      <c r="KI5" s="429"/>
      <c r="KJ5" s="429"/>
      <c r="KK5" s="429"/>
      <c r="KL5" s="429"/>
      <c r="KM5" s="430"/>
      <c r="KN5" s="428" t="s">
        <v>91</v>
      </c>
      <c r="KO5" s="429"/>
      <c r="KP5" s="429"/>
      <c r="KQ5" s="429"/>
      <c r="KR5" s="429"/>
      <c r="KS5" s="429"/>
      <c r="KT5" s="429"/>
      <c r="KU5" s="429"/>
      <c r="KV5" s="429"/>
      <c r="KW5" s="429"/>
      <c r="KX5" s="430"/>
      <c r="KY5" s="428" t="s">
        <v>92</v>
      </c>
      <c r="KZ5" s="429"/>
      <c r="LA5" s="429"/>
      <c r="LB5" s="429"/>
      <c r="LC5" s="429"/>
      <c r="LD5" s="429"/>
      <c r="LE5" s="429"/>
      <c r="LF5" s="429"/>
      <c r="LG5" s="429"/>
      <c r="LH5" s="429"/>
      <c r="LI5" s="430"/>
      <c r="LJ5" s="545" t="s">
        <v>93</v>
      </c>
      <c r="LK5" s="546"/>
      <c r="LL5" s="546"/>
      <c r="LM5" s="546"/>
      <c r="LN5" s="546"/>
      <c r="LO5" s="546"/>
      <c r="LP5" s="546"/>
      <c r="LQ5" s="546"/>
      <c r="LR5" s="546"/>
      <c r="LS5" s="546"/>
      <c r="LT5" s="547"/>
      <c r="LU5" s="545" t="s">
        <v>142</v>
      </c>
      <c r="LV5" s="546"/>
      <c r="LW5" s="546"/>
      <c r="LX5" s="546"/>
      <c r="LY5" s="546"/>
      <c r="LZ5" s="546"/>
      <c r="MA5" s="546"/>
      <c r="MB5" s="546"/>
      <c r="MC5" s="546"/>
      <c r="MD5" s="546"/>
      <c r="ME5" s="547"/>
      <c r="MF5" s="539"/>
      <c r="MG5" s="540"/>
      <c r="MH5" s="540"/>
      <c r="MI5" s="540"/>
      <c r="MJ5" s="540"/>
      <c r="MK5" s="540"/>
      <c r="ML5" s="540"/>
      <c r="MM5" s="540"/>
      <c r="MN5" s="540"/>
      <c r="MO5" s="540"/>
      <c r="MP5" s="541"/>
      <c r="MQ5" s="428" t="s">
        <v>57</v>
      </c>
      <c r="MR5" s="429"/>
      <c r="MS5" s="429"/>
      <c r="MT5" s="429"/>
      <c r="MU5" s="429"/>
      <c r="MV5" s="429"/>
      <c r="MW5" s="429"/>
      <c r="MX5" s="429"/>
      <c r="MY5" s="429"/>
      <c r="MZ5" s="429"/>
      <c r="NA5" s="430"/>
      <c r="NB5" s="428" t="s">
        <v>58</v>
      </c>
      <c r="NC5" s="429"/>
      <c r="ND5" s="429"/>
      <c r="NE5" s="429"/>
      <c r="NF5" s="429"/>
      <c r="NG5" s="429"/>
      <c r="NH5" s="429"/>
      <c r="NI5" s="429"/>
      <c r="NJ5" s="429"/>
      <c r="NK5" s="429"/>
      <c r="NL5" s="430"/>
      <c r="NM5" s="428" t="s">
        <v>59</v>
      </c>
      <c r="NN5" s="429"/>
      <c r="NO5" s="429"/>
      <c r="NP5" s="429"/>
      <c r="NQ5" s="429"/>
      <c r="NR5" s="429"/>
      <c r="NS5" s="429"/>
      <c r="NT5" s="429"/>
      <c r="NU5" s="429"/>
      <c r="NV5" s="429"/>
      <c r="NW5" s="430"/>
      <c r="NX5" s="428" t="s">
        <v>148</v>
      </c>
      <c r="NY5" s="429"/>
      <c r="NZ5" s="429"/>
      <c r="OA5" s="429"/>
      <c r="OB5" s="429"/>
      <c r="OC5" s="429"/>
      <c r="OD5" s="429"/>
      <c r="OE5" s="429"/>
      <c r="OF5" s="429"/>
      <c r="OG5" s="429"/>
      <c r="OH5" s="430"/>
      <c r="OI5" s="440"/>
      <c r="OJ5" s="537"/>
      <c r="OK5" s="537"/>
      <c r="OL5" s="537"/>
      <c r="OM5" s="537"/>
      <c r="ON5" s="537"/>
      <c r="OO5" s="537"/>
      <c r="OP5" s="537"/>
      <c r="OQ5" s="537"/>
      <c r="OR5" s="537"/>
      <c r="OS5" s="538"/>
    </row>
    <row r="6" spans="2:409" ht="21" customHeight="1" thickBot="1" x14ac:dyDescent="0.25">
      <c r="B6" s="556"/>
      <c r="C6" s="560"/>
      <c r="D6" s="560"/>
      <c r="E6" s="560"/>
      <c r="F6" s="560"/>
      <c r="G6" s="560"/>
      <c r="H6" s="560"/>
      <c r="I6" s="560"/>
      <c r="J6" s="560"/>
      <c r="K6" s="560"/>
      <c r="L6" s="560"/>
      <c r="M6" s="560"/>
      <c r="N6" s="434"/>
      <c r="O6" s="435"/>
      <c r="P6" s="435"/>
      <c r="Q6" s="435"/>
      <c r="R6" s="435"/>
      <c r="S6" s="435"/>
      <c r="T6" s="435"/>
      <c r="U6" s="435"/>
      <c r="V6" s="435"/>
      <c r="W6" s="435"/>
      <c r="X6" s="436"/>
      <c r="Y6" s="437" t="s">
        <v>70</v>
      </c>
      <c r="Z6" s="438"/>
      <c r="AA6" s="438"/>
      <c r="AB6" s="438"/>
      <c r="AC6" s="438"/>
      <c r="AD6" s="438"/>
      <c r="AE6" s="438"/>
      <c r="AF6" s="438"/>
      <c r="AG6" s="438"/>
      <c r="AH6" s="438"/>
      <c r="AI6" s="439"/>
      <c r="AJ6" s="574" t="s">
        <v>71</v>
      </c>
      <c r="AK6" s="575"/>
      <c r="AL6" s="575"/>
      <c r="AM6" s="575"/>
      <c r="AN6" s="575"/>
      <c r="AO6" s="575"/>
      <c r="AP6" s="575"/>
      <c r="AQ6" s="575"/>
      <c r="AR6" s="575"/>
      <c r="AS6" s="575"/>
      <c r="AT6" s="576"/>
      <c r="AU6" s="574" t="s">
        <v>72</v>
      </c>
      <c r="AV6" s="575"/>
      <c r="AW6" s="575"/>
      <c r="AX6" s="575"/>
      <c r="AY6" s="575"/>
      <c r="AZ6" s="575"/>
      <c r="BA6" s="575"/>
      <c r="BB6" s="575"/>
      <c r="BC6" s="575"/>
      <c r="BD6" s="575"/>
      <c r="BE6" s="576"/>
      <c r="BF6" s="574" t="s">
        <v>73</v>
      </c>
      <c r="BG6" s="575"/>
      <c r="BH6" s="575"/>
      <c r="BI6" s="575"/>
      <c r="BJ6" s="575"/>
      <c r="BK6" s="575"/>
      <c r="BL6" s="575"/>
      <c r="BM6" s="575"/>
      <c r="BN6" s="575"/>
      <c r="BO6" s="575"/>
      <c r="BP6" s="576"/>
      <c r="BQ6" s="574" t="s">
        <v>74</v>
      </c>
      <c r="BR6" s="575"/>
      <c r="BS6" s="575"/>
      <c r="BT6" s="575"/>
      <c r="BU6" s="575"/>
      <c r="BV6" s="575"/>
      <c r="BW6" s="575"/>
      <c r="BX6" s="575"/>
      <c r="BY6" s="575"/>
      <c r="BZ6" s="575"/>
      <c r="CA6" s="576"/>
      <c r="CB6" s="542"/>
      <c r="CC6" s="543"/>
      <c r="CD6" s="543"/>
      <c r="CE6" s="543"/>
      <c r="CF6" s="543"/>
      <c r="CG6" s="543"/>
      <c r="CH6" s="543"/>
      <c r="CI6" s="543"/>
      <c r="CJ6" s="543"/>
      <c r="CK6" s="543"/>
      <c r="CL6" s="544"/>
      <c r="CM6" s="574" t="s">
        <v>75</v>
      </c>
      <c r="CN6" s="575"/>
      <c r="CO6" s="575"/>
      <c r="CP6" s="575"/>
      <c r="CQ6" s="575"/>
      <c r="CR6" s="575"/>
      <c r="CS6" s="575"/>
      <c r="CT6" s="575"/>
      <c r="CU6" s="575"/>
      <c r="CV6" s="575"/>
      <c r="CW6" s="576"/>
      <c r="CX6" s="574" t="s">
        <v>76</v>
      </c>
      <c r="CY6" s="575"/>
      <c r="CZ6" s="575"/>
      <c r="DA6" s="575"/>
      <c r="DB6" s="575"/>
      <c r="DC6" s="575"/>
      <c r="DD6" s="575"/>
      <c r="DE6" s="575"/>
      <c r="DF6" s="575"/>
      <c r="DG6" s="575"/>
      <c r="DH6" s="576"/>
      <c r="DI6" s="542"/>
      <c r="DJ6" s="543"/>
      <c r="DK6" s="543"/>
      <c r="DL6" s="543"/>
      <c r="DM6" s="543"/>
      <c r="DN6" s="543"/>
      <c r="DO6" s="543"/>
      <c r="DP6" s="543"/>
      <c r="DQ6" s="543"/>
      <c r="DR6" s="543"/>
      <c r="DS6" s="543"/>
      <c r="DT6" s="574" t="s">
        <v>77</v>
      </c>
      <c r="DU6" s="575"/>
      <c r="DV6" s="575"/>
      <c r="DW6" s="575"/>
      <c r="DX6" s="575"/>
      <c r="DY6" s="575"/>
      <c r="DZ6" s="575"/>
      <c r="EA6" s="575"/>
      <c r="EB6" s="575"/>
      <c r="EC6" s="575"/>
      <c r="ED6" s="576"/>
      <c r="EE6" s="574" t="s">
        <v>78</v>
      </c>
      <c r="EF6" s="575"/>
      <c r="EG6" s="575"/>
      <c r="EH6" s="575"/>
      <c r="EI6" s="575"/>
      <c r="EJ6" s="575"/>
      <c r="EK6" s="575"/>
      <c r="EL6" s="575"/>
      <c r="EM6" s="575"/>
      <c r="EN6" s="575"/>
      <c r="EO6" s="576"/>
      <c r="EP6" s="574" t="s">
        <v>79</v>
      </c>
      <c r="EQ6" s="575"/>
      <c r="ER6" s="575"/>
      <c r="ES6" s="575"/>
      <c r="ET6" s="575"/>
      <c r="EU6" s="575"/>
      <c r="EV6" s="575"/>
      <c r="EW6" s="575"/>
      <c r="EX6" s="575"/>
      <c r="EY6" s="575"/>
      <c r="EZ6" s="576"/>
      <c r="FA6" s="574" t="s">
        <v>149</v>
      </c>
      <c r="FB6" s="575"/>
      <c r="FC6" s="575"/>
      <c r="FD6" s="575"/>
      <c r="FE6" s="575"/>
      <c r="FF6" s="575"/>
      <c r="FG6" s="575"/>
      <c r="FH6" s="575"/>
      <c r="FI6" s="575"/>
      <c r="FJ6" s="575"/>
      <c r="FK6" s="576"/>
      <c r="FL6" s="542"/>
      <c r="FM6" s="543"/>
      <c r="FN6" s="543"/>
      <c r="FO6" s="543"/>
      <c r="FP6" s="543"/>
      <c r="FQ6" s="543"/>
      <c r="FR6" s="543"/>
      <c r="FS6" s="543"/>
      <c r="FT6" s="543"/>
      <c r="FU6" s="543"/>
      <c r="FV6" s="543"/>
      <c r="FW6" s="574" t="s">
        <v>80</v>
      </c>
      <c r="FX6" s="575"/>
      <c r="FY6" s="575"/>
      <c r="FZ6" s="575"/>
      <c r="GA6" s="575"/>
      <c r="GB6" s="575"/>
      <c r="GC6" s="575"/>
      <c r="GD6" s="575"/>
      <c r="GE6" s="575"/>
      <c r="GF6" s="575"/>
      <c r="GG6" s="576"/>
      <c r="GH6" s="437" t="s">
        <v>81</v>
      </c>
      <c r="GI6" s="438"/>
      <c r="GJ6" s="438"/>
      <c r="GK6" s="438"/>
      <c r="GL6" s="438"/>
      <c r="GM6" s="438"/>
      <c r="GN6" s="438"/>
      <c r="GO6" s="438"/>
      <c r="GP6" s="438"/>
      <c r="GQ6" s="438"/>
      <c r="GR6" s="439"/>
      <c r="GS6" s="437" t="s">
        <v>82</v>
      </c>
      <c r="GT6" s="438"/>
      <c r="GU6" s="438"/>
      <c r="GV6" s="438"/>
      <c r="GW6" s="438"/>
      <c r="GX6" s="438"/>
      <c r="GY6" s="438"/>
      <c r="GZ6" s="438"/>
      <c r="HA6" s="438"/>
      <c r="HB6" s="438"/>
      <c r="HC6" s="439"/>
      <c r="HD6" s="567"/>
      <c r="HE6" s="568"/>
      <c r="HF6" s="568"/>
      <c r="HG6" s="568"/>
      <c r="HH6" s="568"/>
      <c r="HI6" s="568"/>
      <c r="HJ6" s="568"/>
      <c r="HK6" s="568"/>
      <c r="HL6" s="568"/>
      <c r="HM6" s="568"/>
      <c r="HN6" s="569"/>
      <c r="HO6" s="567"/>
      <c r="HP6" s="568"/>
      <c r="HQ6" s="568"/>
      <c r="HR6" s="568"/>
      <c r="HS6" s="568"/>
      <c r="HT6" s="568"/>
      <c r="HU6" s="568"/>
      <c r="HV6" s="568"/>
      <c r="HW6" s="568"/>
      <c r="HX6" s="568"/>
      <c r="HY6" s="569"/>
      <c r="HZ6" s="542"/>
      <c r="IA6" s="543"/>
      <c r="IB6" s="543"/>
      <c r="IC6" s="543"/>
      <c r="ID6" s="543"/>
      <c r="IE6" s="543"/>
      <c r="IF6" s="543"/>
      <c r="IG6" s="543"/>
      <c r="IH6" s="543"/>
      <c r="II6" s="543"/>
      <c r="IJ6" s="544"/>
      <c r="IK6" s="434"/>
      <c r="IL6" s="435"/>
      <c r="IM6" s="435"/>
      <c r="IN6" s="435"/>
      <c r="IO6" s="435"/>
      <c r="IP6" s="435"/>
      <c r="IQ6" s="435"/>
      <c r="IR6" s="435"/>
      <c r="IS6" s="435"/>
      <c r="IT6" s="435"/>
      <c r="IU6" s="436"/>
      <c r="IV6" s="434"/>
      <c r="IW6" s="435"/>
      <c r="IX6" s="435"/>
      <c r="IY6" s="435"/>
      <c r="IZ6" s="435"/>
      <c r="JA6" s="435"/>
      <c r="JB6" s="435"/>
      <c r="JC6" s="435"/>
      <c r="JD6" s="435"/>
      <c r="JE6" s="435"/>
      <c r="JF6" s="436"/>
      <c r="JG6" s="434"/>
      <c r="JH6" s="435"/>
      <c r="JI6" s="435"/>
      <c r="JJ6" s="435"/>
      <c r="JK6" s="435"/>
      <c r="JL6" s="435"/>
      <c r="JM6" s="435"/>
      <c r="JN6" s="435"/>
      <c r="JO6" s="435"/>
      <c r="JP6" s="435"/>
      <c r="JQ6" s="436"/>
      <c r="JR6" s="434"/>
      <c r="JS6" s="435"/>
      <c r="JT6" s="435"/>
      <c r="JU6" s="435"/>
      <c r="JV6" s="435"/>
      <c r="JW6" s="435"/>
      <c r="JX6" s="435"/>
      <c r="JY6" s="435"/>
      <c r="JZ6" s="435"/>
      <c r="KA6" s="435"/>
      <c r="KB6" s="436"/>
      <c r="KC6" s="434"/>
      <c r="KD6" s="435"/>
      <c r="KE6" s="435"/>
      <c r="KF6" s="435"/>
      <c r="KG6" s="435"/>
      <c r="KH6" s="435"/>
      <c r="KI6" s="435"/>
      <c r="KJ6" s="435"/>
      <c r="KK6" s="435"/>
      <c r="KL6" s="435"/>
      <c r="KM6" s="436"/>
      <c r="KN6" s="434"/>
      <c r="KO6" s="435"/>
      <c r="KP6" s="435"/>
      <c r="KQ6" s="435"/>
      <c r="KR6" s="435"/>
      <c r="KS6" s="435"/>
      <c r="KT6" s="435"/>
      <c r="KU6" s="435"/>
      <c r="KV6" s="435"/>
      <c r="KW6" s="435"/>
      <c r="KX6" s="436"/>
      <c r="KY6" s="434"/>
      <c r="KZ6" s="435"/>
      <c r="LA6" s="435"/>
      <c r="LB6" s="435"/>
      <c r="LC6" s="435"/>
      <c r="LD6" s="435"/>
      <c r="LE6" s="435"/>
      <c r="LF6" s="435"/>
      <c r="LG6" s="435"/>
      <c r="LH6" s="435"/>
      <c r="LI6" s="436"/>
      <c r="LJ6" s="542"/>
      <c r="LK6" s="543"/>
      <c r="LL6" s="543"/>
      <c r="LM6" s="543"/>
      <c r="LN6" s="543"/>
      <c r="LO6" s="543"/>
      <c r="LP6" s="543"/>
      <c r="LQ6" s="543"/>
      <c r="LR6" s="543"/>
      <c r="LS6" s="543"/>
      <c r="LT6" s="544"/>
      <c r="LU6" s="542"/>
      <c r="LV6" s="543"/>
      <c r="LW6" s="543"/>
      <c r="LX6" s="543"/>
      <c r="LY6" s="543"/>
      <c r="LZ6" s="543"/>
      <c r="MA6" s="543"/>
      <c r="MB6" s="543"/>
      <c r="MC6" s="543"/>
      <c r="MD6" s="543"/>
      <c r="ME6" s="544"/>
      <c r="MF6" s="542"/>
      <c r="MG6" s="543"/>
      <c r="MH6" s="543"/>
      <c r="MI6" s="543"/>
      <c r="MJ6" s="543"/>
      <c r="MK6" s="543"/>
      <c r="ML6" s="543"/>
      <c r="MM6" s="543"/>
      <c r="MN6" s="543"/>
      <c r="MO6" s="543"/>
      <c r="MP6" s="544"/>
      <c r="MQ6" s="434"/>
      <c r="MR6" s="435"/>
      <c r="MS6" s="435"/>
      <c r="MT6" s="435"/>
      <c r="MU6" s="435"/>
      <c r="MV6" s="435"/>
      <c r="MW6" s="435"/>
      <c r="MX6" s="435"/>
      <c r="MY6" s="435"/>
      <c r="MZ6" s="435"/>
      <c r="NA6" s="436"/>
      <c r="NB6" s="434"/>
      <c r="NC6" s="435"/>
      <c r="ND6" s="435"/>
      <c r="NE6" s="435"/>
      <c r="NF6" s="435"/>
      <c r="NG6" s="435"/>
      <c r="NH6" s="435"/>
      <c r="NI6" s="435"/>
      <c r="NJ6" s="435"/>
      <c r="NK6" s="435"/>
      <c r="NL6" s="436"/>
      <c r="NM6" s="434"/>
      <c r="NN6" s="435"/>
      <c r="NO6" s="435"/>
      <c r="NP6" s="435"/>
      <c r="NQ6" s="435"/>
      <c r="NR6" s="435"/>
      <c r="NS6" s="435"/>
      <c r="NT6" s="435"/>
      <c r="NU6" s="435"/>
      <c r="NV6" s="435"/>
      <c r="NW6" s="436"/>
      <c r="NX6" s="434"/>
      <c r="NY6" s="435"/>
      <c r="NZ6" s="435"/>
      <c r="OA6" s="435"/>
      <c r="OB6" s="435"/>
      <c r="OC6" s="435"/>
      <c r="OD6" s="435"/>
      <c r="OE6" s="435"/>
      <c r="OF6" s="435"/>
      <c r="OG6" s="435"/>
      <c r="OH6" s="436"/>
      <c r="OI6" s="434"/>
      <c r="OJ6" s="435"/>
      <c r="OK6" s="435"/>
      <c r="OL6" s="435"/>
      <c r="OM6" s="435"/>
      <c r="ON6" s="435"/>
      <c r="OO6" s="435"/>
      <c r="OP6" s="435"/>
      <c r="OQ6" s="435"/>
      <c r="OR6" s="435"/>
      <c r="OS6" s="436"/>
    </row>
    <row r="7" spans="2:409" ht="21" customHeight="1" x14ac:dyDescent="0.2">
      <c r="B7" s="556"/>
      <c r="C7" s="507" t="s">
        <v>61</v>
      </c>
      <c r="D7" s="507"/>
      <c r="E7" s="507"/>
      <c r="F7" s="506" t="s">
        <v>62</v>
      </c>
      <c r="G7" s="507"/>
      <c r="H7" s="507"/>
      <c r="I7" s="507"/>
      <c r="J7" s="507"/>
      <c r="K7" s="507"/>
      <c r="L7" s="507"/>
      <c r="M7" s="506" t="s">
        <v>52</v>
      </c>
      <c r="N7" s="571" t="s">
        <v>61</v>
      </c>
      <c r="O7" s="507"/>
      <c r="P7" s="507"/>
      <c r="Q7" s="506" t="s">
        <v>62</v>
      </c>
      <c r="R7" s="507"/>
      <c r="S7" s="507"/>
      <c r="T7" s="507"/>
      <c r="U7" s="507"/>
      <c r="V7" s="507"/>
      <c r="W7" s="508"/>
      <c r="X7" s="534" t="s">
        <v>52</v>
      </c>
      <c r="Y7" s="434" t="s">
        <v>61</v>
      </c>
      <c r="Z7" s="435"/>
      <c r="AA7" s="516"/>
      <c r="AB7" s="515" t="s">
        <v>62</v>
      </c>
      <c r="AC7" s="435"/>
      <c r="AD7" s="435"/>
      <c r="AE7" s="435"/>
      <c r="AF7" s="435"/>
      <c r="AG7" s="435"/>
      <c r="AH7" s="516"/>
      <c r="AI7" s="436" t="s">
        <v>52</v>
      </c>
      <c r="AJ7" s="519" t="s">
        <v>61</v>
      </c>
      <c r="AK7" s="513"/>
      <c r="AL7" s="514"/>
      <c r="AM7" s="535" t="s">
        <v>62</v>
      </c>
      <c r="AN7" s="513"/>
      <c r="AO7" s="513"/>
      <c r="AP7" s="513"/>
      <c r="AQ7" s="513"/>
      <c r="AR7" s="513"/>
      <c r="AS7" s="536"/>
      <c r="AT7" s="436" t="s">
        <v>52</v>
      </c>
      <c r="AU7" s="519" t="s">
        <v>61</v>
      </c>
      <c r="AV7" s="513"/>
      <c r="AW7" s="514"/>
      <c r="AX7" s="535" t="s">
        <v>62</v>
      </c>
      <c r="AY7" s="513"/>
      <c r="AZ7" s="513"/>
      <c r="BA7" s="513"/>
      <c r="BB7" s="513"/>
      <c r="BC7" s="513"/>
      <c r="BD7" s="536"/>
      <c r="BE7" s="436" t="s">
        <v>52</v>
      </c>
      <c r="BF7" s="519" t="s">
        <v>61</v>
      </c>
      <c r="BG7" s="513"/>
      <c r="BH7" s="514"/>
      <c r="BI7" s="535" t="s">
        <v>62</v>
      </c>
      <c r="BJ7" s="513"/>
      <c r="BK7" s="513"/>
      <c r="BL7" s="513"/>
      <c r="BM7" s="513"/>
      <c r="BN7" s="513"/>
      <c r="BO7" s="536"/>
      <c r="BP7" s="436" t="s">
        <v>52</v>
      </c>
      <c r="BQ7" s="519" t="s">
        <v>61</v>
      </c>
      <c r="BR7" s="513"/>
      <c r="BS7" s="514"/>
      <c r="BT7" s="535" t="s">
        <v>62</v>
      </c>
      <c r="BU7" s="513"/>
      <c r="BV7" s="513"/>
      <c r="BW7" s="513"/>
      <c r="BX7" s="513"/>
      <c r="BY7" s="513"/>
      <c r="BZ7" s="536"/>
      <c r="CA7" s="436" t="s">
        <v>52</v>
      </c>
      <c r="CB7" s="503" t="s">
        <v>61</v>
      </c>
      <c r="CC7" s="504"/>
      <c r="CD7" s="505"/>
      <c r="CE7" s="532" t="s">
        <v>62</v>
      </c>
      <c r="CF7" s="504"/>
      <c r="CG7" s="504"/>
      <c r="CH7" s="504"/>
      <c r="CI7" s="504"/>
      <c r="CJ7" s="504"/>
      <c r="CK7" s="533"/>
      <c r="CL7" s="534" t="s">
        <v>52</v>
      </c>
      <c r="CM7" s="519" t="s">
        <v>61</v>
      </c>
      <c r="CN7" s="513"/>
      <c r="CO7" s="536"/>
      <c r="CP7" s="535" t="s">
        <v>62</v>
      </c>
      <c r="CQ7" s="513"/>
      <c r="CR7" s="513"/>
      <c r="CS7" s="513"/>
      <c r="CT7" s="513"/>
      <c r="CU7" s="513"/>
      <c r="CV7" s="536"/>
      <c r="CW7" s="530" t="s">
        <v>52</v>
      </c>
      <c r="CX7" s="519" t="s">
        <v>61</v>
      </c>
      <c r="CY7" s="513"/>
      <c r="CZ7" s="536"/>
      <c r="DA7" s="535" t="s">
        <v>62</v>
      </c>
      <c r="DB7" s="513"/>
      <c r="DC7" s="513"/>
      <c r="DD7" s="513"/>
      <c r="DE7" s="513"/>
      <c r="DF7" s="513"/>
      <c r="DG7" s="536"/>
      <c r="DH7" s="530" t="s">
        <v>52</v>
      </c>
      <c r="DI7" s="503" t="s">
        <v>61</v>
      </c>
      <c r="DJ7" s="504"/>
      <c r="DK7" s="533"/>
      <c r="DL7" s="532" t="s">
        <v>62</v>
      </c>
      <c r="DM7" s="504"/>
      <c r="DN7" s="504"/>
      <c r="DO7" s="504"/>
      <c r="DP7" s="504"/>
      <c r="DQ7" s="504"/>
      <c r="DR7" s="533"/>
      <c r="DS7" s="534" t="s">
        <v>52</v>
      </c>
      <c r="DT7" s="519" t="s">
        <v>61</v>
      </c>
      <c r="DU7" s="513"/>
      <c r="DV7" s="514"/>
      <c r="DW7" s="535" t="s">
        <v>62</v>
      </c>
      <c r="DX7" s="513"/>
      <c r="DY7" s="513"/>
      <c r="DZ7" s="513"/>
      <c r="EA7" s="513"/>
      <c r="EB7" s="513"/>
      <c r="EC7" s="536"/>
      <c r="ED7" s="436" t="s">
        <v>52</v>
      </c>
      <c r="EE7" s="519" t="s">
        <v>61</v>
      </c>
      <c r="EF7" s="513"/>
      <c r="EG7" s="514"/>
      <c r="EH7" s="535" t="s">
        <v>62</v>
      </c>
      <c r="EI7" s="513"/>
      <c r="EJ7" s="513"/>
      <c r="EK7" s="513"/>
      <c r="EL7" s="513"/>
      <c r="EM7" s="513"/>
      <c r="EN7" s="536"/>
      <c r="EO7" s="436" t="s">
        <v>52</v>
      </c>
      <c r="EP7" s="519" t="s">
        <v>61</v>
      </c>
      <c r="EQ7" s="513"/>
      <c r="ER7" s="514"/>
      <c r="ES7" s="535" t="s">
        <v>62</v>
      </c>
      <c r="ET7" s="513"/>
      <c r="EU7" s="513"/>
      <c r="EV7" s="513"/>
      <c r="EW7" s="513"/>
      <c r="EX7" s="513"/>
      <c r="EY7" s="536"/>
      <c r="EZ7" s="436" t="s">
        <v>52</v>
      </c>
      <c r="FA7" s="519" t="s">
        <v>61</v>
      </c>
      <c r="FB7" s="513"/>
      <c r="FC7" s="514"/>
      <c r="FD7" s="535" t="s">
        <v>62</v>
      </c>
      <c r="FE7" s="513"/>
      <c r="FF7" s="513"/>
      <c r="FG7" s="513"/>
      <c r="FH7" s="513"/>
      <c r="FI7" s="513"/>
      <c r="FJ7" s="536"/>
      <c r="FK7" s="436" t="s">
        <v>52</v>
      </c>
      <c r="FL7" s="503" t="s">
        <v>61</v>
      </c>
      <c r="FM7" s="504"/>
      <c r="FN7" s="505"/>
      <c r="FO7" s="532" t="s">
        <v>62</v>
      </c>
      <c r="FP7" s="504"/>
      <c r="FQ7" s="504"/>
      <c r="FR7" s="504"/>
      <c r="FS7" s="504"/>
      <c r="FT7" s="504"/>
      <c r="FU7" s="533"/>
      <c r="FV7" s="507" t="s">
        <v>52</v>
      </c>
      <c r="FW7" s="519" t="s">
        <v>61</v>
      </c>
      <c r="FX7" s="513"/>
      <c r="FY7" s="514"/>
      <c r="FZ7" s="535" t="s">
        <v>62</v>
      </c>
      <c r="GA7" s="513"/>
      <c r="GB7" s="513"/>
      <c r="GC7" s="513"/>
      <c r="GD7" s="513"/>
      <c r="GE7" s="513"/>
      <c r="GF7" s="536"/>
      <c r="GG7" s="436" t="s">
        <v>52</v>
      </c>
      <c r="GH7" s="434" t="s">
        <v>61</v>
      </c>
      <c r="GI7" s="435"/>
      <c r="GJ7" s="435"/>
      <c r="GK7" s="515" t="s">
        <v>62</v>
      </c>
      <c r="GL7" s="435"/>
      <c r="GM7" s="435"/>
      <c r="GN7" s="435"/>
      <c r="GO7" s="435"/>
      <c r="GP7" s="435"/>
      <c r="GQ7" s="516"/>
      <c r="GR7" s="553" t="s">
        <v>52</v>
      </c>
      <c r="GS7" s="434" t="s">
        <v>61</v>
      </c>
      <c r="GT7" s="435"/>
      <c r="GU7" s="516"/>
      <c r="GV7" s="515" t="s">
        <v>62</v>
      </c>
      <c r="GW7" s="435"/>
      <c r="GX7" s="435"/>
      <c r="GY7" s="435"/>
      <c r="GZ7" s="435"/>
      <c r="HA7" s="435"/>
      <c r="HB7" s="516"/>
      <c r="HC7" s="553" t="s">
        <v>52</v>
      </c>
      <c r="HD7" s="519" t="s">
        <v>61</v>
      </c>
      <c r="HE7" s="513"/>
      <c r="HF7" s="514"/>
      <c r="HG7" s="535" t="s">
        <v>62</v>
      </c>
      <c r="HH7" s="513"/>
      <c r="HI7" s="513"/>
      <c r="HJ7" s="513"/>
      <c r="HK7" s="513"/>
      <c r="HL7" s="513"/>
      <c r="HM7" s="536"/>
      <c r="HN7" s="436" t="s">
        <v>52</v>
      </c>
      <c r="HO7" s="519" t="s">
        <v>61</v>
      </c>
      <c r="HP7" s="513"/>
      <c r="HQ7" s="514"/>
      <c r="HR7" s="535" t="s">
        <v>62</v>
      </c>
      <c r="HS7" s="513"/>
      <c r="HT7" s="513"/>
      <c r="HU7" s="513"/>
      <c r="HV7" s="513"/>
      <c r="HW7" s="513"/>
      <c r="HX7" s="536"/>
      <c r="HY7" s="436" t="s">
        <v>52</v>
      </c>
      <c r="HZ7" s="503" t="s">
        <v>61</v>
      </c>
      <c r="IA7" s="504"/>
      <c r="IB7" s="505"/>
      <c r="IC7" s="532" t="s">
        <v>62</v>
      </c>
      <c r="ID7" s="504"/>
      <c r="IE7" s="504"/>
      <c r="IF7" s="504"/>
      <c r="IG7" s="504"/>
      <c r="IH7" s="504"/>
      <c r="II7" s="533"/>
      <c r="IJ7" s="507" t="s">
        <v>52</v>
      </c>
      <c r="IK7" s="519" t="s">
        <v>61</v>
      </c>
      <c r="IL7" s="513"/>
      <c r="IM7" s="514"/>
      <c r="IN7" s="535" t="s">
        <v>62</v>
      </c>
      <c r="IO7" s="513"/>
      <c r="IP7" s="513"/>
      <c r="IQ7" s="513"/>
      <c r="IR7" s="513"/>
      <c r="IS7" s="513"/>
      <c r="IT7" s="536"/>
      <c r="IU7" s="436" t="s">
        <v>52</v>
      </c>
      <c r="IV7" s="519" t="s">
        <v>61</v>
      </c>
      <c r="IW7" s="513"/>
      <c r="IX7" s="536"/>
      <c r="IY7" s="535" t="s">
        <v>62</v>
      </c>
      <c r="IZ7" s="513"/>
      <c r="JA7" s="513"/>
      <c r="JB7" s="513"/>
      <c r="JC7" s="513"/>
      <c r="JD7" s="513"/>
      <c r="JE7" s="536"/>
      <c r="JF7" s="436" t="s">
        <v>52</v>
      </c>
      <c r="JG7" s="519" t="s">
        <v>61</v>
      </c>
      <c r="JH7" s="513"/>
      <c r="JI7" s="514"/>
      <c r="JJ7" s="535" t="s">
        <v>62</v>
      </c>
      <c r="JK7" s="513"/>
      <c r="JL7" s="513"/>
      <c r="JM7" s="513"/>
      <c r="JN7" s="513"/>
      <c r="JO7" s="513"/>
      <c r="JP7" s="536"/>
      <c r="JQ7" s="530" t="s">
        <v>52</v>
      </c>
      <c r="JR7" s="519" t="s">
        <v>61</v>
      </c>
      <c r="JS7" s="513"/>
      <c r="JT7" s="514"/>
      <c r="JU7" s="535" t="s">
        <v>62</v>
      </c>
      <c r="JV7" s="513"/>
      <c r="JW7" s="513"/>
      <c r="JX7" s="513"/>
      <c r="JY7" s="513"/>
      <c r="JZ7" s="513"/>
      <c r="KA7" s="536"/>
      <c r="KB7" s="530" t="s">
        <v>52</v>
      </c>
      <c r="KC7" s="519" t="s">
        <v>61</v>
      </c>
      <c r="KD7" s="513"/>
      <c r="KE7" s="514"/>
      <c r="KF7" s="535" t="s">
        <v>62</v>
      </c>
      <c r="KG7" s="513"/>
      <c r="KH7" s="513"/>
      <c r="KI7" s="513"/>
      <c r="KJ7" s="513"/>
      <c r="KK7" s="513"/>
      <c r="KL7" s="536"/>
      <c r="KM7" s="530" t="s">
        <v>52</v>
      </c>
      <c r="KN7" s="519" t="s">
        <v>61</v>
      </c>
      <c r="KO7" s="513"/>
      <c r="KP7" s="514"/>
      <c r="KQ7" s="535" t="s">
        <v>62</v>
      </c>
      <c r="KR7" s="513"/>
      <c r="KS7" s="513"/>
      <c r="KT7" s="513"/>
      <c r="KU7" s="513"/>
      <c r="KV7" s="513"/>
      <c r="KW7" s="536"/>
      <c r="KX7" s="530" t="s">
        <v>52</v>
      </c>
      <c r="KY7" s="519" t="s">
        <v>61</v>
      </c>
      <c r="KZ7" s="513"/>
      <c r="LA7" s="514"/>
      <c r="LB7" s="535" t="s">
        <v>62</v>
      </c>
      <c r="LC7" s="513"/>
      <c r="LD7" s="513"/>
      <c r="LE7" s="513"/>
      <c r="LF7" s="513"/>
      <c r="LG7" s="513"/>
      <c r="LH7" s="536"/>
      <c r="LI7" s="530" t="s">
        <v>52</v>
      </c>
      <c r="LJ7" s="519" t="s">
        <v>61</v>
      </c>
      <c r="LK7" s="513"/>
      <c r="LL7" s="514"/>
      <c r="LM7" s="535" t="s">
        <v>62</v>
      </c>
      <c r="LN7" s="513"/>
      <c r="LO7" s="513"/>
      <c r="LP7" s="513"/>
      <c r="LQ7" s="513"/>
      <c r="LR7" s="513"/>
      <c r="LS7" s="536"/>
      <c r="LT7" s="530" t="s">
        <v>52</v>
      </c>
      <c r="LU7" s="519" t="s">
        <v>61</v>
      </c>
      <c r="LV7" s="513"/>
      <c r="LW7" s="514"/>
      <c r="LX7" s="535" t="s">
        <v>62</v>
      </c>
      <c r="LY7" s="513"/>
      <c r="LZ7" s="513"/>
      <c r="MA7" s="513"/>
      <c r="MB7" s="513"/>
      <c r="MC7" s="513"/>
      <c r="MD7" s="536"/>
      <c r="ME7" s="530" t="s">
        <v>52</v>
      </c>
      <c r="MF7" s="503" t="s">
        <v>61</v>
      </c>
      <c r="MG7" s="504"/>
      <c r="MH7" s="505"/>
      <c r="MI7" s="532" t="s">
        <v>62</v>
      </c>
      <c r="MJ7" s="504"/>
      <c r="MK7" s="504"/>
      <c r="ML7" s="504"/>
      <c r="MM7" s="504"/>
      <c r="MN7" s="504"/>
      <c r="MO7" s="533"/>
      <c r="MP7" s="534" t="s">
        <v>52</v>
      </c>
      <c r="MQ7" s="519" t="s">
        <v>61</v>
      </c>
      <c r="MR7" s="513"/>
      <c r="MS7" s="514"/>
      <c r="MT7" s="535" t="s">
        <v>62</v>
      </c>
      <c r="MU7" s="513"/>
      <c r="MV7" s="513"/>
      <c r="MW7" s="513"/>
      <c r="MX7" s="513"/>
      <c r="MY7" s="513"/>
      <c r="MZ7" s="536"/>
      <c r="NA7" s="530" t="s">
        <v>52</v>
      </c>
      <c r="NB7" s="519" t="s">
        <v>61</v>
      </c>
      <c r="NC7" s="513"/>
      <c r="ND7" s="514"/>
      <c r="NE7" s="535" t="s">
        <v>62</v>
      </c>
      <c r="NF7" s="513"/>
      <c r="NG7" s="513"/>
      <c r="NH7" s="513"/>
      <c r="NI7" s="513"/>
      <c r="NJ7" s="513"/>
      <c r="NK7" s="536"/>
      <c r="NL7" s="530" t="s">
        <v>52</v>
      </c>
      <c r="NM7" s="519" t="s">
        <v>61</v>
      </c>
      <c r="NN7" s="513"/>
      <c r="NO7" s="514"/>
      <c r="NP7" s="535" t="s">
        <v>62</v>
      </c>
      <c r="NQ7" s="513"/>
      <c r="NR7" s="513"/>
      <c r="NS7" s="513"/>
      <c r="NT7" s="513"/>
      <c r="NU7" s="513"/>
      <c r="NV7" s="536"/>
      <c r="NW7" s="530" t="s">
        <v>52</v>
      </c>
      <c r="NX7" s="519" t="s">
        <v>61</v>
      </c>
      <c r="NY7" s="513"/>
      <c r="NZ7" s="514"/>
      <c r="OA7" s="535" t="s">
        <v>62</v>
      </c>
      <c r="OB7" s="513"/>
      <c r="OC7" s="513"/>
      <c r="OD7" s="513"/>
      <c r="OE7" s="513"/>
      <c r="OF7" s="513"/>
      <c r="OG7" s="536"/>
      <c r="OH7" s="530" t="s">
        <v>52</v>
      </c>
      <c r="OI7" s="503" t="s">
        <v>61</v>
      </c>
      <c r="OJ7" s="504"/>
      <c r="OK7" s="505"/>
      <c r="OL7" s="532" t="s">
        <v>62</v>
      </c>
      <c r="OM7" s="504"/>
      <c r="ON7" s="504"/>
      <c r="OO7" s="504"/>
      <c r="OP7" s="504"/>
      <c r="OQ7" s="504"/>
      <c r="OR7" s="533"/>
      <c r="OS7" s="534" t="s">
        <v>52</v>
      </c>
    </row>
    <row r="8" spans="2:409" ht="30" customHeight="1" thickBot="1" x14ac:dyDescent="0.25">
      <c r="B8" s="557"/>
      <c r="C8" s="249" t="s">
        <v>43</v>
      </c>
      <c r="D8" s="74" t="s">
        <v>44</v>
      </c>
      <c r="E8" s="250" t="s">
        <v>45</v>
      </c>
      <c r="F8" s="76" t="s">
        <v>83</v>
      </c>
      <c r="G8" s="74" t="s">
        <v>47</v>
      </c>
      <c r="H8" s="74" t="s">
        <v>48</v>
      </c>
      <c r="I8" s="74" t="s">
        <v>49</v>
      </c>
      <c r="J8" s="74" t="s">
        <v>50</v>
      </c>
      <c r="K8" s="74" t="s">
        <v>51</v>
      </c>
      <c r="L8" s="75" t="s">
        <v>45</v>
      </c>
      <c r="M8" s="570"/>
      <c r="N8" s="73" t="s">
        <v>43</v>
      </c>
      <c r="O8" s="74" t="s">
        <v>44</v>
      </c>
      <c r="P8" s="75" t="s">
        <v>45</v>
      </c>
      <c r="Q8" s="76" t="s">
        <v>83</v>
      </c>
      <c r="R8" s="74" t="s">
        <v>47</v>
      </c>
      <c r="S8" s="74" t="s">
        <v>48</v>
      </c>
      <c r="T8" s="74" t="s">
        <v>49</v>
      </c>
      <c r="U8" s="74" t="s">
        <v>50</v>
      </c>
      <c r="V8" s="74" t="s">
        <v>51</v>
      </c>
      <c r="W8" s="75" t="s">
        <v>45</v>
      </c>
      <c r="X8" s="551"/>
      <c r="Y8" s="73" t="s">
        <v>43</v>
      </c>
      <c r="Z8" s="74" t="s">
        <v>44</v>
      </c>
      <c r="AA8" s="75" t="s">
        <v>45</v>
      </c>
      <c r="AB8" s="76" t="s">
        <v>83</v>
      </c>
      <c r="AC8" s="74" t="s">
        <v>47</v>
      </c>
      <c r="AD8" s="74" t="s">
        <v>48</v>
      </c>
      <c r="AE8" s="74" t="s">
        <v>49</v>
      </c>
      <c r="AF8" s="74" t="s">
        <v>50</v>
      </c>
      <c r="AG8" s="74" t="s">
        <v>51</v>
      </c>
      <c r="AH8" s="75" t="s">
        <v>45</v>
      </c>
      <c r="AI8" s="552"/>
      <c r="AJ8" s="73" t="s">
        <v>43</v>
      </c>
      <c r="AK8" s="74" t="s">
        <v>44</v>
      </c>
      <c r="AL8" s="250" t="s">
        <v>45</v>
      </c>
      <c r="AM8" s="76" t="s">
        <v>83</v>
      </c>
      <c r="AN8" s="74" t="s">
        <v>47</v>
      </c>
      <c r="AO8" s="74" t="s">
        <v>48</v>
      </c>
      <c r="AP8" s="74" t="s">
        <v>49</v>
      </c>
      <c r="AQ8" s="74" t="s">
        <v>50</v>
      </c>
      <c r="AR8" s="74" t="s">
        <v>51</v>
      </c>
      <c r="AS8" s="75" t="s">
        <v>45</v>
      </c>
      <c r="AT8" s="552"/>
      <c r="AU8" s="73" t="s">
        <v>43</v>
      </c>
      <c r="AV8" s="74" t="s">
        <v>44</v>
      </c>
      <c r="AW8" s="250" t="s">
        <v>45</v>
      </c>
      <c r="AX8" s="76" t="s">
        <v>83</v>
      </c>
      <c r="AY8" s="74" t="s">
        <v>47</v>
      </c>
      <c r="AZ8" s="74" t="s">
        <v>48</v>
      </c>
      <c r="BA8" s="74" t="s">
        <v>49</v>
      </c>
      <c r="BB8" s="74" t="s">
        <v>50</v>
      </c>
      <c r="BC8" s="74" t="s">
        <v>51</v>
      </c>
      <c r="BD8" s="75" t="s">
        <v>45</v>
      </c>
      <c r="BE8" s="552"/>
      <c r="BF8" s="251" t="s">
        <v>43</v>
      </c>
      <c r="BG8" s="74" t="s">
        <v>44</v>
      </c>
      <c r="BH8" s="250" t="s">
        <v>45</v>
      </c>
      <c r="BI8" s="76" t="s">
        <v>83</v>
      </c>
      <c r="BJ8" s="74" t="s">
        <v>47</v>
      </c>
      <c r="BK8" s="74" t="s">
        <v>48</v>
      </c>
      <c r="BL8" s="74" t="s">
        <v>49</v>
      </c>
      <c r="BM8" s="74" t="s">
        <v>50</v>
      </c>
      <c r="BN8" s="74" t="s">
        <v>51</v>
      </c>
      <c r="BO8" s="75" t="s">
        <v>45</v>
      </c>
      <c r="BP8" s="552"/>
      <c r="BQ8" s="73" t="s">
        <v>43</v>
      </c>
      <c r="BR8" s="74" t="s">
        <v>44</v>
      </c>
      <c r="BS8" s="250" t="s">
        <v>45</v>
      </c>
      <c r="BT8" s="76" t="s">
        <v>83</v>
      </c>
      <c r="BU8" s="74" t="s">
        <v>47</v>
      </c>
      <c r="BV8" s="74" t="s">
        <v>48</v>
      </c>
      <c r="BW8" s="74" t="s">
        <v>49</v>
      </c>
      <c r="BX8" s="74" t="s">
        <v>50</v>
      </c>
      <c r="BY8" s="74" t="s">
        <v>51</v>
      </c>
      <c r="BZ8" s="75" t="s">
        <v>45</v>
      </c>
      <c r="CA8" s="552"/>
      <c r="CB8" s="73" t="s">
        <v>43</v>
      </c>
      <c r="CC8" s="74" t="s">
        <v>44</v>
      </c>
      <c r="CD8" s="250" t="s">
        <v>45</v>
      </c>
      <c r="CE8" s="76" t="s">
        <v>83</v>
      </c>
      <c r="CF8" s="74" t="s">
        <v>47</v>
      </c>
      <c r="CG8" s="74" t="s">
        <v>48</v>
      </c>
      <c r="CH8" s="74" t="s">
        <v>49</v>
      </c>
      <c r="CI8" s="74" t="s">
        <v>50</v>
      </c>
      <c r="CJ8" s="74" t="s">
        <v>51</v>
      </c>
      <c r="CK8" s="75" t="s">
        <v>45</v>
      </c>
      <c r="CL8" s="551"/>
      <c r="CM8" s="73" t="s">
        <v>43</v>
      </c>
      <c r="CN8" s="74" t="s">
        <v>44</v>
      </c>
      <c r="CO8" s="75" t="s">
        <v>45</v>
      </c>
      <c r="CP8" s="76" t="s">
        <v>83</v>
      </c>
      <c r="CQ8" s="74" t="s">
        <v>47</v>
      </c>
      <c r="CR8" s="74" t="s">
        <v>48</v>
      </c>
      <c r="CS8" s="74" t="s">
        <v>49</v>
      </c>
      <c r="CT8" s="74" t="s">
        <v>50</v>
      </c>
      <c r="CU8" s="74" t="s">
        <v>51</v>
      </c>
      <c r="CV8" s="75" t="s">
        <v>45</v>
      </c>
      <c r="CW8" s="551"/>
      <c r="CX8" s="73" t="s">
        <v>43</v>
      </c>
      <c r="CY8" s="74" t="s">
        <v>44</v>
      </c>
      <c r="CZ8" s="75" t="s">
        <v>45</v>
      </c>
      <c r="DA8" s="76" t="s">
        <v>83</v>
      </c>
      <c r="DB8" s="74" t="s">
        <v>47</v>
      </c>
      <c r="DC8" s="74" t="s">
        <v>48</v>
      </c>
      <c r="DD8" s="74" t="s">
        <v>49</v>
      </c>
      <c r="DE8" s="74" t="s">
        <v>50</v>
      </c>
      <c r="DF8" s="74" t="s">
        <v>51</v>
      </c>
      <c r="DG8" s="75" t="s">
        <v>45</v>
      </c>
      <c r="DH8" s="551"/>
      <c r="DI8" s="73" t="s">
        <v>43</v>
      </c>
      <c r="DJ8" s="74" t="s">
        <v>44</v>
      </c>
      <c r="DK8" s="75" t="s">
        <v>45</v>
      </c>
      <c r="DL8" s="76" t="s">
        <v>83</v>
      </c>
      <c r="DM8" s="74" t="s">
        <v>47</v>
      </c>
      <c r="DN8" s="74" t="s">
        <v>48</v>
      </c>
      <c r="DO8" s="74" t="s">
        <v>49</v>
      </c>
      <c r="DP8" s="74" t="s">
        <v>50</v>
      </c>
      <c r="DQ8" s="74" t="s">
        <v>51</v>
      </c>
      <c r="DR8" s="75" t="s">
        <v>45</v>
      </c>
      <c r="DS8" s="551"/>
      <c r="DT8" s="73" t="s">
        <v>43</v>
      </c>
      <c r="DU8" s="74" t="s">
        <v>44</v>
      </c>
      <c r="DV8" s="250" t="s">
        <v>45</v>
      </c>
      <c r="DW8" s="76" t="s">
        <v>83</v>
      </c>
      <c r="DX8" s="74" t="s">
        <v>47</v>
      </c>
      <c r="DY8" s="74" t="s">
        <v>48</v>
      </c>
      <c r="DZ8" s="74" t="s">
        <v>49</v>
      </c>
      <c r="EA8" s="74" t="s">
        <v>50</v>
      </c>
      <c r="EB8" s="74" t="s">
        <v>51</v>
      </c>
      <c r="EC8" s="75" t="s">
        <v>45</v>
      </c>
      <c r="ED8" s="552"/>
      <c r="EE8" s="73" t="s">
        <v>43</v>
      </c>
      <c r="EF8" s="74" t="s">
        <v>44</v>
      </c>
      <c r="EG8" s="250" t="s">
        <v>45</v>
      </c>
      <c r="EH8" s="76" t="s">
        <v>83</v>
      </c>
      <c r="EI8" s="74" t="s">
        <v>47</v>
      </c>
      <c r="EJ8" s="74" t="s">
        <v>48</v>
      </c>
      <c r="EK8" s="74" t="s">
        <v>49</v>
      </c>
      <c r="EL8" s="74" t="s">
        <v>50</v>
      </c>
      <c r="EM8" s="74" t="s">
        <v>51</v>
      </c>
      <c r="EN8" s="75" t="s">
        <v>45</v>
      </c>
      <c r="EO8" s="552"/>
      <c r="EP8" s="73" t="s">
        <v>43</v>
      </c>
      <c r="EQ8" s="74" t="s">
        <v>44</v>
      </c>
      <c r="ER8" s="250" t="s">
        <v>45</v>
      </c>
      <c r="ES8" s="76" t="s">
        <v>83</v>
      </c>
      <c r="ET8" s="74" t="s">
        <v>47</v>
      </c>
      <c r="EU8" s="74" t="s">
        <v>48</v>
      </c>
      <c r="EV8" s="74" t="s">
        <v>49</v>
      </c>
      <c r="EW8" s="74" t="s">
        <v>50</v>
      </c>
      <c r="EX8" s="74" t="s">
        <v>51</v>
      </c>
      <c r="EY8" s="75" t="s">
        <v>45</v>
      </c>
      <c r="EZ8" s="552"/>
      <c r="FA8" s="73" t="s">
        <v>43</v>
      </c>
      <c r="FB8" s="74" t="s">
        <v>44</v>
      </c>
      <c r="FC8" s="250" t="s">
        <v>45</v>
      </c>
      <c r="FD8" s="76" t="s">
        <v>83</v>
      </c>
      <c r="FE8" s="74" t="s">
        <v>47</v>
      </c>
      <c r="FF8" s="74" t="s">
        <v>48</v>
      </c>
      <c r="FG8" s="74" t="s">
        <v>49</v>
      </c>
      <c r="FH8" s="74" t="s">
        <v>50</v>
      </c>
      <c r="FI8" s="74" t="s">
        <v>51</v>
      </c>
      <c r="FJ8" s="75" t="s">
        <v>45</v>
      </c>
      <c r="FK8" s="552"/>
      <c r="FL8" s="73" t="s">
        <v>43</v>
      </c>
      <c r="FM8" s="74" t="s">
        <v>44</v>
      </c>
      <c r="FN8" s="250" t="s">
        <v>45</v>
      </c>
      <c r="FO8" s="76" t="s">
        <v>83</v>
      </c>
      <c r="FP8" s="74" t="s">
        <v>47</v>
      </c>
      <c r="FQ8" s="74" t="s">
        <v>48</v>
      </c>
      <c r="FR8" s="74" t="s">
        <v>49</v>
      </c>
      <c r="FS8" s="74" t="s">
        <v>50</v>
      </c>
      <c r="FT8" s="74" t="s">
        <v>51</v>
      </c>
      <c r="FU8" s="75" t="s">
        <v>45</v>
      </c>
      <c r="FV8" s="550"/>
      <c r="FW8" s="73" t="s">
        <v>43</v>
      </c>
      <c r="FX8" s="74" t="s">
        <v>44</v>
      </c>
      <c r="FY8" s="250" t="s">
        <v>45</v>
      </c>
      <c r="FZ8" s="76" t="s">
        <v>83</v>
      </c>
      <c r="GA8" s="74" t="s">
        <v>47</v>
      </c>
      <c r="GB8" s="74" t="s">
        <v>48</v>
      </c>
      <c r="GC8" s="74" t="s">
        <v>49</v>
      </c>
      <c r="GD8" s="74" t="s">
        <v>50</v>
      </c>
      <c r="GE8" s="74" t="s">
        <v>51</v>
      </c>
      <c r="GF8" s="75" t="s">
        <v>45</v>
      </c>
      <c r="GG8" s="552"/>
      <c r="GH8" s="73" t="s">
        <v>43</v>
      </c>
      <c r="GI8" s="74" t="s">
        <v>44</v>
      </c>
      <c r="GJ8" s="250" t="s">
        <v>45</v>
      </c>
      <c r="GK8" s="76" t="s">
        <v>83</v>
      </c>
      <c r="GL8" s="74" t="s">
        <v>47</v>
      </c>
      <c r="GM8" s="74" t="s">
        <v>48</v>
      </c>
      <c r="GN8" s="74" t="s">
        <v>49</v>
      </c>
      <c r="GO8" s="74" t="s">
        <v>50</v>
      </c>
      <c r="GP8" s="74" t="s">
        <v>51</v>
      </c>
      <c r="GQ8" s="75" t="s">
        <v>45</v>
      </c>
      <c r="GR8" s="554"/>
      <c r="GS8" s="73" t="s">
        <v>43</v>
      </c>
      <c r="GT8" s="74" t="s">
        <v>44</v>
      </c>
      <c r="GU8" s="250" t="s">
        <v>45</v>
      </c>
      <c r="GV8" s="76" t="s">
        <v>83</v>
      </c>
      <c r="GW8" s="74" t="s">
        <v>47</v>
      </c>
      <c r="GX8" s="74" t="s">
        <v>48</v>
      </c>
      <c r="GY8" s="74" t="s">
        <v>49</v>
      </c>
      <c r="GZ8" s="74" t="s">
        <v>50</v>
      </c>
      <c r="HA8" s="74" t="s">
        <v>51</v>
      </c>
      <c r="HB8" s="75" t="s">
        <v>45</v>
      </c>
      <c r="HC8" s="554"/>
      <c r="HD8" s="73" t="s">
        <v>43</v>
      </c>
      <c r="HE8" s="74" t="s">
        <v>44</v>
      </c>
      <c r="HF8" s="250" t="s">
        <v>45</v>
      </c>
      <c r="HG8" s="76" t="s">
        <v>83</v>
      </c>
      <c r="HH8" s="74" t="s">
        <v>47</v>
      </c>
      <c r="HI8" s="74" t="s">
        <v>48</v>
      </c>
      <c r="HJ8" s="74" t="s">
        <v>49</v>
      </c>
      <c r="HK8" s="74" t="s">
        <v>50</v>
      </c>
      <c r="HL8" s="74" t="s">
        <v>51</v>
      </c>
      <c r="HM8" s="75" t="s">
        <v>45</v>
      </c>
      <c r="HN8" s="552"/>
      <c r="HO8" s="73" t="s">
        <v>43</v>
      </c>
      <c r="HP8" s="74" t="s">
        <v>44</v>
      </c>
      <c r="HQ8" s="250" t="s">
        <v>45</v>
      </c>
      <c r="HR8" s="76" t="s">
        <v>83</v>
      </c>
      <c r="HS8" s="74" t="s">
        <v>47</v>
      </c>
      <c r="HT8" s="74" t="s">
        <v>48</v>
      </c>
      <c r="HU8" s="74" t="s">
        <v>49</v>
      </c>
      <c r="HV8" s="74" t="s">
        <v>50</v>
      </c>
      <c r="HW8" s="74" t="s">
        <v>51</v>
      </c>
      <c r="HX8" s="75" t="s">
        <v>45</v>
      </c>
      <c r="HY8" s="552"/>
      <c r="HZ8" s="73" t="s">
        <v>43</v>
      </c>
      <c r="IA8" s="74" t="s">
        <v>44</v>
      </c>
      <c r="IB8" s="250" t="s">
        <v>45</v>
      </c>
      <c r="IC8" s="76" t="s">
        <v>83</v>
      </c>
      <c r="ID8" s="74" t="s">
        <v>47</v>
      </c>
      <c r="IE8" s="74" t="s">
        <v>48</v>
      </c>
      <c r="IF8" s="74" t="s">
        <v>49</v>
      </c>
      <c r="IG8" s="74" t="s">
        <v>50</v>
      </c>
      <c r="IH8" s="74" t="s">
        <v>51</v>
      </c>
      <c r="II8" s="75" t="s">
        <v>45</v>
      </c>
      <c r="IJ8" s="550"/>
      <c r="IK8" s="73" t="s">
        <v>43</v>
      </c>
      <c r="IL8" s="74" t="s">
        <v>44</v>
      </c>
      <c r="IM8" s="250" t="s">
        <v>45</v>
      </c>
      <c r="IN8" s="76" t="s">
        <v>83</v>
      </c>
      <c r="IO8" s="252" t="s">
        <v>47</v>
      </c>
      <c r="IP8" s="252" t="s">
        <v>48</v>
      </c>
      <c r="IQ8" s="252" t="s">
        <v>49</v>
      </c>
      <c r="IR8" s="252" t="s">
        <v>50</v>
      </c>
      <c r="IS8" s="252" t="s">
        <v>51</v>
      </c>
      <c r="IT8" s="253" t="s">
        <v>45</v>
      </c>
      <c r="IU8" s="549"/>
      <c r="IV8" s="251" t="s">
        <v>43</v>
      </c>
      <c r="IW8" s="252" t="s">
        <v>44</v>
      </c>
      <c r="IX8" s="253" t="s">
        <v>45</v>
      </c>
      <c r="IY8" s="76" t="s">
        <v>83</v>
      </c>
      <c r="IZ8" s="252" t="s">
        <v>47</v>
      </c>
      <c r="JA8" s="252" t="s">
        <v>48</v>
      </c>
      <c r="JB8" s="252" t="s">
        <v>49</v>
      </c>
      <c r="JC8" s="252" t="s">
        <v>50</v>
      </c>
      <c r="JD8" s="252" t="s">
        <v>51</v>
      </c>
      <c r="JE8" s="253" t="s">
        <v>45</v>
      </c>
      <c r="JF8" s="549"/>
      <c r="JG8" s="251" t="s">
        <v>43</v>
      </c>
      <c r="JH8" s="252" t="s">
        <v>44</v>
      </c>
      <c r="JI8" s="254" t="s">
        <v>45</v>
      </c>
      <c r="JJ8" s="231" t="s">
        <v>83</v>
      </c>
      <c r="JK8" s="252" t="s">
        <v>47</v>
      </c>
      <c r="JL8" s="252" t="s">
        <v>48</v>
      </c>
      <c r="JM8" s="252" t="s">
        <v>49</v>
      </c>
      <c r="JN8" s="252" t="s">
        <v>50</v>
      </c>
      <c r="JO8" s="252" t="s">
        <v>51</v>
      </c>
      <c r="JP8" s="253" t="s">
        <v>45</v>
      </c>
      <c r="JQ8" s="531"/>
      <c r="JR8" s="251" t="s">
        <v>43</v>
      </c>
      <c r="JS8" s="252" t="s">
        <v>44</v>
      </c>
      <c r="JT8" s="254" t="s">
        <v>45</v>
      </c>
      <c r="JU8" s="231" t="s">
        <v>83</v>
      </c>
      <c r="JV8" s="252" t="s">
        <v>47</v>
      </c>
      <c r="JW8" s="252" t="s">
        <v>48</v>
      </c>
      <c r="JX8" s="252" t="s">
        <v>49</v>
      </c>
      <c r="JY8" s="252" t="s">
        <v>50</v>
      </c>
      <c r="JZ8" s="252" t="s">
        <v>51</v>
      </c>
      <c r="KA8" s="253" t="s">
        <v>45</v>
      </c>
      <c r="KB8" s="531"/>
      <c r="KC8" s="251" t="s">
        <v>43</v>
      </c>
      <c r="KD8" s="252" t="s">
        <v>44</v>
      </c>
      <c r="KE8" s="254" t="s">
        <v>45</v>
      </c>
      <c r="KF8" s="231" t="s">
        <v>83</v>
      </c>
      <c r="KG8" s="252" t="s">
        <v>47</v>
      </c>
      <c r="KH8" s="252" t="s">
        <v>48</v>
      </c>
      <c r="KI8" s="252" t="s">
        <v>49</v>
      </c>
      <c r="KJ8" s="252" t="s">
        <v>50</v>
      </c>
      <c r="KK8" s="252" t="s">
        <v>51</v>
      </c>
      <c r="KL8" s="253" t="s">
        <v>45</v>
      </c>
      <c r="KM8" s="531"/>
      <c r="KN8" s="251" t="s">
        <v>43</v>
      </c>
      <c r="KO8" s="252" t="s">
        <v>44</v>
      </c>
      <c r="KP8" s="254" t="s">
        <v>45</v>
      </c>
      <c r="KQ8" s="76" t="s">
        <v>83</v>
      </c>
      <c r="KR8" s="252" t="s">
        <v>47</v>
      </c>
      <c r="KS8" s="252" t="s">
        <v>48</v>
      </c>
      <c r="KT8" s="252" t="s">
        <v>49</v>
      </c>
      <c r="KU8" s="252" t="s">
        <v>50</v>
      </c>
      <c r="KV8" s="252" t="s">
        <v>51</v>
      </c>
      <c r="KW8" s="253" t="s">
        <v>45</v>
      </c>
      <c r="KX8" s="531"/>
      <c r="KY8" s="251" t="s">
        <v>43</v>
      </c>
      <c r="KZ8" s="252" t="s">
        <v>44</v>
      </c>
      <c r="LA8" s="254" t="s">
        <v>45</v>
      </c>
      <c r="LB8" s="76" t="s">
        <v>83</v>
      </c>
      <c r="LC8" s="252" t="s">
        <v>47</v>
      </c>
      <c r="LD8" s="252" t="s">
        <v>48</v>
      </c>
      <c r="LE8" s="252" t="s">
        <v>49</v>
      </c>
      <c r="LF8" s="252" t="s">
        <v>50</v>
      </c>
      <c r="LG8" s="252" t="s">
        <v>51</v>
      </c>
      <c r="LH8" s="253" t="s">
        <v>45</v>
      </c>
      <c r="LI8" s="531"/>
      <c r="LJ8" s="251" t="s">
        <v>43</v>
      </c>
      <c r="LK8" s="252" t="s">
        <v>44</v>
      </c>
      <c r="LL8" s="254" t="s">
        <v>45</v>
      </c>
      <c r="LM8" s="76" t="s">
        <v>83</v>
      </c>
      <c r="LN8" s="252" t="s">
        <v>47</v>
      </c>
      <c r="LO8" s="252" t="s">
        <v>48</v>
      </c>
      <c r="LP8" s="252" t="s">
        <v>49</v>
      </c>
      <c r="LQ8" s="252" t="s">
        <v>50</v>
      </c>
      <c r="LR8" s="252" t="s">
        <v>51</v>
      </c>
      <c r="LS8" s="253" t="s">
        <v>45</v>
      </c>
      <c r="LT8" s="531"/>
      <c r="LU8" s="251" t="s">
        <v>43</v>
      </c>
      <c r="LV8" s="252" t="s">
        <v>44</v>
      </c>
      <c r="LW8" s="254" t="s">
        <v>45</v>
      </c>
      <c r="LX8" s="76" t="s">
        <v>83</v>
      </c>
      <c r="LY8" s="252" t="s">
        <v>47</v>
      </c>
      <c r="LZ8" s="252" t="s">
        <v>48</v>
      </c>
      <c r="MA8" s="252" t="s">
        <v>49</v>
      </c>
      <c r="MB8" s="252" t="s">
        <v>50</v>
      </c>
      <c r="MC8" s="252" t="s">
        <v>51</v>
      </c>
      <c r="MD8" s="253" t="s">
        <v>45</v>
      </c>
      <c r="ME8" s="531"/>
      <c r="MF8" s="251" t="s">
        <v>43</v>
      </c>
      <c r="MG8" s="252" t="s">
        <v>44</v>
      </c>
      <c r="MH8" s="254" t="s">
        <v>45</v>
      </c>
      <c r="MI8" s="76" t="s">
        <v>83</v>
      </c>
      <c r="MJ8" s="252" t="s">
        <v>47</v>
      </c>
      <c r="MK8" s="252" t="s">
        <v>48</v>
      </c>
      <c r="ML8" s="252" t="s">
        <v>49</v>
      </c>
      <c r="MM8" s="252" t="s">
        <v>50</v>
      </c>
      <c r="MN8" s="252" t="s">
        <v>51</v>
      </c>
      <c r="MO8" s="253" t="s">
        <v>45</v>
      </c>
      <c r="MP8" s="531"/>
      <c r="MQ8" s="251" t="s">
        <v>43</v>
      </c>
      <c r="MR8" s="252" t="s">
        <v>44</v>
      </c>
      <c r="MS8" s="254" t="s">
        <v>45</v>
      </c>
      <c r="MT8" s="76" t="s">
        <v>83</v>
      </c>
      <c r="MU8" s="252" t="s">
        <v>47</v>
      </c>
      <c r="MV8" s="252" t="s">
        <v>48</v>
      </c>
      <c r="MW8" s="252" t="s">
        <v>49</v>
      </c>
      <c r="MX8" s="252" t="s">
        <v>50</v>
      </c>
      <c r="MY8" s="252" t="s">
        <v>51</v>
      </c>
      <c r="MZ8" s="253" t="s">
        <v>45</v>
      </c>
      <c r="NA8" s="531"/>
      <c r="NB8" s="251" t="s">
        <v>43</v>
      </c>
      <c r="NC8" s="252" t="s">
        <v>44</v>
      </c>
      <c r="ND8" s="254" t="s">
        <v>45</v>
      </c>
      <c r="NE8" s="76" t="s">
        <v>83</v>
      </c>
      <c r="NF8" s="252" t="s">
        <v>47</v>
      </c>
      <c r="NG8" s="252" t="s">
        <v>48</v>
      </c>
      <c r="NH8" s="252" t="s">
        <v>49</v>
      </c>
      <c r="NI8" s="252" t="s">
        <v>50</v>
      </c>
      <c r="NJ8" s="252" t="s">
        <v>51</v>
      </c>
      <c r="NK8" s="253" t="s">
        <v>45</v>
      </c>
      <c r="NL8" s="531"/>
      <c r="NM8" s="251" t="s">
        <v>43</v>
      </c>
      <c r="NN8" s="252" t="s">
        <v>44</v>
      </c>
      <c r="NO8" s="254" t="s">
        <v>45</v>
      </c>
      <c r="NP8" s="76" t="s">
        <v>83</v>
      </c>
      <c r="NQ8" s="252" t="s">
        <v>47</v>
      </c>
      <c r="NR8" s="252" t="s">
        <v>48</v>
      </c>
      <c r="NS8" s="252" t="s">
        <v>49</v>
      </c>
      <c r="NT8" s="252" t="s">
        <v>50</v>
      </c>
      <c r="NU8" s="252" t="s">
        <v>51</v>
      </c>
      <c r="NV8" s="253" t="s">
        <v>45</v>
      </c>
      <c r="NW8" s="531"/>
      <c r="NX8" s="251" t="s">
        <v>43</v>
      </c>
      <c r="NY8" s="252" t="s">
        <v>44</v>
      </c>
      <c r="NZ8" s="254" t="s">
        <v>45</v>
      </c>
      <c r="OA8" s="76" t="s">
        <v>83</v>
      </c>
      <c r="OB8" s="252" t="s">
        <v>47</v>
      </c>
      <c r="OC8" s="252" t="s">
        <v>48</v>
      </c>
      <c r="OD8" s="252" t="s">
        <v>49</v>
      </c>
      <c r="OE8" s="252" t="s">
        <v>50</v>
      </c>
      <c r="OF8" s="252" t="s">
        <v>51</v>
      </c>
      <c r="OG8" s="253" t="s">
        <v>45</v>
      </c>
      <c r="OH8" s="531"/>
      <c r="OI8" s="251" t="s">
        <v>43</v>
      </c>
      <c r="OJ8" s="252" t="s">
        <v>44</v>
      </c>
      <c r="OK8" s="254" t="s">
        <v>45</v>
      </c>
      <c r="OL8" s="231" t="s">
        <v>83</v>
      </c>
      <c r="OM8" s="252" t="s">
        <v>47</v>
      </c>
      <c r="ON8" s="252" t="s">
        <v>48</v>
      </c>
      <c r="OO8" s="252" t="s">
        <v>49</v>
      </c>
      <c r="OP8" s="252" t="s">
        <v>50</v>
      </c>
      <c r="OQ8" s="252" t="s">
        <v>51</v>
      </c>
      <c r="OR8" s="253" t="s">
        <v>45</v>
      </c>
      <c r="OS8" s="531"/>
    </row>
    <row r="9" spans="2:409" s="407" customFormat="1" ht="21" customHeight="1" x14ac:dyDescent="0.2">
      <c r="B9" s="84" t="s">
        <v>4</v>
      </c>
      <c r="C9" s="255">
        <v>28703121</v>
      </c>
      <c r="D9" s="256">
        <v>51278668</v>
      </c>
      <c r="E9" s="257">
        <v>79981789</v>
      </c>
      <c r="F9" s="258">
        <v>0</v>
      </c>
      <c r="G9" s="256">
        <v>269499796</v>
      </c>
      <c r="H9" s="256">
        <v>375277259</v>
      </c>
      <c r="I9" s="256">
        <v>316210349</v>
      </c>
      <c r="J9" s="256">
        <v>317222581</v>
      </c>
      <c r="K9" s="256">
        <v>242096810</v>
      </c>
      <c r="L9" s="259">
        <v>1520306795</v>
      </c>
      <c r="M9" s="260">
        <v>1600288584</v>
      </c>
      <c r="N9" s="255">
        <v>8605922</v>
      </c>
      <c r="O9" s="256">
        <v>18498399</v>
      </c>
      <c r="P9" s="261">
        <v>27104321</v>
      </c>
      <c r="Q9" s="255">
        <v>0</v>
      </c>
      <c r="R9" s="256">
        <v>85421234</v>
      </c>
      <c r="S9" s="256">
        <v>134333499</v>
      </c>
      <c r="T9" s="256">
        <v>106695429</v>
      </c>
      <c r="U9" s="256">
        <v>114028481</v>
      </c>
      <c r="V9" s="256">
        <v>113980987</v>
      </c>
      <c r="W9" s="261">
        <v>554459630</v>
      </c>
      <c r="X9" s="260">
        <v>581563951</v>
      </c>
      <c r="Y9" s="255">
        <v>0</v>
      </c>
      <c r="Z9" s="256">
        <v>0</v>
      </c>
      <c r="AA9" s="261">
        <v>0</v>
      </c>
      <c r="AB9" s="262">
        <v>0</v>
      </c>
      <c r="AC9" s="263">
        <v>32908883</v>
      </c>
      <c r="AD9" s="263">
        <v>55460910</v>
      </c>
      <c r="AE9" s="263">
        <v>50886223</v>
      </c>
      <c r="AF9" s="263">
        <v>57836763</v>
      </c>
      <c r="AG9" s="263">
        <v>63351068</v>
      </c>
      <c r="AH9" s="261">
        <v>260443847</v>
      </c>
      <c r="AI9" s="260">
        <v>260443847</v>
      </c>
      <c r="AJ9" s="264">
        <v>0</v>
      </c>
      <c r="AK9" s="263">
        <v>65602</v>
      </c>
      <c r="AL9" s="261">
        <v>65602</v>
      </c>
      <c r="AM9" s="262">
        <v>0</v>
      </c>
      <c r="AN9" s="263">
        <v>545918</v>
      </c>
      <c r="AO9" s="259">
        <v>929293</v>
      </c>
      <c r="AP9" s="263">
        <v>3108091</v>
      </c>
      <c r="AQ9" s="263">
        <v>7550453</v>
      </c>
      <c r="AR9" s="263">
        <v>12418555</v>
      </c>
      <c r="AS9" s="261">
        <v>24552310</v>
      </c>
      <c r="AT9" s="260">
        <v>24617912</v>
      </c>
      <c r="AU9" s="264">
        <v>4780987</v>
      </c>
      <c r="AV9" s="263">
        <v>13079764</v>
      </c>
      <c r="AW9" s="261">
        <v>17860751</v>
      </c>
      <c r="AX9" s="262">
        <v>0</v>
      </c>
      <c r="AY9" s="263">
        <v>33266095</v>
      </c>
      <c r="AZ9" s="263">
        <v>53630517</v>
      </c>
      <c r="BA9" s="263">
        <v>33214248</v>
      </c>
      <c r="BB9" s="263">
        <v>28223346</v>
      </c>
      <c r="BC9" s="263">
        <v>22408824</v>
      </c>
      <c r="BD9" s="261">
        <v>170743030</v>
      </c>
      <c r="BE9" s="265">
        <v>188603781</v>
      </c>
      <c r="BF9" s="264">
        <v>456790</v>
      </c>
      <c r="BG9" s="259">
        <v>1783229</v>
      </c>
      <c r="BH9" s="266">
        <v>2240019</v>
      </c>
      <c r="BI9" s="262">
        <v>0</v>
      </c>
      <c r="BJ9" s="263">
        <v>2540749</v>
      </c>
      <c r="BK9" s="263">
        <v>4480287</v>
      </c>
      <c r="BL9" s="263">
        <v>2309313</v>
      </c>
      <c r="BM9" s="263">
        <v>2807607</v>
      </c>
      <c r="BN9" s="263">
        <v>1725968</v>
      </c>
      <c r="BO9" s="261">
        <v>13863924</v>
      </c>
      <c r="BP9" s="260">
        <v>16103943</v>
      </c>
      <c r="BQ9" s="264">
        <v>3368145</v>
      </c>
      <c r="BR9" s="263">
        <v>3569804</v>
      </c>
      <c r="BS9" s="261">
        <v>6937949</v>
      </c>
      <c r="BT9" s="262">
        <v>0</v>
      </c>
      <c r="BU9" s="263">
        <v>16159589</v>
      </c>
      <c r="BV9" s="263">
        <v>19832492</v>
      </c>
      <c r="BW9" s="263">
        <v>17177554</v>
      </c>
      <c r="BX9" s="263">
        <v>17610312</v>
      </c>
      <c r="BY9" s="263">
        <v>14076572</v>
      </c>
      <c r="BZ9" s="261">
        <v>84856519</v>
      </c>
      <c r="CA9" s="260">
        <v>91794468</v>
      </c>
      <c r="CB9" s="264">
        <v>2185401</v>
      </c>
      <c r="CC9" s="263">
        <v>6226067</v>
      </c>
      <c r="CD9" s="261">
        <v>8411468</v>
      </c>
      <c r="CE9" s="262">
        <v>0</v>
      </c>
      <c r="CF9" s="263">
        <v>68828652</v>
      </c>
      <c r="CG9" s="263">
        <v>83954361</v>
      </c>
      <c r="CH9" s="267">
        <v>62596060</v>
      </c>
      <c r="CI9" s="263">
        <v>38047736</v>
      </c>
      <c r="CJ9" s="263">
        <v>15714087</v>
      </c>
      <c r="CK9" s="261">
        <v>269140896</v>
      </c>
      <c r="CL9" s="260">
        <v>277552364</v>
      </c>
      <c r="CM9" s="255">
        <v>12944</v>
      </c>
      <c r="CN9" s="256">
        <v>0</v>
      </c>
      <c r="CO9" s="261">
        <v>12944</v>
      </c>
      <c r="CP9" s="262">
        <v>0</v>
      </c>
      <c r="CQ9" s="263">
        <v>54817747</v>
      </c>
      <c r="CR9" s="263">
        <v>61367390</v>
      </c>
      <c r="CS9" s="263">
        <v>41667799</v>
      </c>
      <c r="CT9" s="263">
        <v>25577697</v>
      </c>
      <c r="CU9" s="263">
        <v>12134525</v>
      </c>
      <c r="CV9" s="268">
        <v>195565158</v>
      </c>
      <c r="CW9" s="260">
        <v>195578102</v>
      </c>
      <c r="CX9" s="264">
        <v>2172457</v>
      </c>
      <c r="CY9" s="263">
        <v>6226067</v>
      </c>
      <c r="CZ9" s="261">
        <v>8398524</v>
      </c>
      <c r="DA9" s="262">
        <v>0</v>
      </c>
      <c r="DB9" s="263">
        <v>14010905</v>
      </c>
      <c r="DC9" s="263">
        <v>22586971</v>
      </c>
      <c r="DD9" s="263">
        <v>20928261</v>
      </c>
      <c r="DE9" s="263">
        <v>12470039</v>
      </c>
      <c r="DF9" s="263">
        <v>3579562</v>
      </c>
      <c r="DG9" s="261">
        <v>73575738</v>
      </c>
      <c r="DH9" s="260">
        <v>81974262</v>
      </c>
      <c r="DI9" s="264">
        <v>237346</v>
      </c>
      <c r="DJ9" s="263">
        <v>450194</v>
      </c>
      <c r="DK9" s="266">
        <v>687540</v>
      </c>
      <c r="DL9" s="262">
        <v>0</v>
      </c>
      <c r="DM9" s="263">
        <v>8837740</v>
      </c>
      <c r="DN9" s="263">
        <v>16221522</v>
      </c>
      <c r="DO9" s="263">
        <v>21714887</v>
      </c>
      <c r="DP9" s="263">
        <v>21063540</v>
      </c>
      <c r="DQ9" s="263">
        <v>9950689</v>
      </c>
      <c r="DR9" s="269">
        <v>77788378</v>
      </c>
      <c r="DS9" s="260">
        <v>78475918</v>
      </c>
      <c r="DT9" s="264">
        <v>215060</v>
      </c>
      <c r="DU9" s="263">
        <v>450194</v>
      </c>
      <c r="DV9" s="261">
        <v>665254</v>
      </c>
      <c r="DW9" s="262">
        <v>0</v>
      </c>
      <c r="DX9" s="263">
        <v>7591054</v>
      </c>
      <c r="DY9" s="263">
        <v>13864493</v>
      </c>
      <c r="DZ9" s="263">
        <v>18123022</v>
      </c>
      <c r="EA9" s="263">
        <v>17209284</v>
      </c>
      <c r="EB9" s="263">
        <v>8253507</v>
      </c>
      <c r="EC9" s="261">
        <v>65041360</v>
      </c>
      <c r="ED9" s="260">
        <v>65706614</v>
      </c>
      <c r="EE9" s="264">
        <v>22286</v>
      </c>
      <c r="EF9" s="259">
        <v>0</v>
      </c>
      <c r="EG9" s="261">
        <v>22286</v>
      </c>
      <c r="EH9" s="265">
        <v>0</v>
      </c>
      <c r="EI9" s="263">
        <v>1184853</v>
      </c>
      <c r="EJ9" s="263">
        <v>2357029</v>
      </c>
      <c r="EK9" s="263">
        <v>3591865</v>
      </c>
      <c r="EL9" s="263">
        <v>3854256</v>
      </c>
      <c r="EM9" s="267">
        <v>1697182</v>
      </c>
      <c r="EN9" s="259">
        <v>12685185</v>
      </c>
      <c r="EO9" s="260">
        <v>12707471</v>
      </c>
      <c r="EP9" s="264">
        <v>0</v>
      </c>
      <c r="EQ9" s="263">
        <v>0</v>
      </c>
      <c r="ER9" s="259">
        <v>0</v>
      </c>
      <c r="ES9" s="262">
        <v>0</v>
      </c>
      <c r="ET9" s="263">
        <v>0</v>
      </c>
      <c r="EU9" s="263">
        <v>0</v>
      </c>
      <c r="EV9" s="263">
        <v>0</v>
      </c>
      <c r="EW9" s="263">
        <v>0</v>
      </c>
      <c r="EX9" s="263">
        <v>0</v>
      </c>
      <c r="EY9" s="268">
        <v>0</v>
      </c>
      <c r="EZ9" s="260">
        <v>0</v>
      </c>
      <c r="FA9" s="264">
        <v>0</v>
      </c>
      <c r="FB9" s="263">
        <v>0</v>
      </c>
      <c r="FC9" s="259">
        <v>0</v>
      </c>
      <c r="FD9" s="402">
        <v>0</v>
      </c>
      <c r="FE9" s="263">
        <v>61833</v>
      </c>
      <c r="FF9" s="263">
        <v>0</v>
      </c>
      <c r="FG9" s="263">
        <v>0</v>
      </c>
      <c r="FH9" s="263">
        <v>0</v>
      </c>
      <c r="FI9" s="263">
        <v>0</v>
      </c>
      <c r="FJ9" s="268">
        <v>61833</v>
      </c>
      <c r="FK9" s="260">
        <v>61833</v>
      </c>
      <c r="FL9" s="264">
        <v>5664532</v>
      </c>
      <c r="FM9" s="263">
        <v>10526601</v>
      </c>
      <c r="FN9" s="261">
        <v>16191133</v>
      </c>
      <c r="FO9" s="262">
        <v>0</v>
      </c>
      <c r="FP9" s="263">
        <v>12537834</v>
      </c>
      <c r="FQ9" s="263">
        <v>32045327</v>
      </c>
      <c r="FR9" s="263">
        <v>23085475</v>
      </c>
      <c r="FS9" s="263">
        <v>20267277</v>
      </c>
      <c r="FT9" s="263">
        <v>14059230</v>
      </c>
      <c r="FU9" s="261">
        <v>101995143</v>
      </c>
      <c r="FV9" s="260">
        <v>118186276</v>
      </c>
      <c r="FW9" s="264">
        <v>2502776</v>
      </c>
      <c r="FX9" s="263">
        <v>7108023</v>
      </c>
      <c r="FY9" s="259">
        <v>9610799</v>
      </c>
      <c r="FZ9" s="265">
        <v>0</v>
      </c>
      <c r="GA9" s="263">
        <v>9386502</v>
      </c>
      <c r="GB9" s="270">
        <v>28430144</v>
      </c>
      <c r="GC9" s="263">
        <v>20759253</v>
      </c>
      <c r="GD9" s="270">
        <v>17994710</v>
      </c>
      <c r="GE9" s="263">
        <v>13350707</v>
      </c>
      <c r="GF9" s="268">
        <v>89921316</v>
      </c>
      <c r="GG9" s="271">
        <v>99532115</v>
      </c>
      <c r="GH9" s="272">
        <v>402671</v>
      </c>
      <c r="GI9" s="263">
        <v>687370</v>
      </c>
      <c r="GJ9" s="270">
        <v>1090041</v>
      </c>
      <c r="GK9" s="258">
        <v>0</v>
      </c>
      <c r="GL9" s="263">
        <v>472838</v>
      </c>
      <c r="GM9" s="259">
        <v>1194590</v>
      </c>
      <c r="GN9" s="263">
        <v>684862</v>
      </c>
      <c r="GO9" s="259">
        <v>866631</v>
      </c>
      <c r="GP9" s="263">
        <v>267523</v>
      </c>
      <c r="GQ9" s="269">
        <v>3486444</v>
      </c>
      <c r="GR9" s="260">
        <v>4576485</v>
      </c>
      <c r="GS9" s="259">
        <v>2759085</v>
      </c>
      <c r="GT9" s="263">
        <v>2731208</v>
      </c>
      <c r="GU9" s="261">
        <v>5490293</v>
      </c>
      <c r="GV9" s="259">
        <v>0</v>
      </c>
      <c r="GW9" s="263">
        <v>2678494</v>
      </c>
      <c r="GX9" s="259">
        <v>2420593</v>
      </c>
      <c r="GY9" s="263">
        <v>1641360</v>
      </c>
      <c r="GZ9" s="259">
        <v>1405936</v>
      </c>
      <c r="HA9" s="263">
        <v>441000</v>
      </c>
      <c r="HB9" s="259">
        <v>8587383</v>
      </c>
      <c r="HC9" s="260">
        <v>14077676</v>
      </c>
      <c r="HD9" s="259">
        <v>12009920</v>
      </c>
      <c r="HE9" s="263">
        <v>15577407</v>
      </c>
      <c r="HF9" s="259">
        <v>27587327</v>
      </c>
      <c r="HG9" s="265">
        <v>0</v>
      </c>
      <c r="HH9" s="263">
        <v>93874336</v>
      </c>
      <c r="HI9" s="270">
        <v>108722550</v>
      </c>
      <c r="HJ9" s="263">
        <v>102118498</v>
      </c>
      <c r="HK9" s="270">
        <v>123815547</v>
      </c>
      <c r="HL9" s="263">
        <v>88391817</v>
      </c>
      <c r="HM9" s="268">
        <v>516922748</v>
      </c>
      <c r="HN9" s="259">
        <v>544510075</v>
      </c>
      <c r="HO9" s="272">
        <v>0</v>
      </c>
      <c r="HP9" s="263">
        <v>0</v>
      </c>
      <c r="HQ9" s="268">
        <v>0</v>
      </c>
      <c r="HR9" s="270">
        <v>0</v>
      </c>
      <c r="HS9" s="263">
        <v>0</v>
      </c>
      <c r="HT9" s="270">
        <v>0</v>
      </c>
      <c r="HU9" s="263">
        <v>0</v>
      </c>
      <c r="HV9" s="270">
        <v>0</v>
      </c>
      <c r="HW9" s="263">
        <v>0</v>
      </c>
      <c r="HX9" s="270">
        <v>0</v>
      </c>
      <c r="HY9" s="260">
        <v>0</v>
      </c>
      <c r="HZ9" s="273">
        <v>488064</v>
      </c>
      <c r="IA9" s="274">
        <v>1525826</v>
      </c>
      <c r="IB9" s="275">
        <v>2013890</v>
      </c>
      <c r="IC9" s="276">
        <v>0</v>
      </c>
      <c r="ID9" s="274">
        <v>54596263</v>
      </c>
      <c r="IE9" s="277">
        <v>75685804</v>
      </c>
      <c r="IF9" s="278">
        <v>80236976</v>
      </c>
      <c r="IG9" s="274">
        <v>55791962</v>
      </c>
      <c r="IH9" s="278">
        <v>50939730</v>
      </c>
      <c r="II9" s="279">
        <v>317250735</v>
      </c>
      <c r="IJ9" s="280">
        <v>319264625</v>
      </c>
      <c r="IK9" s="281">
        <v>0</v>
      </c>
      <c r="IL9" s="282">
        <v>0</v>
      </c>
      <c r="IM9" s="283">
        <v>0</v>
      </c>
      <c r="IN9" s="402">
        <v>0</v>
      </c>
      <c r="IO9" s="284">
        <v>935547</v>
      </c>
      <c r="IP9" s="284">
        <v>3366646</v>
      </c>
      <c r="IQ9" s="284">
        <v>3612945</v>
      </c>
      <c r="IR9" s="284">
        <v>4834266</v>
      </c>
      <c r="IS9" s="284">
        <v>6952503</v>
      </c>
      <c r="IT9" s="285">
        <v>19701907</v>
      </c>
      <c r="IU9" s="286">
        <v>19701907</v>
      </c>
      <c r="IV9" s="287">
        <v>0</v>
      </c>
      <c r="IW9" s="284">
        <v>0</v>
      </c>
      <c r="IX9" s="288">
        <v>0</v>
      </c>
      <c r="IY9" s="402">
        <v>0</v>
      </c>
      <c r="IZ9" s="284">
        <v>176918</v>
      </c>
      <c r="JA9" s="284">
        <v>505394</v>
      </c>
      <c r="JB9" s="284">
        <v>494363</v>
      </c>
      <c r="JC9" s="284">
        <v>649504</v>
      </c>
      <c r="JD9" s="284">
        <v>1444697</v>
      </c>
      <c r="JE9" s="288">
        <v>3270876</v>
      </c>
      <c r="JF9" s="289">
        <v>3270876</v>
      </c>
      <c r="JG9" s="287">
        <v>0</v>
      </c>
      <c r="JH9" s="284">
        <v>0</v>
      </c>
      <c r="JI9" s="285">
        <v>0</v>
      </c>
      <c r="JJ9" s="290">
        <v>0</v>
      </c>
      <c r="JK9" s="284">
        <v>24260415</v>
      </c>
      <c r="JL9" s="284">
        <v>30976675</v>
      </c>
      <c r="JM9" s="284">
        <v>20008932</v>
      </c>
      <c r="JN9" s="284">
        <v>10072925</v>
      </c>
      <c r="JO9" s="284">
        <v>4861610</v>
      </c>
      <c r="JP9" s="288">
        <v>90180557</v>
      </c>
      <c r="JQ9" s="286">
        <v>90180557</v>
      </c>
      <c r="JR9" s="287">
        <v>91196</v>
      </c>
      <c r="JS9" s="284">
        <v>0</v>
      </c>
      <c r="JT9" s="285">
        <v>91196</v>
      </c>
      <c r="JU9" s="290">
        <v>0</v>
      </c>
      <c r="JV9" s="284">
        <v>3243674</v>
      </c>
      <c r="JW9" s="284">
        <v>4575569</v>
      </c>
      <c r="JX9" s="284">
        <v>6670991</v>
      </c>
      <c r="JY9" s="284">
        <v>2164448</v>
      </c>
      <c r="JZ9" s="284">
        <v>4769154</v>
      </c>
      <c r="KA9" s="288">
        <v>21423836</v>
      </c>
      <c r="KB9" s="286">
        <v>21515032</v>
      </c>
      <c r="KC9" s="291">
        <v>396868</v>
      </c>
      <c r="KD9" s="292">
        <v>1525826</v>
      </c>
      <c r="KE9" s="288">
        <v>1922694</v>
      </c>
      <c r="KF9" s="290">
        <v>0</v>
      </c>
      <c r="KG9" s="284">
        <v>7818421</v>
      </c>
      <c r="KH9" s="284">
        <v>8122771</v>
      </c>
      <c r="KI9" s="284">
        <v>12255455</v>
      </c>
      <c r="KJ9" s="284">
        <v>8626536</v>
      </c>
      <c r="KK9" s="284">
        <v>3932771</v>
      </c>
      <c r="KL9" s="288">
        <v>40755954</v>
      </c>
      <c r="KM9" s="293">
        <v>42678648</v>
      </c>
      <c r="KN9" s="281">
        <v>0</v>
      </c>
      <c r="KO9" s="282">
        <v>0</v>
      </c>
      <c r="KP9" s="283">
        <v>0</v>
      </c>
      <c r="KQ9" s="406">
        <v>0</v>
      </c>
      <c r="KR9" s="284">
        <v>16419552</v>
      </c>
      <c r="KS9" s="284">
        <v>24610293</v>
      </c>
      <c r="KT9" s="284">
        <v>30703155</v>
      </c>
      <c r="KU9" s="284">
        <v>18600671</v>
      </c>
      <c r="KV9" s="284">
        <v>17739265</v>
      </c>
      <c r="KW9" s="288">
        <v>108072936</v>
      </c>
      <c r="KX9" s="286">
        <v>108072936</v>
      </c>
      <c r="KY9" s="287">
        <v>0</v>
      </c>
      <c r="KZ9" s="284">
        <v>0</v>
      </c>
      <c r="LA9" s="288">
        <v>0</v>
      </c>
      <c r="LB9" s="406">
        <v>0</v>
      </c>
      <c r="LC9" s="284">
        <v>141768</v>
      </c>
      <c r="LD9" s="284">
        <v>490285</v>
      </c>
      <c r="LE9" s="284">
        <v>1442796</v>
      </c>
      <c r="LF9" s="284">
        <v>1045746</v>
      </c>
      <c r="LG9" s="284">
        <v>1143881</v>
      </c>
      <c r="LH9" s="288">
        <v>4264476</v>
      </c>
      <c r="LI9" s="289">
        <v>4264476</v>
      </c>
      <c r="LJ9" s="287">
        <v>0</v>
      </c>
      <c r="LK9" s="284">
        <v>0</v>
      </c>
      <c r="LL9" s="288">
        <v>0</v>
      </c>
      <c r="LM9" s="406">
        <v>0</v>
      </c>
      <c r="LN9" s="284">
        <v>0</v>
      </c>
      <c r="LO9" s="284">
        <v>228571</v>
      </c>
      <c r="LP9" s="284">
        <v>1793875</v>
      </c>
      <c r="LQ9" s="284">
        <v>5383244</v>
      </c>
      <c r="LR9" s="284">
        <v>1156415</v>
      </c>
      <c r="LS9" s="288">
        <v>8562105</v>
      </c>
      <c r="LT9" s="286">
        <v>8562105</v>
      </c>
      <c r="LU9" s="287">
        <v>0</v>
      </c>
      <c r="LV9" s="284">
        <v>0</v>
      </c>
      <c r="LW9" s="288">
        <v>0</v>
      </c>
      <c r="LX9" s="406">
        <v>0</v>
      </c>
      <c r="LY9" s="284">
        <v>1599968</v>
      </c>
      <c r="LZ9" s="284">
        <v>2809600</v>
      </c>
      <c r="MA9" s="284">
        <v>3254464</v>
      </c>
      <c r="MB9" s="284">
        <v>4414622</v>
      </c>
      <c r="MC9" s="284">
        <v>8939434</v>
      </c>
      <c r="MD9" s="288">
        <v>21018088</v>
      </c>
      <c r="ME9" s="289">
        <v>21018088</v>
      </c>
      <c r="MF9" s="287">
        <v>0</v>
      </c>
      <c r="MG9" s="284">
        <v>0</v>
      </c>
      <c r="MH9" s="288">
        <v>0</v>
      </c>
      <c r="MI9" s="406">
        <v>0</v>
      </c>
      <c r="MJ9" s="284">
        <v>16473826</v>
      </c>
      <c r="MK9" s="284">
        <v>43735964</v>
      </c>
      <c r="ML9" s="284">
        <v>119809790</v>
      </c>
      <c r="MM9" s="284">
        <v>178740401</v>
      </c>
      <c r="MN9" s="284">
        <v>111737736</v>
      </c>
      <c r="MO9" s="288">
        <v>470497717</v>
      </c>
      <c r="MP9" s="293">
        <v>470497717</v>
      </c>
      <c r="MQ9" s="287">
        <v>0</v>
      </c>
      <c r="MR9" s="284">
        <v>0</v>
      </c>
      <c r="MS9" s="288">
        <v>0</v>
      </c>
      <c r="MT9" s="406">
        <v>0</v>
      </c>
      <c r="MU9" s="284">
        <v>2157909</v>
      </c>
      <c r="MV9" s="284">
        <v>9696008</v>
      </c>
      <c r="MW9" s="284">
        <v>66297179</v>
      </c>
      <c r="MX9" s="284">
        <v>105189495</v>
      </c>
      <c r="MY9" s="284">
        <v>70115819</v>
      </c>
      <c r="MZ9" s="288">
        <v>253456410</v>
      </c>
      <c r="NA9" s="293">
        <v>253456410</v>
      </c>
      <c r="NB9" s="287">
        <v>0</v>
      </c>
      <c r="NC9" s="284">
        <v>0</v>
      </c>
      <c r="ND9" s="288">
        <v>0</v>
      </c>
      <c r="NE9" s="406">
        <v>0</v>
      </c>
      <c r="NF9" s="284">
        <v>14315917</v>
      </c>
      <c r="NG9" s="284">
        <v>33570195</v>
      </c>
      <c r="NH9" s="284">
        <v>52905649</v>
      </c>
      <c r="NI9" s="284">
        <v>69132858</v>
      </c>
      <c r="NJ9" s="284">
        <v>34241547</v>
      </c>
      <c r="NK9" s="288">
        <v>204166166</v>
      </c>
      <c r="NL9" s="286">
        <v>204166166</v>
      </c>
      <c r="NM9" s="287">
        <v>0</v>
      </c>
      <c r="NN9" s="284">
        <v>0</v>
      </c>
      <c r="NO9" s="288">
        <v>0</v>
      </c>
      <c r="NP9" s="406">
        <v>0</v>
      </c>
      <c r="NQ9" s="284">
        <v>0</v>
      </c>
      <c r="NR9" s="284">
        <v>0</v>
      </c>
      <c r="NS9" s="284">
        <v>0</v>
      </c>
      <c r="NT9" s="284">
        <v>0</v>
      </c>
      <c r="NU9" s="284">
        <v>0</v>
      </c>
      <c r="NV9" s="288">
        <v>0</v>
      </c>
      <c r="NW9" s="289">
        <v>0</v>
      </c>
      <c r="NX9" s="287">
        <v>0</v>
      </c>
      <c r="NY9" s="284">
        <v>0</v>
      </c>
      <c r="NZ9" s="288">
        <v>0</v>
      </c>
      <c r="OA9" s="406">
        <v>0</v>
      </c>
      <c r="OB9" s="284">
        <v>0</v>
      </c>
      <c r="OC9" s="284">
        <v>469761</v>
      </c>
      <c r="OD9" s="284">
        <v>606962</v>
      </c>
      <c r="OE9" s="284">
        <v>4418048</v>
      </c>
      <c r="OF9" s="284">
        <v>7380370</v>
      </c>
      <c r="OG9" s="288">
        <v>12875141</v>
      </c>
      <c r="OH9" s="289">
        <v>12875141</v>
      </c>
      <c r="OI9" s="287">
        <v>29191185</v>
      </c>
      <c r="OJ9" s="284">
        <v>52804494</v>
      </c>
      <c r="OK9" s="285">
        <v>81995679</v>
      </c>
      <c r="OL9" s="290">
        <v>0</v>
      </c>
      <c r="OM9" s="284">
        <v>340569885</v>
      </c>
      <c r="ON9" s="284">
        <v>494699027</v>
      </c>
      <c r="OO9" s="284">
        <v>516257115</v>
      </c>
      <c r="OP9" s="284">
        <v>551754944</v>
      </c>
      <c r="OQ9" s="284">
        <v>404774276</v>
      </c>
      <c r="OR9" s="288">
        <v>2308055247</v>
      </c>
      <c r="OS9" s="293">
        <v>2390050926</v>
      </c>
    </row>
    <row r="10" spans="2:409" s="407" customFormat="1" ht="21" customHeight="1" x14ac:dyDescent="0.2">
      <c r="B10" s="95" t="s">
        <v>5</v>
      </c>
      <c r="C10" s="295">
        <v>14242434</v>
      </c>
      <c r="D10" s="296">
        <v>27029084</v>
      </c>
      <c r="E10" s="297">
        <v>41271518</v>
      </c>
      <c r="F10" s="298">
        <v>0</v>
      </c>
      <c r="G10" s="296">
        <v>101617242</v>
      </c>
      <c r="H10" s="296">
        <v>178902534</v>
      </c>
      <c r="I10" s="296">
        <v>144179311</v>
      </c>
      <c r="J10" s="296">
        <v>141291495</v>
      </c>
      <c r="K10" s="296">
        <v>107899936</v>
      </c>
      <c r="L10" s="298">
        <v>673890518</v>
      </c>
      <c r="M10" s="299">
        <v>715162036</v>
      </c>
      <c r="N10" s="295">
        <v>4248180</v>
      </c>
      <c r="O10" s="296">
        <v>10735947</v>
      </c>
      <c r="P10" s="297">
        <v>14984127</v>
      </c>
      <c r="Q10" s="295">
        <v>0</v>
      </c>
      <c r="R10" s="296">
        <v>32032254</v>
      </c>
      <c r="S10" s="296">
        <v>65688439</v>
      </c>
      <c r="T10" s="296">
        <v>48104595</v>
      </c>
      <c r="U10" s="296">
        <v>49601288</v>
      </c>
      <c r="V10" s="296">
        <v>53226572</v>
      </c>
      <c r="W10" s="297">
        <v>248653148</v>
      </c>
      <c r="X10" s="299">
        <v>263637275</v>
      </c>
      <c r="Y10" s="295">
        <v>0</v>
      </c>
      <c r="Z10" s="296">
        <v>0</v>
      </c>
      <c r="AA10" s="297">
        <v>0</v>
      </c>
      <c r="AB10" s="295">
        <v>0</v>
      </c>
      <c r="AC10" s="296">
        <v>12384628</v>
      </c>
      <c r="AD10" s="296">
        <v>24624453</v>
      </c>
      <c r="AE10" s="296">
        <v>20584715</v>
      </c>
      <c r="AF10" s="296">
        <v>24278809</v>
      </c>
      <c r="AG10" s="296">
        <v>28871713</v>
      </c>
      <c r="AH10" s="297">
        <v>110744318</v>
      </c>
      <c r="AI10" s="299">
        <v>110744318</v>
      </c>
      <c r="AJ10" s="295">
        <v>0</v>
      </c>
      <c r="AK10" s="296">
        <v>65602</v>
      </c>
      <c r="AL10" s="297">
        <v>65602</v>
      </c>
      <c r="AM10" s="295">
        <v>0</v>
      </c>
      <c r="AN10" s="296">
        <v>244030</v>
      </c>
      <c r="AO10" s="296">
        <v>419853</v>
      </c>
      <c r="AP10" s="296">
        <v>1102788</v>
      </c>
      <c r="AQ10" s="296">
        <v>2578051</v>
      </c>
      <c r="AR10" s="296">
        <v>6805434</v>
      </c>
      <c r="AS10" s="297">
        <v>11150156</v>
      </c>
      <c r="AT10" s="299">
        <v>11215758</v>
      </c>
      <c r="AU10" s="295">
        <v>2450011</v>
      </c>
      <c r="AV10" s="296">
        <v>7480192</v>
      </c>
      <c r="AW10" s="297">
        <v>9930203</v>
      </c>
      <c r="AX10" s="295">
        <v>0</v>
      </c>
      <c r="AY10" s="296">
        <v>12328587</v>
      </c>
      <c r="AZ10" s="296">
        <v>29234975</v>
      </c>
      <c r="BA10" s="296">
        <v>17746270</v>
      </c>
      <c r="BB10" s="296">
        <v>13561147</v>
      </c>
      <c r="BC10" s="296">
        <v>10657074</v>
      </c>
      <c r="BD10" s="297">
        <v>83528053</v>
      </c>
      <c r="BE10" s="299">
        <v>93458256</v>
      </c>
      <c r="BF10" s="295">
        <v>167484</v>
      </c>
      <c r="BG10" s="296">
        <v>1172711</v>
      </c>
      <c r="BH10" s="300">
        <v>1340195</v>
      </c>
      <c r="BI10" s="301">
        <v>0</v>
      </c>
      <c r="BJ10" s="296">
        <v>749491</v>
      </c>
      <c r="BK10" s="296">
        <v>1960749</v>
      </c>
      <c r="BL10" s="296">
        <v>930947</v>
      </c>
      <c r="BM10" s="296">
        <v>1276589</v>
      </c>
      <c r="BN10" s="296">
        <v>894602</v>
      </c>
      <c r="BO10" s="297">
        <v>5812378</v>
      </c>
      <c r="BP10" s="299">
        <v>7152573</v>
      </c>
      <c r="BQ10" s="295">
        <v>1630685</v>
      </c>
      <c r="BR10" s="296">
        <v>2017442</v>
      </c>
      <c r="BS10" s="297">
        <v>3648127</v>
      </c>
      <c r="BT10" s="295">
        <v>0</v>
      </c>
      <c r="BU10" s="296">
        <v>6325518</v>
      </c>
      <c r="BV10" s="296">
        <v>9448409</v>
      </c>
      <c r="BW10" s="296">
        <v>7739875</v>
      </c>
      <c r="BX10" s="296">
        <v>7906692</v>
      </c>
      <c r="BY10" s="296">
        <v>5997749</v>
      </c>
      <c r="BZ10" s="297">
        <v>37418243</v>
      </c>
      <c r="CA10" s="299">
        <v>41066370</v>
      </c>
      <c r="CB10" s="295">
        <v>1076834</v>
      </c>
      <c r="CC10" s="296">
        <v>3203526</v>
      </c>
      <c r="CD10" s="297">
        <v>4280360</v>
      </c>
      <c r="CE10" s="295">
        <v>0</v>
      </c>
      <c r="CF10" s="296">
        <v>23409224</v>
      </c>
      <c r="CG10" s="296">
        <v>38203590</v>
      </c>
      <c r="CH10" s="296">
        <v>26001233</v>
      </c>
      <c r="CI10" s="296">
        <v>14426512</v>
      </c>
      <c r="CJ10" s="296">
        <v>5432629</v>
      </c>
      <c r="CK10" s="297">
        <v>107473188</v>
      </c>
      <c r="CL10" s="299">
        <v>111753548</v>
      </c>
      <c r="CM10" s="295">
        <v>0</v>
      </c>
      <c r="CN10" s="296">
        <v>0</v>
      </c>
      <c r="CO10" s="297">
        <v>0</v>
      </c>
      <c r="CP10" s="301">
        <v>0</v>
      </c>
      <c r="CQ10" s="296">
        <v>19231975</v>
      </c>
      <c r="CR10" s="296">
        <v>26986571</v>
      </c>
      <c r="CS10" s="296">
        <v>16004287</v>
      </c>
      <c r="CT10" s="296">
        <v>8915082</v>
      </c>
      <c r="CU10" s="296">
        <v>3493531</v>
      </c>
      <c r="CV10" s="297">
        <v>74631446</v>
      </c>
      <c r="CW10" s="299">
        <v>74631446</v>
      </c>
      <c r="CX10" s="295">
        <v>1076834</v>
      </c>
      <c r="CY10" s="296">
        <v>3203526</v>
      </c>
      <c r="CZ10" s="297">
        <v>4280360</v>
      </c>
      <c r="DA10" s="295">
        <v>0</v>
      </c>
      <c r="DB10" s="296">
        <v>4177249</v>
      </c>
      <c r="DC10" s="296">
        <v>11217019</v>
      </c>
      <c r="DD10" s="296">
        <v>9996946</v>
      </c>
      <c r="DE10" s="296">
        <v>5511430</v>
      </c>
      <c r="DF10" s="296">
        <v>1939098</v>
      </c>
      <c r="DG10" s="297">
        <v>32841742</v>
      </c>
      <c r="DH10" s="299">
        <v>37122102</v>
      </c>
      <c r="DI10" s="295">
        <v>113058</v>
      </c>
      <c r="DJ10" s="296">
        <v>277185</v>
      </c>
      <c r="DK10" s="300">
        <v>390243</v>
      </c>
      <c r="DL10" s="301">
        <v>0</v>
      </c>
      <c r="DM10" s="296">
        <v>3115898</v>
      </c>
      <c r="DN10" s="296">
        <v>6272757</v>
      </c>
      <c r="DO10" s="296">
        <v>10365613</v>
      </c>
      <c r="DP10" s="296">
        <v>9488325</v>
      </c>
      <c r="DQ10" s="296">
        <v>4462187</v>
      </c>
      <c r="DR10" s="297">
        <v>33704780</v>
      </c>
      <c r="DS10" s="299">
        <v>34095023</v>
      </c>
      <c r="DT10" s="295">
        <v>90772</v>
      </c>
      <c r="DU10" s="296">
        <v>277185</v>
      </c>
      <c r="DV10" s="297">
        <v>367957</v>
      </c>
      <c r="DW10" s="295">
        <v>0</v>
      </c>
      <c r="DX10" s="296">
        <v>2678805</v>
      </c>
      <c r="DY10" s="296">
        <v>5134735</v>
      </c>
      <c r="DZ10" s="296">
        <v>8001552</v>
      </c>
      <c r="EA10" s="296">
        <v>6717561</v>
      </c>
      <c r="EB10" s="296">
        <v>3653014</v>
      </c>
      <c r="EC10" s="297">
        <v>26185667</v>
      </c>
      <c r="ED10" s="299">
        <v>26553624</v>
      </c>
      <c r="EE10" s="295">
        <v>22286</v>
      </c>
      <c r="EF10" s="300">
        <v>0</v>
      </c>
      <c r="EG10" s="297">
        <v>22286</v>
      </c>
      <c r="EH10" s="295">
        <v>0</v>
      </c>
      <c r="EI10" s="296">
        <v>437093</v>
      </c>
      <c r="EJ10" s="296">
        <v>1138022</v>
      </c>
      <c r="EK10" s="296">
        <v>2364061</v>
      </c>
      <c r="EL10" s="296">
        <v>2770764</v>
      </c>
      <c r="EM10" s="296">
        <v>809173</v>
      </c>
      <c r="EN10" s="300">
        <v>7519113</v>
      </c>
      <c r="EO10" s="299">
        <v>7541399</v>
      </c>
      <c r="EP10" s="295">
        <v>0</v>
      </c>
      <c r="EQ10" s="296">
        <v>0</v>
      </c>
      <c r="ER10" s="300">
        <v>0</v>
      </c>
      <c r="ES10" s="301">
        <v>0</v>
      </c>
      <c r="ET10" s="296">
        <v>0</v>
      </c>
      <c r="EU10" s="296">
        <v>0</v>
      </c>
      <c r="EV10" s="296">
        <v>0</v>
      </c>
      <c r="EW10" s="296">
        <v>0</v>
      </c>
      <c r="EX10" s="296">
        <v>0</v>
      </c>
      <c r="EY10" s="297">
        <v>0</v>
      </c>
      <c r="EZ10" s="299">
        <v>0</v>
      </c>
      <c r="FA10" s="295">
        <v>0</v>
      </c>
      <c r="FB10" s="296">
        <v>0</v>
      </c>
      <c r="FC10" s="300">
        <v>0</v>
      </c>
      <c r="FD10" s="403">
        <v>0</v>
      </c>
      <c r="FE10" s="296">
        <v>0</v>
      </c>
      <c r="FF10" s="296">
        <v>0</v>
      </c>
      <c r="FG10" s="296">
        <v>0</v>
      </c>
      <c r="FH10" s="296">
        <v>0</v>
      </c>
      <c r="FI10" s="296">
        <v>0</v>
      </c>
      <c r="FJ10" s="297">
        <v>0</v>
      </c>
      <c r="FK10" s="299">
        <v>0</v>
      </c>
      <c r="FL10" s="295">
        <v>2659703</v>
      </c>
      <c r="FM10" s="296">
        <v>4470621</v>
      </c>
      <c r="FN10" s="297">
        <v>7130324</v>
      </c>
      <c r="FO10" s="295">
        <v>0</v>
      </c>
      <c r="FP10" s="296">
        <v>4065139</v>
      </c>
      <c r="FQ10" s="296">
        <v>14177826</v>
      </c>
      <c r="FR10" s="296">
        <v>10501366</v>
      </c>
      <c r="FS10" s="296">
        <v>9010075</v>
      </c>
      <c r="FT10" s="296">
        <v>5839299</v>
      </c>
      <c r="FU10" s="297">
        <v>43593705</v>
      </c>
      <c r="FV10" s="299">
        <v>50724029</v>
      </c>
      <c r="FW10" s="302">
        <v>885552</v>
      </c>
      <c r="FX10" s="296">
        <v>3229996</v>
      </c>
      <c r="FY10" s="300">
        <v>4115548</v>
      </c>
      <c r="FZ10" s="301">
        <v>0</v>
      </c>
      <c r="GA10" s="296">
        <v>2898252</v>
      </c>
      <c r="GB10" s="296">
        <v>12670772</v>
      </c>
      <c r="GC10" s="296">
        <v>9296930</v>
      </c>
      <c r="GD10" s="296">
        <v>7710893</v>
      </c>
      <c r="GE10" s="296">
        <v>5593364</v>
      </c>
      <c r="GF10" s="297">
        <v>38170211</v>
      </c>
      <c r="GG10" s="303">
        <v>42285759</v>
      </c>
      <c r="GH10" s="302">
        <v>292531</v>
      </c>
      <c r="GI10" s="296">
        <v>346961</v>
      </c>
      <c r="GJ10" s="300">
        <v>639492</v>
      </c>
      <c r="GK10" s="301">
        <v>0</v>
      </c>
      <c r="GL10" s="296">
        <v>161127</v>
      </c>
      <c r="GM10" s="296">
        <v>314954</v>
      </c>
      <c r="GN10" s="296">
        <v>316066</v>
      </c>
      <c r="GO10" s="296">
        <v>407067</v>
      </c>
      <c r="GP10" s="296">
        <v>62535</v>
      </c>
      <c r="GQ10" s="297">
        <v>1261749</v>
      </c>
      <c r="GR10" s="299">
        <v>1901241</v>
      </c>
      <c r="GS10" s="295">
        <v>1481620</v>
      </c>
      <c r="GT10" s="296">
        <v>893664</v>
      </c>
      <c r="GU10" s="297">
        <v>2375284</v>
      </c>
      <c r="GV10" s="295">
        <v>0</v>
      </c>
      <c r="GW10" s="296">
        <v>1005760</v>
      </c>
      <c r="GX10" s="296">
        <v>1192100</v>
      </c>
      <c r="GY10" s="296">
        <v>888370</v>
      </c>
      <c r="GZ10" s="296">
        <v>892115</v>
      </c>
      <c r="HA10" s="296">
        <v>183400</v>
      </c>
      <c r="HB10" s="300">
        <v>4161745</v>
      </c>
      <c r="HC10" s="299">
        <v>6537029</v>
      </c>
      <c r="HD10" s="295">
        <v>6144659</v>
      </c>
      <c r="HE10" s="296">
        <v>8341805</v>
      </c>
      <c r="HF10" s="300">
        <v>14486464</v>
      </c>
      <c r="HG10" s="301">
        <v>0</v>
      </c>
      <c r="HH10" s="296">
        <v>38994727</v>
      </c>
      <c r="HI10" s="296">
        <v>54559922</v>
      </c>
      <c r="HJ10" s="296">
        <v>49206504</v>
      </c>
      <c r="HK10" s="296">
        <v>58765295</v>
      </c>
      <c r="HL10" s="296">
        <v>38939249</v>
      </c>
      <c r="HM10" s="297">
        <v>240465697</v>
      </c>
      <c r="HN10" s="298">
        <v>254952161</v>
      </c>
      <c r="HO10" s="302">
        <v>0</v>
      </c>
      <c r="HP10" s="296">
        <v>0</v>
      </c>
      <c r="HQ10" s="297">
        <v>0</v>
      </c>
      <c r="HR10" s="295">
        <v>0</v>
      </c>
      <c r="HS10" s="296">
        <v>0</v>
      </c>
      <c r="HT10" s="296">
        <v>0</v>
      </c>
      <c r="HU10" s="296">
        <v>0</v>
      </c>
      <c r="HV10" s="296">
        <v>0</v>
      </c>
      <c r="HW10" s="296">
        <v>0</v>
      </c>
      <c r="HX10" s="300">
        <v>0</v>
      </c>
      <c r="HY10" s="299">
        <v>0</v>
      </c>
      <c r="HZ10" s="304">
        <v>249558</v>
      </c>
      <c r="IA10" s="305">
        <v>836014</v>
      </c>
      <c r="IB10" s="306">
        <v>1085572</v>
      </c>
      <c r="IC10" s="307">
        <v>0</v>
      </c>
      <c r="ID10" s="308">
        <v>23718631</v>
      </c>
      <c r="IE10" s="309">
        <v>34386503</v>
      </c>
      <c r="IF10" s="310">
        <v>36165206</v>
      </c>
      <c r="IG10" s="308">
        <v>23591144</v>
      </c>
      <c r="IH10" s="310">
        <v>22206309</v>
      </c>
      <c r="II10" s="311">
        <v>140067793</v>
      </c>
      <c r="IJ10" s="312">
        <v>141153365</v>
      </c>
      <c r="IK10" s="313">
        <v>0</v>
      </c>
      <c r="IL10" s="314">
        <v>0</v>
      </c>
      <c r="IM10" s="315">
        <v>0</v>
      </c>
      <c r="IN10" s="403">
        <v>0</v>
      </c>
      <c r="IO10" s="316">
        <v>476451</v>
      </c>
      <c r="IP10" s="316">
        <v>1471989</v>
      </c>
      <c r="IQ10" s="316">
        <v>2790326</v>
      </c>
      <c r="IR10" s="316">
        <v>2479085</v>
      </c>
      <c r="IS10" s="316">
        <v>2028334</v>
      </c>
      <c r="IT10" s="317">
        <v>9246185</v>
      </c>
      <c r="IU10" s="318">
        <v>9246185</v>
      </c>
      <c r="IV10" s="319">
        <v>0</v>
      </c>
      <c r="IW10" s="316">
        <v>0</v>
      </c>
      <c r="IX10" s="320">
        <v>0</v>
      </c>
      <c r="IY10" s="403">
        <v>0</v>
      </c>
      <c r="IZ10" s="316">
        <v>94257</v>
      </c>
      <c r="JA10" s="316">
        <v>360258</v>
      </c>
      <c r="JB10" s="316">
        <v>261486</v>
      </c>
      <c r="JC10" s="316">
        <v>548217</v>
      </c>
      <c r="JD10" s="316">
        <v>1001283</v>
      </c>
      <c r="JE10" s="320">
        <v>2265501</v>
      </c>
      <c r="JF10" s="321">
        <v>2265501</v>
      </c>
      <c r="JG10" s="319">
        <v>0</v>
      </c>
      <c r="JH10" s="316">
        <v>0</v>
      </c>
      <c r="JI10" s="317">
        <v>0</v>
      </c>
      <c r="JJ10" s="322">
        <v>0</v>
      </c>
      <c r="JK10" s="316">
        <v>10070533</v>
      </c>
      <c r="JL10" s="316">
        <v>16517439</v>
      </c>
      <c r="JM10" s="316">
        <v>10987724</v>
      </c>
      <c r="JN10" s="316">
        <v>4500309</v>
      </c>
      <c r="JO10" s="316">
        <v>1543020</v>
      </c>
      <c r="JP10" s="320">
        <v>43619025</v>
      </c>
      <c r="JQ10" s="318">
        <v>43619025</v>
      </c>
      <c r="JR10" s="319">
        <v>38323</v>
      </c>
      <c r="JS10" s="316">
        <v>0</v>
      </c>
      <c r="JT10" s="317">
        <v>38323</v>
      </c>
      <c r="JU10" s="322">
        <v>0</v>
      </c>
      <c r="JV10" s="316">
        <v>1734420</v>
      </c>
      <c r="JW10" s="316">
        <v>2298074</v>
      </c>
      <c r="JX10" s="316">
        <v>3850767</v>
      </c>
      <c r="JY10" s="316">
        <v>1182452</v>
      </c>
      <c r="JZ10" s="316">
        <v>3832437</v>
      </c>
      <c r="KA10" s="320">
        <v>12898150</v>
      </c>
      <c r="KB10" s="318">
        <v>12936473</v>
      </c>
      <c r="KC10" s="323">
        <v>211235</v>
      </c>
      <c r="KD10" s="324">
        <v>836014</v>
      </c>
      <c r="KE10" s="320">
        <v>1047249</v>
      </c>
      <c r="KF10" s="322">
        <v>0</v>
      </c>
      <c r="KG10" s="316">
        <v>3655987</v>
      </c>
      <c r="KH10" s="316">
        <v>3844985</v>
      </c>
      <c r="KI10" s="316">
        <v>5957098</v>
      </c>
      <c r="KJ10" s="316">
        <v>5374189</v>
      </c>
      <c r="KK10" s="316">
        <v>2269842</v>
      </c>
      <c r="KL10" s="320">
        <v>21102101</v>
      </c>
      <c r="KM10" s="325">
        <v>22149350</v>
      </c>
      <c r="KN10" s="313">
        <v>0</v>
      </c>
      <c r="KO10" s="314">
        <v>0</v>
      </c>
      <c r="KP10" s="315">
        <v>0</v>
      </c>
      <c r="KQ10" s="403">
        <v>0</v>
      </c>
      <c r="KR10" s="316">
        <v>7518785</v>
      </c>
      <c r="KS10" s="316">
        <v>9201001</v>
      </c>
      <c r="KT10" s="316">
        <v>11799766</v>
      </c>
      <c r="KU10" s="316">
        <v>7546542</v>
      </c>
      <c r="KV10" s="316">
        <v>8004454</v>
      </c>
      <c r="KW10" s="320">
        <v>44070548</v>
      </c>
      <c r="KX10" s="318">
        <v>44070548</v>
      </c>
      <c r="KY10" s="319">
        <v>0</v>
      </c>
      <c r="KZ10" s="316">
        <v>0</v>
      </c>
      <c r="LA10" s="320">
        <v>0</v>
      </c>
      <c r="LB10" s="403">
        <v>0</v>
      </c>
      <c r="LC10" s="316">
        <v>0</v>
      </c>
      <c r="LD10" s="316">
        <v>0</v>
      </c>
      <c r="LE10" s="316">
        <v>0</v>
      </c>
      <c r="LF10" s="316">
        <v>0</v>
      </c>
      <c r="LG10" s="316">
        <v>0</v>
      </c>
      <c r="LH10" s="320">
        <v>0</v>
      </c>
      <c r="LI10" s="321">
        <v>0</v>
      </c>
      <c r="LJ10" s="319">
        <v>0</v>
      </c>
      <c r="LK10" s="316">
        <v>0</v>
      </c>
      <c r="LL10" s="320">
        <v>0</v>
      </c>
      <c r="LM10" s="403">
        <v>0</v>
      </c>
      <c r="LN10" s="316">
        <v>0</v>
      </c>
      <c r="LO10" s="316">
        <v>0</v>
      </c>
      <c r="LP10" s="316">
        <v>0</v>
      </c>
      <c r="LQ10" s="316">
        <v>158349</v>
      </c>
      <c r="LR10" s="316">
        <v>0</v>
      </c>
      <c r="LS10" s="320">
        <v>158349</v>
      </c>
      <c r="LT10" s="318">
        <v>158349</v>
      </c>
      <c r="LU10" s="319">
        <v>0</v>
      </c>
      <c r="LV10" s="316">
        <v>0</v>
      </c>
      <c r="LW10" s="320">
        <v>0</v>
      </c>
      <c r="LX10" s="403">
        <v>0</v>
      </c>
      <c r="LY10" s="316">
        <v>168198</v>
      </c>
      <c r="LZ10" s="316">
        <v>692757</v>
      </c>
      <c r="MA10" s="316">
        <v>518039</v>
      </c>
      <c r="MB10" s="316">
        <v>1802001</v>
      </c>
      <c r="MC10" s="316">
        <v>3526939</v>
      </c>
      <c r="MD10" s="320">
        <v>6707934</v>
      </c>
      <c r="ME10" s="321">
        <v>6707934</v>
      </c>
      <c r="MF10" s="319">
        <v>0</v>
      </c>
      <c r="MG10" s="316">
        <v>0</v>
      </c>
      <c r="MH10" s="320">
        <v>0</v>
      </c>
      <c r="MI10" s="403">
        <v>0</v>
      </c>
      <c r="MJ10" s="316">
        <v>9909752</v>
      </c>
      <c r="MK10" s="316">
        <v>25299079</v>
      </c>
      <c r="ML10" s="316">
        <v>62722431</v>
      </c>
      <c r="MM10" s="316">
        <v>85423469</v>
      </c>
      <c r="MN10" s="316">
        <v>50948037</v>
      </c>
      <c r="MO10" s="320">
        <v>234302768</v>
      </c>
      <c r="MP10" s="325">
        <v>234302768</v>
      </c>
      <c r="MQ10" s="319">
        <v>0</v>
      </c>
      <c r="MR10" s="316">
        <v>0</v>
      </c>
      <c r="MS10" s="320">
        <v>0</v>
      </c>
      <c r="MT10" s="403">
        <v>0</v>
      </c>
      <c r="MU10" s="316">
        <v>1746444</v>
      </c>
      <c r="MV10" s="316">
        <v>6988232</v>
      </c>
      <c r="MW10" s="316">
        <v>35581725</v>
      </c>
      <c r="MX10" s="316">
        <v>47382879</v>
      </c>
      <c r="MY10" s="316">
        <v>30204814</v>
      </c>
      <c r="MZ10" s="320">
        <v>121904094</v>
      </c>
      <c r="NA10" s="325">
        <v>121904094</v>
      </c>
      <c r="NB10" s="319">
        <v>0</v>
      </c>
      <c r="NC10" s="316">
        <v>0</v>
      </c>
      <c r="ND10" s="320">
        <v>0</v>
      </c>
      <c r="NE10" s="403">
        <v>0</v>
      </c>
      <c r="NF10" s="316">
        <v>8163308</v>
      </c>
      <c r="NG10" s="316">
        <v>18310847</v>
      </c>
      <c r="NH10" s="316">
        <v>27140706</v>
      </c>
      <c r="NI10" s="316">
        <v>36105517</v>
      </c>
      <c r="NJ10" s="316">
        <v>18737428</v>
      </c>
      <c r="NK10" s="320">
        <v>108457806</v>
      </c>
      <c r="NL10" s="318">
        <v>108457806</v>
      </c>
      <c r="NM10" s="319">
        <v>0</v>
      </c>
      <c r="NN10" s="316">
        <v>0</v>
      </c>
      <c r="NO10" s="320">
        <v>0</v>
      </c>
      <c r="NP10" s="403">
        <v>0</v>
      </c>
      <c r="NQ10" s="316">
        <v>0</v>
      </c>
      <c r="NR10" s="316">
        <v>0</v>
      </c>
      <c r="NS10" s="316">
        <v>0</v>
      </c>
      <c r="NT10" s="316">
        <v>0</v>
      </c>
      <c r="NU10" s="316">
        <v>0</v>
      </c>
      <c r="NV10" s="320">
        <v>0</v>
      </c>
      <c r="NW10" s="321">
        <v>0</v>
      </c>
      <c r="NX10" s="319">
        <v>0</v>
      </c>
      <c r="NY10" s="316">
        <v>0</v>
      </c>
      <c r="NZ10" s="320">
        <v>0</v>
      </c>
      <c r="OA10" s="403">
        <v>0</v>
      </c>
      <c r="OB10" s="316">
        <v>0</v>
      </c>
      <c r="OC10" s="316">
        <v>0</v>
      </c>
      <c r="OD10" s="316">
        <v>0</v>
      </c>
      <c r="OE10" s="316">
        <v>1935073</v>
      </c>
      <c r="OF10" s="316">
        <v>2005795</v>
      </c>
      <c r="OG10" s="320">
        <v>3940868</v>
      </c>
      <c r="OH10" s="321">
        <v>3940868</v>
      </c>
      <c r="OI10" s="319">
        <v>14491992</v>
      </c>
      <c r="OJ10" s="316">
        <v>27865098</v>
      </c>
      <c r="OK10" s="317">
        <v>42357090</v>
      </c>
      <c r="OL10" s="322">
        <v>0</v>
      </c>
      <c r="OM10" s="316">
        <v>135245625</v>
      </c>
      <c r="ON10" s="316">
        <v>238588116</v>
      </c>
      <c r="OO10" s="316">
        <v>243066948</v>
      </c>
      <c r="OP10" s="316">
        <v>250306108</v>
      </c>
      <c r="OQ10" s="316">
        <v>181054282</v>
      </c>
      <c r="OR10" s="320">
        <v>1048261079</v>
      </c>
      <c r="OS10" s="325">
        <v>1090618169</v>
      </c>
    </row>
    <row r="11" spans="2:409" s="70" customFormat="1" ht="21" customHeight="1" x14ac:dyDescent="0.2">
      <c r="B11" s="106" t="s">
        <v>6</v>
      </c>
      <c r="C11" s="326">
        <v>3985023</v>
      </c>
      <c r="D11" s="327">
        <v>6268068</v>
      </c>
      <c r="E11" s="328">
        <v>10253091</v>
      </c>
      <c r="F11" s="329">
        <v>0</v>
      </c>
      <c r="G11" s="327">
        <v>54880856</v>
      </c>
      <c r="H11" s="327">
        <v>61680335</v>
      </c>
      <c r="I11" s="327">
        <v>50244666</v>
      </c>
      <c r="J11" s="327">
        <v>54712808</v>
      </c>
      <c r="K11" s="327">
        <v>39938042</v>
      </c>
      <c r="L11" s="329">
        <v>261456707</v>
      </c>
      <c r="M11" s="330">
        <v>271709798</v>
      </c>
      <c r="N11" s="326">
        <v>1424196</v>
      </c>
      <c r="O11" s="327">
        <v>2433446</v>
      </c>
      <c r="P11" s="328">
        <v>3857642</v>
      </c>
      <c r="Q11" s="326">
        <v>0</v>
      </c>
      <c r="R11" s="327">
        <v>18338908</v>
      </c>
      <c r="S11" s="327">
        <v>21906435</v>
      </c>
      <c r="T11" s="327">
        <v>17537879</v>
      </c>
      <c r="U11" s="327">
        <v>19274241</v>
      </c>
      <c r="V11" s="327">
        <v>19139309</v>
      </c>
      <c r="W11" s="328">
        <v>96196772</v>
      </c>
      <c r="X11" s="330">
        <v>100054414</v>
      </c>
      <c r="Y11" s="326">
        <v>0</v>
      </c>
      <c r="Z11" s="327">
        <v>0</v>
      </c>
      <c r="AA11" s="328">
        <v>0</v>
      </c>
      <c r="AB11" s="326">
        <v>0</v>
      </c>
      <c r="AC11" s="327">
        <v>6435037</v>
      </c>
      <c r="AD11" s="327">
        <v>9452087</v>
      </c>
      <c r="AE11" s="327">
        <v>8139124</v>
      </c>
      <c r="AF11" s="327">
        <v>9383241</v>
      </c>
      <c r="AG11" s="327">
        <v>10798580</v>
      </c>
      <c r="AH11" s="328">
        <v>44208069</v>
      </c>
      <c r="AI11" s="330">
        <v>44208069</v>
      </c>
      <c r="AJ11" s="326">
        <v>0</v>
      </c>
      <c r="AK11" s="327">
        <v>0</v>
      </c>
      <c r="AL11" s="328">
        <v>0</v>
      </c>
      <c r="AM11" s="326">
        <v>0</v>
      </c>
      <c r="AN11" s="327">
        <v>129368</v>
      </c>
      <c r="AO11" s="327">
        <v>129368</v>
      </c>
      <c r="AP11" s="327">
        <v>695711</v>
      </c>
      <c r="AQ11" s="327">
        <v>1453291</v>
      </c>
      <c r="AR11" s="327">
        <v>1449224</v>
      </c>
      <c r="AS11" s="328">
        <v>3856962</v>
      </c>
      <c r="AT11" s="330">
        <v>3856962</v>
      </c>
      <c r="AU11" s="326">
        <v>797912</v>
      </c>
      <c r="AV11" s="327">
        <v>1856099</v>
      </c>
      <c r="AW11" s="328">
        <v>2654011</v>
      </c>
      <c r="AX11" s="326">
        <v>0</v>
      </c>
      <c r="AY11" s="327">
        <v>7669262</v>
      </c>
      <c r="AZ11" s="327">
        <v>8232884</v>
      </c>
      <c r="BA11" s="327">
        <v>5345858</v>
      </c>
      <c r="BB11" s="327">
        <v>4607080</v>
      </c>
      <c r="BC11" s="327">
        <v>3937730</v>
      </c>
      <c r="BD11" s="328">
        <v>29792814</v>
      </c>
      <c r="BE11" s="330">
        <v>32446825</v>
      </c>
      <c r="BF11" s="326">
        <v>18369</v>
      </c>
      <c r="BG11" s="327">
        <v>127366</v>
      </c>
      <c r="BH11" s="331">
        <v>145735</v>
      </c>
      <c r="BI11" s="332">
        <v>0</v>
      </c>
      <c r="BJ11" s="327">
        <v>621612</v>
      </c>
      <c r="BK11" s="327">
        <v>547954</v>
      </c>
      <c r="BL11" s="327">
        <v>376930</v>
      </c>
      <c r="BM11" s="327">
        <v>574380</v>
      </c>
      <c r="BN11" s="327">
        <v>192649</v>
      </c>
      <c r="BO11" s="328">
        <v>2313525</v>
      </c>
      <c r="BP11" s="330">
        <v>2459260</v>
      </c>
      <c r="BQ11" s="326">
        <v>607915</v>
      </c>
      <c r="BR11" s="327">
        <v>449981</v>
      </c>
      <c r="BS11" s="328">
        <v>1057896</v>
      </c>
      <c r="BT11" s="326">
        <v>0</v>
      </c>
      <c r="BU11" s="327">
        <v>3483629</v>
      </c>
      <c r="BV11" s="327">
        <v>3544142</v>
      </c>
      <c r="BW11" s="327">
        <v>2980256</v>
      </c>
      <c r="BX11" s="327">
        <v>3256249</v>
      </c>
      <c r="BY11" s="327">
        <v>2761126</v>
      </c>
      <c r="BZ11" s="328">
        <v>16025402</v>
      </c>
      <c r="CA11" s="330">
        <v>17083298</v>
      </c>
      <c r="CB11" s="326">
        <v>174197</v>
      </c>
      <c r="CC11" s="327">
        <v>530437</v>
      </c>
      <c r="CD11" s="328">
        <v>704634</v>
      </c>
      <c r="CE11" s="326">
        <v>0</v>
      </c>
      <c r="CF11" s="327">
        <v>13414111</v>
      </c>
      <c r="CG11" s="327">
        <v>12619345</v>
      </c>
      <c r="CH11" s="327">
        <v>9148779</v>
      </c>
      <c r="CI11" s="327">
        <v>5762943</v>
      </c>
      <c r="CJ11" s="327">
        <v>2097741</v>
      </c>
      <c r="CK11" s="328">
        <v>43042919</v>
      </c>
      <c r="CL11" s="330">
        <v>43747553</v>
      </c>
      <c r="CM11" s="326">
        <v>12944</v>
      </c>
      <c r="CN11" s="327">
        <v>0</v>
      </c>
      <c r="CO11" s="328">
        <v>12944</v>
      </c>
      <c r="CP11" s="332">
        <v>0</v>
      </c>
      <c r="CQ11" s="327">
        <v>10479876</v>
      </c>
      <c r="CR11" s="327">
        <v>9605809</v>
      </c>
      <c r="CS11" s="327">
        <v>6319843</v>
      </c>
      <c r="CT11" s="327">
        <v>4168989</v>
      </c>
      <c r="CU11" s="327">
        <v>1810406</v>
      </c>
      <c r="CV11" s="328">
        <v>32384923</v>
      </c>
      <c r="CW11" s="330">
        <v>32397867</v>
      </c>
      <c r="CX11" s="326">
        <v>161253</v>
      </c>
      <c r="CY11" s="327">
        <v>530437</v>
      </c>
      <c r="CZ11" s="328">
        <v>691690</v>
      </c>
      <c r="DA11" s="326">
        <v>0</v>
      </c>
      <c r="DB11" s="327">
        <v>2934235</v>
      </c>
      <c r="DC11" s="327">
        <v>3013536</v>
      </c>
      <c r="DD11" s="327">
        <v>2828936</v>
      </c>
      <c r="DE11" s="327">
        <v>1593954</v>
      </c>
      <c r="DF11" s="327">
        <v>287335</v>
      </c>
      <c r="DG11" s="328">
        <v>10657996</v>
      </c>
      <c r="DH11" s="330">
        <v>11349686</v>
      </c>
      <c r="DI11" s="326">
        <v>0</v>
      </c>
      <c r="DJ11" s="327">
        <v>44338</v>
      </c>
      <c r="DK11" s="331">
        <v>44338</v>
      </c>
      <c r="DL11" s="332">
        <v>0</v>
      </c>
      <c r="DM11" s="327">
        <v>1232905</v>
      </c>
      <c r="DN11" s="327">
        <v>2126222</v>
      </c>
      <c r="DO11" s="327">
        <v>3344806</v>
      </c>
      <c r="DP11" s="327">
        <v>3300637</v>
      </c>
      <c r="DQ11" s="327">
        <v>1253233</v>
      </c>
      <c r="DR11" s="328">
        <v>11257803</v>
      </c>
      <c r="DS11" s="330">
        <v>11302141</v>
      </c>
      <c r="DT11" s="326">
        <v>0</v>
      </c>
      <c r="DU11" s="327">
        <v>44338</v>
      </c>
      <c r="DV11" s="328">
        <v>44338</v>
      </c>
      <c r="DW11" s="326">
        <v>0</v>
      </c>
      <c r="DX11" s="327">
        <v>951284</v>
      </c>
      <c r="DY11" s="327">
        <v>1577043</v>
      </c>
      <c r="DZ11" s="327">
        <v>2743257</v>
      </c>
      <c r="EA11" s="327">
        <v>2792080</v>
      </c>
      <c r="EB11" s="327">
        <v>903910</v>
      </c>
      <c r="EC11" s="328">
        <v>8967574</v>
      </c>
      <c r="ED11" s="330">
        <v>9011912</v>
      </c>
      <c r="EE11" s="326">
        <v>0</v>
      </c>
      <c r="EF11" s="331">
        <v>0</v>
      </c>
      <c r="EG11" s="328">
        <v>0</v>
      </c>
      <c r="EH11" s="326">
        <v>0</v>
      </c>
      <c r="EI11" s="327">
        <v>281621</v>
      </c>
      <c r="EJ11" s="327">
        <v>549179</v>
      </c>
      <c r="EK11" s="327">
        <v>601549</v>
      </c>
      <c r="EL11" s="327">
        <v>508557</v>
      </c>
      <c r="EM11" s="327">
        <v>349323</v>
      </c>
      <c r="EN11" s="331">
        <v>2290229</v>
      </c>
      <c r="EO11" s="330">
        <v>2290229</v>
      </c>
      <c r="EP11" s="326">
        <v>0</v>
      </c>
      <c r="EQ11" s="327">
        <v>0</v>
      </c>
      <c r="ER11" s="331">
        <v>0</v>
      </c>
      <c r="ES11" s="332">
        <v>0</v>
      </c>
      <c r="ET11" s="327">
        <v>0</v>
      </c>
      <c r="EU11" s="327">
        <v>0</v>
      </c>
      <c r="EV11" s="327">
        <v>0</v>
      </c>
      <c r="EW11" s="327">
        <v>0</v>
      </c>
      <c r="EX11" s="327">
        <v>0</v>
      </c>
      <c r="EY11" s="328">
        <v>0</v>
      </c>
      <c r="EZ11" s="330">
        <v>0</v>
      </c>
      <c r="FA11" s="326">
        <v>0</v>
      </c>
      <c r="FB11" s="327">
        <v>0</v>
      </c>
      <c r="FC11" s="331">
        <v>0</v>
      </c>
      <c r="FD11" s="404">
        <v>0</v>
      </c>
      <c r="FE11" s="327">
        <v>0</v>
      </c>
      <c r="FF11" s="327">
        <v>0</v>
      </c>
      <c r="FG11" s="327">
        <v>0</v>
      </c>
      <c r="FH11" s="327">
        <v>0</v>
      </c>
      <c r="FI11" s="327">
        <v>0</v>
      </c>
      <c r="FJ11" s="328">
        <v>0</v>
      </c>
      <c r="FK11" s="330">
        <v>0</v>
      </c>
      <c r="FL11" s="326">
        <v>702450</v>
      </c>
      <c r="FM11" s="327">
        <v>1693536</v>
      </c>
      <c r="FN11" s="328">
        <v>2395986</v>
      </c>
      <c r="FO11" s="326">
        <v>0</v>
      </c>
      <c r="FP11" s="327">
        <v>2294208</v>
      </c>
      <c r="FQ11" s="327">
        <v>5126776</v>
      </c>
      <c r="FR11" s="327">
        <v>3656639</v>
      </c>
      <c r="FS11" s="327">
        <v>3321290</v>
      </c>
      <c r="FT11" s="327">
        <v>2475248</v>
      </c>
      <c r="FU11" s="328">
        <v>16874161</v>
      </c>
      <c r="FV11" s="330">
        <v>19270147</v>
      </c>
      <c r="FW11" s="333">
        <v>395528</v>
      </c>
      <c r="FX11" s="327">
        <v>966791</v>
      </c>
      <c r="FY11" s="331">
        <v>1362319</v>
      </c>
      <c r="FZ11" s="332">
        <v>0</v>
      </c>
      <c r="GA11" s="327">
        <v>1987174</v>
      </c>
      <c r="GB11" s="327">
        <v>4575935</v>
      </c>
      <c r="GC11" s="327">
        <v>3421691</v>
      </c>
      <c r="GD11" s="327">
        <v>3090395</v>
      </c>
      <c r="GE11" s="327">
        <v>2331748</v>
      </c>
      <c r="GF11" s="328">
        <v>15406943</v>
      </c>
      <c r="GG11" s="334">
        <v>16769262</v>
      </c>
      <c r="GH11" s="333">
        <v>0</v>
      </c>
      <c r="GI11" s="327">
        <v>81021</v>
      </c>
      <c r="GJ11" s="331">
        <v>81021</v>
      </c>
      <c r="GK11" s="332">
        <v>0</v>
      </c>
      <c r="GL11" s="327">
        <v>80234</v>
      </c>
      <c r="GM11" s="327">
        <v>193547</v>
      </c>
      <c r="GN11" s="327">
        <v>54768</v>
      </c>
      <c r="GO11" s="327">
        <v>202482</v>
      </c>
      <c r="GP11" s="327">
        <v>70000</v>
      </c>
      <c r="GQ11" s="328">
        <v>601031</v>
      </c>
      <c r="GR11" s="330">
        <v>682052</v>
      </c>
      <c r="GS11" s="326">
        <v>306922</v>
      </c>
      <c r="GT11" s="327">
        <v>645724</v>
      </c>
      <c r="GU11" s="328">
        <v>952646</v>
      </c>
      <c r="GV11" s="326">
        <v>0</v>
      </c>
      <c r="GW11" s="327">
        <v>226800</v>
      </c>
      <c r="GX11" s="327">
        <v>357294</v>
      </c>
      <c r="GY11" s="327">
        <v>180180</v>
      </c>
      <c r="GZ11" s="327">
        <v>28413</v>
      </c>
      <c r="HA11" s="327">
        <v>73500</v>
      </c>
      <c r="HB11" s="331">
        <v>866187</v>
      </c>
      <c r="HC11" s="330">
        <v>1818833</v>
      </c>
      <c r="HD11" s="326">
        <v>1684180</v>
      </c>
      <c r="HE11" s="327">
        <v>1566311</v>
      </c>
      <c r="HF11" s="331">
        <v>3250491</v>
      </c>
      <c r="HG11" s="332">
        <v>0</v>
      </c>
      <c r="HH11" s="327">
        <v>19600724</v>
      </c>
      <c r="HI11" s="327">
        <v>19901557</v>
      </c>
      <c r="HJ11" s="327">
        <v>16556563</v>
      </c>
      <c r="HK11" s="327">
        <v>23053697</v>
      </c>
      <c r="HL11" s="327">
        <v>14972511</v>
      </c>
      <c r="HM11" s="328">
        <v>94085052</v>
      </c>
      <c r="HN11" s="329">
        <v>97335543</v>
      </c>
      <c r="HO11" s="333">
        <v>0</v>
      </c>
      <c r="HP11" s="327">
        <v>0</v>
      </c>
      <c r="HQ11" s="328">
        <v>0</v>
      </c>
      <c r="HR11" s="326">
        <v>0</v>
      </c>
      <c r="HS11" s="327">
        <v>0</v>
      </c>
      <c r="HT11" s="327">
        <v>0</v>
      </c>
      <c r="HU11" s="327">
        <v>0</v>
      </c>
      <c r="HV11" s="327">
        <v>0</v>
      </c>
      <c r="HW11" s="327">
        <v>0</v>
      </c>
      <c r="HX11" s="331">
        <v>0</v>
      </c>
      <c r="HY11" s="330">
        <v>0</v>
      </c>
      <c r="HZ11" s="335">
        <v>40936</v>
      </c>
      <c r="IA11" s="336">
        <v>348297</v>
      </c>
      <c r="IB11" s="337">
        <v>389233</v>
      </c>
      <c r="IC11" s="338">
        <v>0</v>
      </c>
      <c r="ID11" s="336">
        <v>10003569</v>
      </c>
      <c r="IE11" s="339">
        <v>16331756</v>
      </c>
      <c r="IF11" s="337">
        <v>14810967</v>
      </c>
      <c r="IG11" s="336">
        <v>11679688</v>
      </c>
      <c r="IH11" s="337">
        <v>12877936</v>
      </c>
      <c r="II11" s="340">
        <v>65703916</v>
      </c>
      <c r="IJ11" s="341">
        <v>66093149</v>
      </c>
      <c r="IK11" s="342">
        <v>0</v>
      </c>
      <c r="IL11" s="343">
        <v>0</v>
      </c>
      <c r="IM11" s="344">
        <v>0</v>
      </c>
      <c r="IN11" s="404">
        <v>0</v>
      </c>
      <c r="IO11" s="345">
        <v>245527</v>
      </c>
      <c r="IP11" s="345">
        <v>720248</v>
      </c>
      <c r="IQ11" s="345">
        <v>332002</v>
      </c>
      <c r="IR11" s="345">
        <v>1235028</v>
      </c>
      <c r="IS11" s="345">
        <v>2554590</v>
      </c>
      <c r="IT11" s="346">
        <v>5087395</v>
      </c>
      <c r="IU11" s="347">
        <v>5087395</v>
      </c>
      <c r="IV11" s="348">
        <v>0</v>
      </c>
      <c r="IW11" s="345">
        <v>0</v>
      </c>
      <c r="IX11" s="349">
        <v>0</v>
      </c>
      <c r="IY11" s="404">
        <v>0</v>
      </c>
      <c r="IZ11" s="345">
        <v>82661</v>
      </c>
      <c r="JA11" s="345">
        <v>126879</v>
      </c>
      <c r="JB11" s="345">
        <v>232877</v>
      </c>
      <c r="JC11" s="345">
        <v>67164</v>
      </c>
      <c r="JD11" s="345">
        <v>443414</v>
      </c>
      <c r="JE11" s="349">
        <v>952995</v>
      </c>
      <c r="JF11" s="350">
        <v>952995</v>
      </c>
      <c r="JG11" s="348">
        <v>0</v>
      </c>
      <c r="JH11" s="345">
        <v>0</v>
      </c>
      <c r="JI11" s="346">
        <v>0</v>
      </c>
      <c r="JJ11" s="351">
        <v>0</v>
      </c>
      <c r="JK11" s="345">
        <v>4050718</v>
      </c>
      <c r="JL11" s="345">
        <v>5200476</v>
      </c>
      <c r="JM11" s="345">
        <v>2542032</v>
      </c>
      <c r="JN11" s="345">
        <v>1645808</v>
      </c>
      <c r="JO11" s="345">
        <v>823278</v>
      </c>
      <c r="JP11" s="349">
        <v>14262312</v>
      </c>
      <c r="JQ11" s="347">
        <v>14262312</v>
      </c>
      <c r="JR11" s="348">
        <v>0</v>
      </c>
      <c r="JS11" s="345">
        <v>0</v>
      </c>
      <c r="JT11" s="346">
        <v>0</v>
      </c>
      <c r="JU11" s="351">
        <v>0</v>
      </c>
      <c r="JV11" s="345">
        <v>612183</v>
      </c>
      <c r="JW11" s="345">
        <v>1475084</v>
      </c>
      <c r="JX11" s="345">
        <v>1596739</v>
      </c>
      <c r="JY11" s="345">
        <v>619443</v>
      </c>
      <c r="JZ11" s="345">
        <v>834968</v>
      </c>
      <c r="KA11" s="349">
        <v>5138417</v>
      </c>
      <c r="KB11" s="347">
        <v>5138417</v>
      </c>
      <c r="KC11" s="352">
        <v>40936</v>
      </c>
      <c r="KD11" s="353">
        <v>348297</v>
      </c>
      <c r="KE11" s="349">
        <v>389233</v>
      </c>
      <c r="KF11" s="351">
        <v>0</v>
      </c>
      <c r="KG11" s="345">
        <v>1035418</v>
      </c>
      <c r="KH11" s="345">
        <v>1549002</v>
      </c>
      <c r="KI11" s="345">
        <v>2147078</v>
      </c>
      <c r="KJ11" s="345">
        <v>1067463</v>
      </c>
      <c r="KK11" s="345">
        <v>279050</v>
      </c>
      <c r="KL11" s="349">
        <v>6078011</v>
      </c>
      <c r="KM11" s="354">
        <v>6467244</v>
      </c>
      <c r="KN11" s="342">
        <v>0</v>
      </c>
      <c r="KO11" s="343">
        <v>0</v>
      </c>
      <c r="KP11" s="344">
        <v>0</v>
      </c>
      <c r="KQ11" s="404">
        <v>0</v>
      </c>
      <c r="KR11" s="345">
        <v>3411973</v>
      </c>
      <c r="KS11" s="345">
        <v>5964835</v>
      </c>
      <c r="KT11" s="345">
        <v>5232574</v>
      </c>
      <c r="KU11" s="345">
        <v>3453561</v>
      </c>
      <c r="KV11" s="345">
        <v>3688224</v>
      </c>
      <c r="KW11" s="349">
        <v>21751167</v>
      </c>
      <c r="KX11" s="347">
        <v>21751167</v>
      </c>
      <c r="KY11" s="348">
        <v>0</v>
      </c>
      <c r="KZ11" s="345">
        <v>0</v>
      </c>
      <c r="LA11" s="349">
        <v>0</v>
      </c>
      <c r="LB11" s="404">
        <v>0</v>
      </c>
      <c r="LC11" s="345">
        <v>0</v>
      </c>
      <c r="LD11" s="345">
        <v>0</v>
      </c>
      <c r="LE11" s="345">
        <v>0</v>
      </c>
      <c r="LF11" s="345">
        <v>0</v>
      </c>
      <c r="LG11" s="345">
        <v>0</v>
      </c>
      <c r="LH11" s="349">
        <v>0</v>
      </c>
      <c r="LI11" s="350">
        <v>0</v>
      </c>
      <c r="LJ11" s="348">
        <v>0</v>
      </c>
      <c r="LK11" s="345">
        <v>0</v>
      </c>
      <c r="LL11" s="349">
        <v>0</v>
      </c>
      <c r="LM11" s="404">
        <v>0</v>
      </c>
      <c r="LN11" s="345">
        <v>0</v>
      </c>
      <c r="LO11" s="345">
        <v>228571</v>
      </c>
      <c r="LP11" s="345">
        <v>1109507</v>
      </c>
      <c r="LQ11" s="345">
        <v>2213795</v>
      </c>
      <c r="LR11" s="345">
        <v>876719</v>
      </c>
      <c r="LS11" s="349">
        <v>4428592</v>
      </c>
      <c r="LT11" s="347">
        <v>4428592</v>
      </c>
      <c r="LU11" s="348">
        <v>0</v>
      </c>
      <c r="LV11" s="345">
        <v>0</v>
      </c>
      <c r="LW11" s="349">
        <v>0</v>
      </c>
      <c r="LX11" s="404">
        <v>0</v>
      </c>
      <c r="LY11" s="345">
        <v>565089</v>
      </c>
      <c r="LZ11" s="345">
        <v>1066661</v>
      </c>
      <c r="MA11" s="345">
        <v>1618158</v>
      </c>
      <c r="MB11" s="345">
        <v>1377426</v>
      </c>
      <c r="MC11" s="345">
        <v>3377693</v>
      </c>
      <c r="MD11" s="349">
        <v>8005027</v>
      </c>
      <c r="ME11" s="350">
        <v>8005027</v>
      </c>
      <c r="MF11" s="348">
        <v>0</v>
      </c>
      <c r="MG11" s="345">
        <v>0</v>
      </c>
      <c r="MH11" s="349">
        <v>0</v>
      </c>
      <c r="MI11" s="404">
        <v>0</v>
      </c>
      <c r="MJ11" s="345">
        <v>2155721</v>
      </c>
      <c r="MK11" s="345">
        <v>5888994</v>
      </c>
      <c r="ML11" s="345">
        <v>13203034</v>
      </c>
      <c r="MM11" s="345">
        <v>22940778</v>
      </c>
      <c r="MN11" s="345">
        <v>13387839</v>
      </c>
      <c r="MO11" s="349">
        <v>57576366</v>
      </c>
      <c r="MP11" s="354">
        <v>57576366</v>
      </c>
      <c r="MQ11" s="348">
        <v>0</v>
      </c>
      <c r="MR11" s="345">
        <v>0</v>
      </c>
      <c r="MS11" s="349">
        <v>0</v>
      </c>
      <c r="MT11" s="404">
        <v>0</v>
      </c>
      <c r="MU11" s="345">
        <v>411465</v>
      </c>
      <c r="MV11" s="345">
        <v>1410153</v>
      </c>
      <c r="MW11" s="345">
        <v>7156285</v>
      </c>
      <c r="MX11" s="345">
        <v>12628217</v>
      </c>
      <c r="MY11" s="345">
        <v>9023322</v>
      </c>
      <c r="MZ11" s="349">
        <v>30629442</v>
      </c>
      <c r="NA11" s="354">
        <v>30629442</v>
      </c>
      <c r="NB11" s="348">
        <v>0</v>
      </c>
      <c r="NC11" s="345">
        <v>0</v>
      </c>
      <c r="ND11" s="349">
        <v>0</v>
      </c>
      <c r="NE11" s="404">
        <v>0</v>
      </c>
      <c r="NF11" s="345">
        <v>1744256</v>
      </c>
      <c r="NG11" s="345">
        <v>4210864</v>
      </c>
      <c r="NH11" s="345">
        <v>6046749</v>
      </c>
      <c r="NI11" s="345">
        <v>9662586</v>
      </c>
      <c r="NJ11" s="345">
        <v>4037456</v>
      </c>
      <c r="NK11" s="349">
        <v>25701911</v>
      </c>
      <c r="NL11" s="347">
        <v>25701911</v>
      </c>
      <c r="NM11" s="348">
        <v>0</v>
      </c>
      <c r="NN11" s="345">
        <v>0</v>
      </c>
      <c r="NO11" s="349">
        <v>0</v>
      </c>
      <c r="NP11" s="404">
        <v>0</v>
      </c>
      <c r="NQ11" s="345">
        <v>0</v>
      </c>
      <c r="NR11" s="345">
        <v>0</v>
      </c>
      <c r="NS11" s="345">
        <v>0</v>
      </c>
      <c r="NT11" s="345">
        <v>0</v>
      </c>
      <c r="NU11" s="345">
        <v>0</v>
      </c>
      <c r="NV11" s="349">
        <v>0</v>
      </c>
      <c r="NW11" s="350">
        <v>0</v>
      </c>
      <c r="NX11" s="348">
        <v>0</v>
      </c>
      <c r="NY11" s="345">
        <v>0</v>
      </c>
      <c r="NZ11" s="349">
        <v>0</v>
      </c>
      <c r="OA11" s="404">
        <v>0</v>
      </c>
      <c r="OB11" s="345">
        <v>0</v>
      </c>
      <c r="OC11" s="345">
        <v>267977</v>
      </c>
      <c r="OD11" s="345">
        <v>0</v>
      </c>
      <c r="OE11" s="345">
        <v>649975</v>
      </c>
      <c r="OF11" s="345">
        <v>327061</v>
      </c>
      <c r="OG11" s="349">
        <v>1245013</v>
      </c>
      <c r="OH11" s="350">
        <v>1245013</v>
      </c>
      <c r="OI11" s="348">
        <v>4025959</v>
      </c>
      <c r="OJ11" s="345">
        <v>6616365</v>
      </c>
      <c r="OK11" s="346">
        <v>10642324</v>
      </c>
      <c r="OL11" s="351">
        <v>0</v>
      </c>
      <c r="OM11" s="345">
        <v>67040146</v>
      </c>
      <c r="ON11" s="345">
        <v>83901085</v>
      </c>
      <c r="OO11" s="345">
        <v>78258667</v>
      </c>
      <c r="OP11" s="345">
        <v>89333274</v>
      </c>
      <c r="OQ11" s="345">
        <v>66203817</v>
      </c>
      <c r="OR11" s="349">
        <v>384736989</v>
      </c>
      <c r="OS11" s="354">
        <v>395379313</v>
      </c>
    </row>
    <row r="12" spans="2:409" s="70" customFormat="1" ht="21" customHeight="1" x14ac:dyDescent="0.2">
      <c r="B12" s="106" t="s">
        <v>14</v>
      </c>
      <c r="C12" s="326">
        <v>1283716</v>
      </c>
      <c r="D12" s="327">
        <v>2846433</v>
      </c>
      <c r="E12" s="328">
        <v>4130149</v>
      </c>
      <c r="F12" s="329">
        <v>0</v>
      </c>
      <c r="G12" s="327">
        <v>13028589</v>
      </c>
      <c r="H12" s="327">
        <v>24140300</v>
      </c>
      <c r="I12" s="327">
        <v>18585100</v>
      </c>
      <c r="J12" s="327">
        <v>18759690</v>
      </c>
      <c r="K12" s="327">
        <v>15444139</v>
      </c>
      <c r="L12" s="331">
        <v>89957818</v>
      </c>
      <c r="M12" s="330">
        <v>94087967</v>
      </c>
      <c r="N12" s="326">
        <v>228980</v>
      </c>
      <c r="O12" s="327">
        <v>769789</v>
      </c>
      <c r="P12" s="328">
        <v>998769</v>
      </c>
      <c r="Q12" s="326">
        <v>0</v>
      </c>
      <c r="R12" s="327">
        <v>3653897</v>
      </c>
      <c r="S12" s="327">
        <v>7960080</v>
      </c>
      <c r="T12" s="327">
        <v>6084478</v>
      </c>
      <c r="U12" s="327">
        <v>6031432</v>
      </c>
      <c r="V12" s="327">
        <v>7800047</v>
      </c>
      <c r="W12" s="328">
        <v>31529934</v>
      </c>
      <c r="X12" s="330">
        <v>32528703</v>
      </c>
      <c r="Y12" s="326">
        <v>0</v>
      </c>
      <c r="Z12" s="327">
        <v>0</v>
      </c>
      <c r="AA12" s="328">
        <v>0</v>
      </c>
      <c r="AB12" s="326">
        <v>0</v>
      </c>
      <c r="AC12" s="327">
        <v>1574640</v>
      </c>
      <c r="AD12" s="327">
        <v>4011596</v>
      </c>
      <c r="AE12" s="327">
        <v>3009779</v>
      </c>
      <c r="AF12" s="327">
        <v>2853325</v>
      </c>
      <c r="AG12" s="327">
        <v>4781410</v>
      </c>
      <c r="AH12" s="328">
        <v>16230750</v>
      </c>
      <c r="AI12" s="330">
        <v>16230750</v>
      </c>
      <c r="AJ12" s="326">
        <v>0</v>
      </c>
      <c r="AK12" s="327">
        <v>0</v>
      </c>
      <c r="AL12" s="328">
        <v>0</v>
      </c>
      <c r="AM12" s="326">
        <v>0</v>
      </c>
      <c r="AN12" s="327">
        <v>0</v>
      </c>
      <c r="AO12" s="327">
        <v>52546</v>
      </c>
      <c r="AP12" s="327">
        <v>341184</v>
      </c>
      <c r="AQ12" s="327">
        <v>677613</v>
      </c>
      <c r="AR12" s="327">
        <v>611897</v>
      </c>
      <c r="AS12" s="328">
        <v>1683240</v>
      </c>
      <c r="AT12" s="330">
        <v>1683240</v>
      </c>
      <c r="AU12" s="326">
        <v>85991</v>
      </c>
      <c r="AV12" s="327">
        <v>502653</v>
      </c>
      <c r="AW12" s="328">
        <v>588644</v>
      </c>
      <c r="AX12" s="326">
        <v>0</v>
      </c>
      <c r="AY12" s="327">
        <v>1237993</v>
      </c>
      <c r="AZ12" s="327">
        <v>2459658</v>
      </c>
      <c r="BA12" s="327">
        <v>1695187</v>
      </c>
      <c r="BB12" s="327">
        <v>1531885</v>
      </c>
      <c r="BC12" s="327">
        <v>1361868</v>
      </c>
      <c r="BD12" s="328">
        <v>8286591</v>
      </c>
      <c r="BE12" s="330">
        <v>8875235</v>
      </c>
      <c r="BF12" s="326">
        <v>0</v>
      </c>
      <c r="BG12" s="327">
        <v>63485</v>
      </c>
      <c r="BH12" s="331">
        <v>63485</v>
      </c>
      <c r="BI12" s="332">
        <v>0</v>
      </c>
      <c r="BJ12" s="327">
        <v>18743</v>
      </c>
      <c r="BK12" s="327">
        <v>253121</v>
      </c>
      <c r="BL12" s="327">
        <v>18743</v>
      </c>
      <c r="BM12" s="327">
        <v>49922</v>
      </c>
      <c r="BN12" s="327">
        <v>50165</v>
      </c>
      <c r="BO12" s="328">
        <v>390694</v>
      </c>
      <c r="BP12" s="330">
        <v>454179</v>
      </c>
      <c r="BQ12" s="326">
        <v>142989</v>
      </c>
      <c r="BR12" s="327">
        <v>203651</v>
      </c>
      <c r="BS12" s="328">
        <v>346640</v>
      </c>
      <c r="BT12" s="326">
        <v>0</v>
      </c>
      <c r="BU12" s="327">
        <v>822521</v>
      </c>
      <c r="BV12" s="327">
        <v>1183159</v>
      </c>
      <c r="BW12" s="327">
        <v>1019585</v>
      </c>
      <c r="BX12" s="327">
        <v>918687</v>
      </c>
      <c r="BY12" s="327">
        <v>994707</v>
      </c>
      <c r="BZ12" s="328">
        <v>4938659</v>
      </c>
      <c r="CA12" s="330">
        <v>5285299</v>
      </c>
      <c r="CB12" s="326">
        <v>89524</v>
      </c>
      <c r="CC12" s="327">
        <v>244864</v>
      </c>
      <c r="CD12" s="328">
        <v>334388</v>
      </c>
      <c r="CE12" s="326">
        <v>0</v>
      </c>
      <c r="CF12" s="327">
        <v>3884101</v>
      </c>
      <c r="CG12" s="327">
        <v>6996628</v>
      </c>
      <c r="CH12" s="327">
        <v>5920101</v>
      </c>
      <c r="CI12" s="327">
        <v>2754372</v>
      </c>
      <c r="CJ12" s="327">
        <v>1411833</v>
      </c>
      <c r="CK12" s="328">
        <v>20967035</v>
      </c>
      <c r="CL12" s="330">
        <v>21301423</v>
      </c>
      <c r="CM12" s="326">
        <v>0</v>
      </c>
      <c r="CN12" s="327">
        <v>0</v>
      </c>
      <c r="CO12" s="328">
        <v>0</v>
      </c>
      <c r="CP12" s="332">
        <v>0</v>
      </c>
      <c r="CQ12" s="327">
        <v>3697537</v>
      </c>
      <c r="CR12" s="327">
        <v>6039190</v>
      </c>
      <c r="CS12" s="327">
        <v>4830530</v>
      </c>
      <c r="CT12" s="327">
        <v>1531835</v>
      </c>
      <c r="CU12" s="327">
        <v>1350392</v>
      </c>
      <c r="CV12" s="328">
        <v>17449484</v>
      </c>
      <c r="CW12" s="330">
        <v>17449484</v>
      </c>
      <c r="CX12" s="326">
        <v>89524</v>
      </c>
      <c r="CY12" s="327">
        <v>244864</v>
      </c>
      <c r="CZ12" s="328">
        <v>334388</v>
      </c>
      <c r="DA12" s="326">
        <v>0</v>
      </c>
      <c r="DB12" s="327">
        <v>186564</v>
      </c>
      <c r="DC12" s="327">
        <v>957438</v>
      </c>
      <c r="DD12" s="327">
        <v>1089571</v>
      </c>
      <c r="DE12" s="327">
        <v>1222537</v>
      </c>
      <c r="DF12" s="327">
        <v>61441</v>
      </c>
      <c r="DG12" s="328">
        <v>3517551</v>
      </c>
      <c r="DH12" s="330">
        <v>3851939</v>
      </c>
      <c r="DI12" s="326">
        <v>0</v>
      </c>
      <c r="DJ12" s="327">
        <v>0</v>
      </c>
      <c r="DK12" s="331">
        <v>0</v>
      </c>
      <c r="DL12" s="332">
        <v>0</v>
      </c>
      <c r="DM12" s="327">
        <v>874915</v>
      </c>
      <c r="DN12" s="327">
        <v>909130</v>
      </c>
      <c r="DO12" s="327">
        <v>630143</v>
      </c>
      <c r="DP12" s="327">
        <v>2551759</v>
      </c>
      <c r="DQ12" s="327">
        <v>863277</v>
      </c>
      <c r="DR12" s="328">
        <v>5829224</v>
      </c>
      <c r="DS12" s="330">
        <v>5829224</v>
      </c>
      <c r="DT12" s="326">
        <v>0</v>
      </c>
      <c r="DU12" s="327">
        <v>0</v>
      </c>
      <c r="DV12" s="328">
        <v>0</v>
      </c>
      <c r="DW12" s="326">
        <v>0</v>
      </c>
      <c r="DX12" s="327">
        <v>778788</v>
      </c>
      <c r="DY12" s="327">
        <v>881050</v>
      </c>
      <c r="DZ12" s="327">
        <v>630143</v>
      </c>
      <c r="EA12" s="327">
        <v>2551759</v>
      </c>
      <c r="EB12" s="327">
        <v>863277</v>
      </c>
      <c r="EC12" s="328">
        <v>5705017</v>
      </c>
      <c r="ED12" s="330">
        <v>5705017</v>
      </c>
      <c r="EE12" s="326">
        <v>0</v>
      </c>
      <c r="EF12" s="331">
        <v>0</v>
      </c>
      <c r="EG12" s="328">
        <v>0</v>
      </c>
      <c r="EH12" s="326">
        <v>0</v>
      </c>
      <c r="EI12" s="327">
        <v>96127</v>
      </c>
      <c r="EJ12" s="327">
        <v>28080</v>
      </c>
      <c r="EK12" s="327">
        <v>0</v>
      </c>
      <c r="EL12" s="327">
        <v>0</v>
      </c>
      <c r="EM12" s="327">
        <v>0</v>
      </c>
      <c r="EN12" s="331">
        <v>124207</v>
      </c>
      <c r="EO12" s="330">
        <v>124207</v>
      </c>
      <c r="EP12" s="326">
        <v>0</v>
      </c>
      <c r="EQ12" s="327">
        <v>0</v>
      </c>
      <c r="ER12" s="331">
        <v>0</v>
      </c>
      <c r="ES12" s="332">
        <v>0</v>
      </c>
      <c r="ET12" s="327">
        <v>0</v>
      </c>
      <c r="EU12" s="327">
        <v>0</v>
      </c>
      <c r="EV12" s="327">
        <v>0</v>
      </c>
      <c r="EW12" s="327">
        <v>0</v>
      </c>
      <c r="EX12" s="327">
        <v>0</v>
      </c>
      <c r="EY12" s="328">
        <v>0</v>
      </c>
      <c r="EZ12" s="330">
        <v>0</v>
      </c>
      <c r="FA12" s="326">
        <v>0</v>
      </c>
      <c r="FB12" s="327">
        <v>0</v>
      </c>
      <c r="FC12" s="331">
        <v>0</v>
      </c>
      <c r="FD12" s="404">
        <v>0</v>
      </c>
      <c r="FE12" s="327">
        <v>0</v>
      </c>
      <c r="FF12" s="327">
        <v>0</v>
      </c>
      <c r="FG12" s="327">
        <v>0</v>
      </c>
      <c r="FH12" s="327">
        <v>0</v>
      </c>
      <c r="FI12" s="327">
        <v>0</v>
      </c>
      <c r="FJ12" s="328">
        <v>0</v>
      </c>
      <c r="FK12" s="330">
        <v>0</v>
      </c>
      <c r="FL12" s="326">
        <v>428213</v>
      </c>
      <c r="FM12" s="327">
        <v>972415</v>
      </c>
      <c r="FN12" s="328">
        <v>1400628</v>
      </c>
      <c r="FO12" s="326">
        <v>0</v>
      </c>
      <c r="FP12" s="327">
        <v>620445</v>
      </c>
      <c r="FQ12" s="327">
        <v>2594124</v>
      </c>
      <c r="FR12" s="327">
        <v>1368698</v>
      </c>
      <c r="FS12" s="327">
        <v>1362769</v>
      </c>
      <c r="FT12" s="327">
        <v>1152851</v>
      </c>
      <c r="FU12" s="328">
        <v>7098887</v>
      </c>
      <c r="FV12" s="330">
        <v>8499515</v>
      </c>
      <c r="FW12" s="333">
        <v>153979</v>
      </c>
      <c r="FX12" s="327">
        <v>591381</v>
      </c>
      <c r="FY12" s="331">
        <v>745360</v>
      </c>
      <c r="FZ12" s="332">
        <v>0</v>
      </c>
      <c r="GA12" s="327">
        <v>524265</v>
      </c>
      <c r="GB12" s="327">
        <v>2168878</v>
      </c>
      <c r="GC12" s="327">
        <v>1336070</v>
      </c>
      <c r="GD12" s="327">
        <v>1124895</v>
      </c>
      <c r="GE12" s="327">
        <v>1152851</v>
      </c>
      <c r="GF12" s="328">
        <v>6306959</v>
      </c>
      <c r="GG12" s="334">
        <v>7052319</v>
      </c>
      <c r="GH12" s="333">
        <v>9424</v>
      </c>
      <c r="GI12" s="327">
        <v>101734</v>
      </c>
      <c r="GJ12" s="331">
        <v>111158</v>
      </c>
      <c r="GK12" s="332">
        <v>0</v>
      </c>
      <c r="GL12" s="327">
        <v>34860</v>
      </c>
      <c r="GM12" s="327">
        <v>152547</v>
      </c>
      <c r="GN12" s="327">
        <v>32628</v>
      </c>
      <c r="GO12" s="327">
        <v>97874</v>
      </c>
      <c r="GP12" s="327">
        <v>0</v>
      </c>
      <c r="GQ12" s="328">
        <v>317909</v>
      </c>
      <c r="GR12" s="330">
        <v>429067</v>
      </c>
      <c r="GS12" s="326">
        <v>264810</v>
      </c>
      <c r="GT12" s="327">
        <v>279300</v>
      </c>
      <c r="GU12" s="328">
        <v>544110</v>
      </c>
      <c r="GV12" s="326">
        <v>0</v>
      </c>
      <c r="GW12" s="327">
        <v>61320</v>
      </c>
      <c r="GX12" s="327">
        <v>272699</v>
      </c>
      <c r="GY12" s="327">
        <v>0</v>
      </c>
      <c r="GZ12" s="327">
        <v>140000</v>
      </c>
      <c r="HA12" s="327">
        <v>0</v>
      </c>
      <c r="HB12" s="331">
        <v>474019</v>
      </c>
      <c r="HC12" s="330">
        <v>1018129</v>
      </c>
      <c r="HD12" s="326">
        <v>536999</v>
      </c>
      <c r="HE12" s="327">
        <v>859365</v>
      </c>
      <c r="HF12" s="331">
        <v>1396364</v>
      </c>
      <c r="HG12" s="332">
        <v>0</v>
      </c>
      <c r="HH12" s="327">
        <v>3995231</v>
      </c>
      <c r="HI12" s="327">
        <v>5680338</v>
      </c>
      <c r="HJ12" s="327">
        <v>4581680</v>
      </c>
      <c r="HK12" s="327">
        <v>6059358</v>
      </c>
      <c r="HL12" s="327">
        <v>4216131</v>
      </c>
      <c r="HM12" s="328">
        <v>24532738</v>
      </c>
      <c r="HN12" s="329">
        <v>25929102</v>
      </c>
      <c r="HO12" s="333">
        <v>0</v>
      </c>
      <c r="HP12" s="327">
        <v>0</v>
      </c>
      <c r="HQ12" s="328">
        <v>0</v>
      </c>
      <c r="HR12" s="326">
        <v>0</v>
      </c>
      <c r="HS12" s="327">
        <v>0</v>
      </c>
      <c r="HT12" s="327">
        <v>0</v>
      </c>
      <c r="HU12" s="327">
        <v>0</v>
      </c>
      <c r="HV12" s="327">
        <v>0</v>
      </c>
      <c r="HW12" s="327">
        <v>0</v>
      </c>
      <c r="HX12" s="331">
        <v>0</v>
      </c>
      <c r="HY12" s="330">
        <v>0</v>
      </c>
      <c r="HZ12" s="335">
        <v>69611</v>
      </c>
      <c r="IA12" s="336">
        <v>0</v>
      </c>
      <c r="IB12" s="337">
        <v>69611</v>
      </c>
      <c r="IC12" s="355">
        <v>0</v>
      </c>
      <c r="ID12" s="356">
        <v>3041579</v>
      </c>
      <c r="IE12" s="357">
        <v>5115414</v>
      </c>
      <c r="IF12" s="358">
        <v>5821368</v>
      </c>
      <c r="IG12" s="356">
        <v>3870367</v>
      </c>
      <c r="IH12" s="358">
        <v>3009009</v>
      </c>
      <c r="II12" s="359">
        <v>20857737</v>
      </c>
      <c r="IJ12" s="341">
        <v>20927348</v>
      </c>
      <c r="IK12" s="342">
        <v>0</v>
      </c>
      <c r="IL12" s="343">
        <v>0</v>
      </c>
      <c r="IM12" s="344">
        <v>0</v>
      </c>
      <c r="IN12" s="404">
        <v>0</v>
      </c>
      <c r="IO12" s="345">
        <v>22187</v>
      </c>
      <c r="IP12" s="345">
        <v>288298</v>
      </c>
      <c r="IQ12" s="345">
        <v>0</v>
      </c>
      <c r="IR12" s="345">
        <v>0</v>
      </c>
      <c r="IS12" s="345">
        <v>659173</v>
      </c>
      <c r="IT12" s="346">
        <v>969658</v>
      </c>
      <c r="IU12" s="347">
        <v>969658</v>
      </c>
      <c r="IV12" s="348">
        <v>0</v>
      </c>
      <c r="IW12" s="345">
        <v>0</v>
      </c>
      <c r="IX12" s="349">
        <v>0</v>
      </c>
      <c r="IY12" s="404">
        <v>0</v>
      </c>
      <c r="IZ12" s="345">
        <v>0</v>
      </c>
      <c r="JA12" s="345">
        <v>0</v>
      </c>
      <c r="JB12" s="345">
        <v>0</v>
      </c>
      <c r="JC12" s="345">
        <v>0</v>
      </c>
      <c r="JD12" s="345">
        <v>0</v>
      </c>
      <c r="JE12" s="349">
        <v>0</v>
      </c>
      <c r="JF12" s="350">
        <v>0</v>
      </c>
      <c r="JG12" s="348">
        <v>0</v>
      </c>
      <c r="JH12" s="345">
        <v>0</v>
      </c>
      <c r="JI12" s="346">
        <v>0</v>
      </c>
      <c r="JJ12" s="351">
        <v>0</v>
      </c>
      <c r="JK12" s="345">
        <v>1415300</v>
      </c>
      <c r="JL12" s="345">
        <v>1969856</v>
      </c>
      <c r="JM12" s="345">
        <v>1491436</v>
      </c>
      <c r="JN12" s="345">
        <v>745555</v>
      </c>
      <c r="JO12" s="345">
        <v>488781</v>
      </c>
      <c r="JP12" s="349">
        <v>6110928</v>
      </c>
      <c r="JQ12" s="347">
        <v>6110928</v>
      </c>
      <c r="JR12" s="348">
        <v>0</v>
      </c>
      <c r="JS12" s="345">
        <v>0</v>
      </c>
      <c r="JT12" s="346">
        <v>0</v>
      </c>
      <c r="JU12" s="351">
        <v>0</v>
      </c>
      <c r="JV12" s="345">
        <v>0</v>
      </c>
      <c r="JW12" s="345">
        <v>126055</v>
      </c>
      <c r="JX12" s="345">
        <v>0</v>
      </c>
      <c r="JY12" s="345">
        <v>12901</v>
      </c>
      <c r="JZ12" s="345">
        <v>0</v>
      </c>
      <c r="KA12" s="349">
        <v>138956</v>
      </c>
      <c r="KB12" s="347">
        <v>138956</v>
      </c>
      <c r="KC12" s="352">
        <v>69611</v>
      </c>
      <c r="KD12" s="353">
        <v>0</v>
      </c>
      <c r="KE12" s="349">
        <v>69611</v>
      </c>
      <c r="KF12" s="351">
        <v>0</v>
      </c>
      <c r="KG12" s="345">
        <v>445157</v>
      </c>
      <c r="KH12" s="345">
        <v>773446</v>
      </c>
      <c r="KI12" s="345">
        <v>847920</v>
      </c>
      <c r="KJ12" s="345">
        <v>414834</v>
      </c>
      <c r="KK12" s="345">
        <v>356733</v>
      </c>
      <c r="KL12" s="349">
        <v>2838090</v>
      </c>
      <c r="KM12" s="354">
        <v>2907701</v>
      </c>
      <c r="KN12" s="342">
        <v>0</v>
      </c>
      <c r="KO12" s="343">
        <v>0</v>
      </c>
      <c r="KP12" s="344">
        <v>0</v>
      </c>
      <c r="KQ12" s="404">
        <v>0</v>
      </c>
      <c r="KR12" s="345">
        <v>1060288</v>
      </c>
      <c r="KS12" s="345">
        <v>1784171</v>
      </c>
      <c r="KT12" s="345">
        <v>3482012</v>
      </c>
      <c r="KU12" s="345">
        <v>1400656</v>
      </c>
      <c r="KV12" s="345">
        <v>1188583</v>
      </c>
      <c r="KW12" s="349">
        <v>8915710</v>
      </c>
      <c r="KX12" s="347">
        <v>8915710</v>
      </c>
      <c r="KY12" s="348">
        <v>0</v>
      </c>
      <c r="KZ12" s="345">
        <v>0</v>
      </c>
      <c r="LA12" s="349">
        <v>0</v>
      </c>
      <c r="LB12" s="404">
        <v>0</v>
      </c>
      <c r="LC12" s="345">
        <v>0</v>
      </c>
      <c r="LD12" s="345">
        <v>0</v>
      </c>
      <c r="LE12" s="345">
        <v>0</v>
      </c>
      <c r="LF12" s="345">
        <v>0</v>
      </c>
      <c r="LG12" s="345">
        <v>0</v>
      </c>
      <c r="LH12" s="349">
        <v>0</v>
      </c>
      <c r="LI12" s="350">
        <v>0</v>
      </c>
      <c r="LJ12" s="348">
        <v>0</v>
      </c>
      <c r="LK12" s="345">
        <v>0</v>
      </c>
      <c r="LL12" s="349">
        <v>0</v>
      </c>
      <c r="LM12" s="404">
        <v>0</v>
      </c>
      <c r="LN12" s="345">
        <v>0</v>
      </c>
      <c r="LO12" s="345">
        <v>0</v>
      </c>
      <c r="LP12" s="345">
        <v>0</v>
      </c>
      <c r="LQ12" s="345">
        <v>725102</v>
      </c>
      <c r="LR12" s="345">
        <v>0</v>
      </c>
      <c r="LS12" s="349">
        <v>725102</v>
      </c>
      <c r="LT12" s="347">
        <v>725102</v>
      </c>
      <c r="LU12" s="348">
        <v>0</v>
      </c>
      <c r="LV12" s="345">
        <v>0</v>
      </c>
      <c r="LW12" s="349">
        <v>0</v>
      </c>
      <c r="LX12" s="404">
        <v>0</v>
      </c>
      <c r="LY12" s="345">
        <v>98647</v>
      </c>
      <c r="LZ12" s="345">
        <v>173588</v>
      </c>
      <c r="MA12" s="345">
        <v>0</v>
      </c>
      <c r="MB12" s="345">
        <v>571319</v>
      </c>
      <c r="MC12" s="345">
        <v>315739</v>
      </c>
      <c r="MD12" s="349">
        <v>1159293</v>
      </c>
      <c r="ME12" s="350">
        <v>1159293</v>
      </c>
      <c r="MF12" s="348">
        <v>0</v>
      </c>
      <c r="MG12" s="345">
        <v>0</v>
      </c>
      <c r="MH12" s="349">
        <v>0</v>
      </c>
      <c r="MI12" s="404">
        <v>0</v>
      </c>
      <c r="MJ12" s="345">
        <v>459596</v>
      </c>
      <c r="MK12" s="345">
        <v>2531419</v>
      </c>
      <c r="ML12" s="345">
        <v>6445923</v>
      </c>
      <c r="MM12" s="345">
        <v>15285807</v>
      </c>
      <c r="MN12" s="345">
        <v>7371179</v>
      </c>
      <c r="MO12" s="349">
        <v>32093924</v>
      </c>
      <c r="MP12" s="354">
        <v>32093924</v>
      </c>
      <c r="MQ12" s="348">
        <v>0</v>
      </c>
      <c r="MR12" s="345">
        <v>0</v>
      </c>
      <c r="MS12" s="349">
        <v>0</v>
      </c>
      <c r="MT12" s="404">
        <v>0</v>
      </c>
      <c r="MU12" s="345">
        <v>0</v>
      </c>
      <c r="MV12" s="345">
        <v>0</v>
      </c>
      <c r="MW12" s="345">
        <v>4898277</v>
      </c>
      <c r="MX12" s="345">
        <v>10847073</v>
      </c>
      <c r="MY12" s="345">
        <v>5347717</v>
      </c>
      <c r="MZ12" s="349">
        <v>21093067</v>
      </c>
      <c r="NA12" s="354">
        <v>21093067</v>
      </c>
      <c r="NB12" s="348">
        <v>0</v>
      </c>
      <c r="NC12" s="345">
        <v>0</v>
      </c>
      <c r="ND12" s="349">
        <v>0</v>
      </c>
      <c r="NE12" s="404">
        <v>0</v>
      </c>
      <c r="NF12" s="345">
        <v>459596</v>
      </c>
      <c r="NG12" s="345">
        <v>2531419</v>
      </c>
      <c r="NH12" s="345">
        <v>1232322</v>
      </c>
      <c r="NI12" s="345">
        <v>3826628</v>
      </c>
      <c r="NJ12" s="345">
        <v>779985</v>
      </c>
      <c r="NK12" s="349">
        <v>8829950</v>
      </c>
      <c r="NL12" s="347">
        <v>8829950</v>
      </c>
      <c r="NM12" s="348">
        <v>0</v>
      </c>
      <c r="NN12" s="345">
        <v>0</v>
      </c>
      <c r="NO12" s="349">
        <v>0</v>
      </c>
      <c r="NP12" s="404">
        <v>0</v>
      </c>
      <c r="NQ12" s="345">
        <v>0</v>
      </c>
      <c r="NR12" s="345">
        <v>0</v>
      </c>
      <c r="NS12" s="345">
        <v>0</v>
      </c>
      <c r="NT12" s="345">
        <v>0</v>
      </c>
      <c r="NU12" s="345">
        <v>0</v>
      </c>
      <c r="NV12" s="349">
        <v>0</v>
      </c>
      <c r="NW12" s="350">
        <v>0</v>
      </c>
      <c r="NX12" s="348">
        <v>0</v>
      </c>
      <c r="NY12" s="345">
        <v>0</v>
      </c>
      <c r="NZ12" s="349">
        <v>0</v>
      </c>
      <c r="OA12" s="404">
        <v>0</v>
      </c>
      <c r="OB12" s="345">
        <v>0</v>
      </c>
      <c r="OC12" s="345">
        <v>0</v>
      </c>
      <c r="OD12" s="345">
        <v>315324</v>
      </c>
      <c r="OE12" s="345">
        <v>612106</v>
      </c>
      <c r="OF12" s="345">
        <v>1243477</v>
      </c>
      <c r="OG12" s="349">
        <v>2170907</v>
      </c>
      <c r="OH12" s="350">
        <v>2170907</v>
      </c>
      <c r="OI12" s="348">
        <v>1353327</v>
      </c>
      <c r="OJ12" s="345">
        <v>2846433</v>
      </c>
      <c r="OK12" s="346">
        <v>4199760</v>
      </c>
      <c r="OL12" s="351">
        <v>0</v>
      </c>
      <c r="OM12" s="345">
        <v>16529764</v>
      </c>
      <c r="ON12" s="345">
        <v>31787133</v>
      </c>
      <c r="OO12" s="345">
        <v>30852391</v>
      </c>
      <c r="OP12" s="345">
        <v>37915864</v>
      </c>
      <c r="OQ12" s="345">
        <v>25824327</v>
      </c>
      <c r="OR12" s="349">
        <v>142909479</v>
      </c>
      <c r="OS12" s="354">
        <v>147109239</v>
      </c>
    </row>
    <row r="13" spans="2:409" s="70" customFormat="1" ht="21" customHeight="1" x14ac:dyDescent="0.2">
      <c r="B13" s="106" t="s">
        <v>7</v>
      </c>
      <c r="C13" s="326">
        <v>941590</v>
      </c>
      <c r="D13" s="327">
        <v>1165367</v>
      </c>
      <c r="E13" s="328">
        <v>2106957</v>
      </c>
      <c r="F13" s="329">
        <v>0</v>
      </c>
      <c r="G13" s="327">
        <v>12314592</v>
      </c>
      <c r="H13" s="327">
        <v>9441096</v>
      </c>
      <c r="I13" s="327">
        <v>8671468</v>
      </c>
      <c r="J13" s="327">
        <v>11277271</v>
      </c>
      <c r="K13" s="327">
        <v>6293703</v>
      </c>
      <c r="L13" s="329">
        <v>47998130</v>
      </c>
      <c r="M13" s="330">
        <v>50105087</v>
      </c>
      <c r="N13" s="326">
        <v>186958</v>
      </c>
      <c r="O13" s="327">
        <v>303328</v>
      </c>
      <c r="P13" s="328">
        <v>490286</v>
      </c>
      <c r="Q13" s="326">
        <v>0</v>
      </c>
      <c r="R13" s="327">
        <v>3793346</v>
      </c>
      <c r="S13" s="327">
        <v>2580547</v>
      </c>
      <c r="T13" s="327">
        <v>3518016</v>
      </c>
      <c r="U13" s="327">
        <v>4474683</v>
      </c>
      <c r="V13" s="327">
        <v>3607858</v>
      </c>
      <c r="W13" s="328">
        <v>17974450</v>
      </c>
      <c r="X13" s="330">
        <v>18464736</v>
      </c>
      <c r="Y13" s="326">
        <v>0</v>
      </c>
      <c r="Z13" s="327">
        <v>0</v>
      </c>
      <c r="AA13" s="328">
        <v>0</v>
      </c>
      <c r="AB13" s="326">
        <v>0</v>
      </c>
      <c r="AC13" s="327">
        <v>1682359</v>
      </c>
      <c r="AD13" s="327">
        <v>1056748</v>
      </c>
      <c r="AE13" s="327">
        <v>1930699</v>
      </c>
      <c r="AF13" s="327">
        <v>2505115</v>
      </c>
      <c r="AG13" s="327">
        <v>1831507</v>
      </c>
      <c r="AH13" s="328">
        <v>9006428</v>
      </c>
      <c r="AI13" s="330">
        <v>9006428</v>
      </c>
      <c r="AJ13" s="326">
        <v>0</v>
      </c>
      <c r="AK13" s="327">
        <v>0</v>
      </c>
      <c r="AL13" s="328">
        <v>0</v>
      </c>
      <c r="AM13" s="326">
        <v>0</v>
      </c>
      <c r="AN13" s="327">
        <v>117263</v>
      </c>
      <c r="AO13" s="327">
        <v>0</v>
      </c>
      <c r="AP13" s="327">
        <v>0</v>
      </c>
      <c r="AQ13" s="327">
        <v>439938</v>
      </c>
      <c r="AR13" s="327">
        <v>622491</v>
      </c>
      <c r="AS13" s="328">
        <v>1179692</v>
      </c>
      <c r="AT13" s="330">
        <v>1179692</v>
      </c>
      <c r="AU13" s="326">
        <v>0</v>
      </c>
      <c r="AV13" s="327">
        <v>134863</v>
      </c>
      <c r="AW13" s="328">
        <v>134863</v>
      </c>
      <c r="AX13" s="326">
        <v>0</v>
      </c>
      <c r="AY13" s="327">
        <v>1058036</v>
      </c>
      <c r="AZ13" s="327">
        <v>855672</v>
      </c>
      <c r="BA13" s="327">
        <v>1001968</v>
      </c>
      <c r="BB13" s="327">
        <v>709119</v>
      </c>
      <c r="BC13" s="327">
        <v>859769</v>
      </c>
      <c r="BD13" s="328">
        <v>4484564</v>
      </c>
      <c r="BE13" s="330">
        <v>4619427</v>
      </c>
      <c r="BF13" s="326">
        <v>13610</v>
      </c>
      <c r="BG13" s="327">
        <v>18147</v>
      </c>
      <c r="BH13" s="331">
        <v>31757</v>
      </c>
      <c r="BI13" s="332">
        <v>0</v>
      </c>
      <c r="BJ13" s="327">
        <v>104382</v>
      </c>
      <c r="BK13" s="327">
        <v>129358</v>
      </c>
      <c r="BL13" s="327">
        <v>57248</v>
      </c>
      <c r="BM13" s="327">
        <v>104495</v>
      </c>
      <c r="BN13" s="327">
        <v>0</v>
      </c>
      <c r="BO13" s="328">
        <v>395483</v>
      </c>
      <c r="BP13" s="330">
        <v>427240</v>
      </c>
      <c r="BQ13" s="326">
        <v>173348</v>
      </c>
      <c r="BR13" s="327">
        <v>150318</v>
      </c>
      <c r="BS13" s="328">
        <v>323666</v>
      </c>
      <c r="BT13" s="326">
        <v>0</v>
      </c>
      <c r="BU13" s="327">
        <v>831306</v>
      </c>
      <c r="BV13" s="327">
        <v>538769</v>
      </c>
      <c r="BW13" s="327">
        <v>528101</v>
      </c>
      <c r="BX13" s="327">
        <v>716016</v>
      </c>
      <c r="BY13" s="327">
        <v>294091</v>
      </c>
      <c r="BZ13" s="328">
        <v>2908283</v>
      </c>
      <c r="CA13" s="330">
        <v>3231949</v>
      </c>
      <c r="CB13" s="326">
        <v>0</v>
      </c>
      <c r="CC13" s="327">
        <v>70506</v>
      </c>
      <c r="CD13" s="328">
        <v>70506</v>
      </c>
      <c r="CE13" s="326">
        <v>0</v>
      </c>
      <c r="CF13" s="327">
        <v>3604995</v>
      </c>
      <c r="CG13" s="327">
        <v>2352660</v>
      </c>
      <c r="CH13" s="327">
        <v>1317479</v>
      </c>
      <c r="CI13" s="327">
        <v>1211604</v>
      </c>
      <c r="CJ13" s="327">
        <v>204962</v>
      </c>
      <c r="CK13" s="328">
        <v>8691700</v>
      </c>
      <c r="CL13" s="330">
        <v>8762206</v>
      </c>
      <c r="CM13" s="326">
        <v>0</v>
      </c>
      <c r="CN13" s="327">
        <v>0</v>
      </c>
      <c r="CO13" s="328">
        <v>0</v>
      </c>
      <c r="CP13" s="332">
        <v>0</v>
      </c>
      <c r="CQ13" s="327">
        <v>2832835</v>
      </c>
      <c r="CR13" s="327">
        <v>1794636</v>
      </c>
      <c r="CS13" s="327">
        <v>835639</v>
      </c>
      <c r="CT13" s="327">
        <v>651891</v>
      </c>
      <c r="CU13" s="327">
        <v>204962</v>
      </c>
      <c r="CV13" s="328">
        <v>6319963</v>
      </c>
      <c r="CW13" s="330">
        <v>6319963</v>
      </c>
      <c r="CX13" s="326">
        <v>0</v>
      </c>
      <c r="CY13" s="327">
        <v>70506</v>
      </c>
      <c r="CZ13" s="328">
        <v>70506</v>
      </c>
      <c r="DA13" s="326">
        <v>0</v>
      </c>
      <c r="DB13" s="327">
        <v>772160</v>
      </c>
      <c r="DC13" s="327">
        <v>558024</v>
      </c>
      <c r="DD13" s="327">
        <v>481840</v>
      </c>
      <c r="DE13" s="327">
        <v>559713</v>
      </c>
      <c r="DF13" s="327">
        <v>0</v>
      </c>
      <c r="DG13" s="328">
        <v>2371737</v>
      </c>
      <c r="DH13" s="330">
        <v>2442243</v>
      </c>
      <c r="DI13" s="326">
        <v>0</v>
      </c>
      <c r="DJ13" s="327">
        <v>0</v>
      </c>
      <c r="DK13" s="331">
        <v>0</v>
      </c>
      <c r="DL13" s="332">
        <v>0</v>
      </c>
      <c r="DM13" s="327">
        <v>492389</v>
      </c>
      <c r="DN13" s="327">
        <v>342389</v>
      </c>
      <c r="DO13" s="327">
        <v>123956</v>
      </c>
      <c r="DP13" s="327">
        <v>607410</v>
      </c>
      <c r="DQ13" s="327">
        <v>237527</v>
      </c>
      <c r="DR13" s="328">
        <v>1803671</v>
      </c>
      <c r="DS13" s="330">
        <v>1803671</v>
      </c>
      <c r="DT13" s="326">
        <v>0</v>
      </c>
      <c r="DU13" s="327">
        <v>0</v>
      </c>
      <c r="DV13" s="328">
        <v>0</v>
      </c>
      <c r="DW13" s="326">
        <v>0</v>
      </c>
      <c r="DX13" s="327">
        <v>492389</v>
      </c>
      <c r="DY13" s="327">
        <v>342389</v>
      </c>
      <c r="DZ13" s="327">
        <v>63059</v>
      </c>
      <c r="EA13" s="327">
        <v>607410</v>
      </c>
      <c r="EB13" s="327">
        <v>237527</v>
      </c>
      <c r="EC13" s="328">
        <v>1742774</v>
      </c>
      <c r="ED13" s="330">
        <v>1742774</v>
      </c>
      <c r="EE13" s="326">
        <v>0</v>
      </c>
      <c r="EF13" s="331">
        <v>0</v>
      </c>
      <c r="EG13" s="328">
        <v>0</v>
      </c>
      <c r="EH13" s="326">
        <v>0</v>
      </c>
      <c r="EI13" s="327">
        <v>0</v>
      </c>
      <c r="EJ13" s="327">
        <v>0</v>
      </c>
      <c r="EK13" s="327">
        <v>60897</v>
      </c>
      <c r="EL13" s="327">
        <v>0</v>
      </c>
      <c r="EM13" s="327">
        <v>0</v>
      </c>
      <c r="EN13" s="331">
        <v>60897</v>
      </c>
      <c r="EO13" s="330">
        <v>60897</v>
      </c>
      <c r="EP13" s="326">
        <v>0</v>
      </c>
      <c r="EQ13" s="327">
        <v>0</v>
      </c>
      <c r="ER13" s="331">
        <v>0</v>
      </c>
      <c r="ES13" s="332">
        <v>0</v>
      </c>
      <c r="ET13" s="327">
        <v>0</v>
      </c>
      <c r="EU13" s="327">
        <v>0</v>
      </c>
      <c r="EV13" s="327">
        <v>0</v>
      </c>
      <c r="EW13" s="327">
        <v>0</v>
      </c>
      <c r="EX13" s="327">
        <v>0</v>
      </c>
      <c r="EY13" s="328">
        <v>0</v>
      </c>
      <c r="EZ13" s="330">
        <v>0</v>
      </c>
      <c r="FA13" s="326">
        <v>0</v>
      </c>
      <c r="FB13" s="327">
        <v>0</v>
      </c>
      <c r="FC13" s="331">
        <v>0</v>
      </c>
      <c r="FD13" s="404">
        <v>0</v>
      </c>
      <c r="FE13" s="327">
        <v>0</v>
      </c>
      <c r="FF13" s="327">
        <v>0</v>
      </c>
      <c r="FG13" s="327">
        <v>0</v>
      </c>
      <c r="FH13" s="327">
        <v>0</v>
      </c>
      <c r="FI13" s="327">
        <v>0</v>
      </c>
      <c r="FJ13" s="328">
        <v>0</v>
      </c>
      <c r="FK13" s="330">
        <v>0</v>
      </c>
      <c r="FL13" s="326">
        <v>81102</v>
      </c>
      <c r="FM13" s="327">
        <v>96544</v>
      </c>
      <c r="FN13" s="328">
        <v>177646</v>
      </c>
      <c r="FO13" s="326">
        <v>0</v>
      </c>
      <c r="FP13" s="327">
        <v>603617</v>
      </c>
      <c r="FQ13" s="327">
        <v>820085</v>
      </c>
      <c r="FR13" s="327">
        <v>577850</v>
      </c>
      <c r="FS13" s="327">
        <v>848526</v>
      </c>
      <c r="FT13" s="327">
        <v>313390</v>
      </c>
      <c r="FU13" s="328">
        <v>3163468</v>
      </c>
      <c r="FV13" s="330">
        <v>3341114</v>
      </c>
      <c r="FW13" s="333">
        <v>81102</v>
      </c>
      <c r="FX13" s="327">
        <v>58044</v>
      </c>
      <c r="FY13" s="331">
        <v>139146</v>
      </c>
      <c r="FZ13" s="332">
        <v>0</v>
      </c>
      <c r="GA13" s="327">
        <v>444213</v>
      </c>
      <c r="GB13" s="327">
        <v>820085</v>
      </c>
      <c r="GC13" s="327">
        <v>575694</v>
      </c>
      <c r="GD13" s="327">
        <v>678202</v>
      </c>
      <c r="GE13" s="327">
        <v>313390</v>
      </c>
      <c r="GF13" s="328">
        <v>2831584</v>
      </c>
      <c r="GG13" s="334">
        <v>2970730</v>
      </c>
      <c r="GH13" s="333">
        <v>0</v>
      </c>
      <c r="GI13" s="327">
        <v>0</v>
      </c>
      <c r="GJ13" s="331">
        <v>0</v>
      </c>
      <c r="GK13" s="332">
        <v>0</v>
      </c>
      <c r="GL13" s="327">
        <v>19404</v>
      </c>
      <c r="GM13" s="327">
        <v>0</v>
      </c>
      <c r="GN13" s="327">
        <v>2156</v>
      </c>
      <c r="GO13" s="327">
        <v>82544</v>
      </c>
      <c r="GP13" s="327">
        <v>0</v>
      </c>
      <c r="GQ13" s="328">
        <v>104104</v>
      </c>
      <c r="GR13" s="330">
        <v>104104</v>
      </c>
      <c r="GS13" s="326">
        <v>0</v>
      </c>
      <c r="GT13" s="327">
        <v>38500</v>
      </c>
      <c r="GU13" s="328">
        <v>38500</v>
      </c>
      <c r="GV13" s="326">
        <v>0</v>
      </c>
      <c r="GW13" s="327">
        <v>140000</v>
      </c>
      <c r="GX13" s="327">
        <v>0</v>
      </c>
      <c r="GY13" s="327">
        <v>0</v>
      </c>
      <c r="GZ13" s="327">
        <v>87780</v>
      </c>
      <c r="HA13" s="327">
        <v>0</v>
      </c>
      <c r="HB13" s="331">
        <v>227780</v>
      </c>
      <c r="HC13" s="330">
        <v>266280</v>
      </c>
      <c r="HD13" s="326">
        <v>673530</v>
      </c>
      <c r="HE13" s="327">
        <v>694989</v>
      </c>
      <c r="HF13" s="331">
        <v>1368519</v>
      </c>
      <c r="HG13" s="332">
        <v>0</v>
      </c>
      <c r="HH13" s="327">
        <v>3820245</v>
      </c>
      <c r="HI13" s="327">
        <v>3345415</v>
      </c>
      <c r="HJ13" s="327">
        <v>3134167</v>
      </c>
      <c r="HK13" s="327">
        <v>4135048</v>
      </c>
      <c r="HL13" s="327">
        <v>1929966</v>
      </c>
      <c r="HM13" s="328">
        <v>16364841</v>
      </c>
      <c r="HN13" s="329">
        <v>17733360</v>
      </c>
      <c r="HO13" s="333">
        <v>0</v>
      </c>
      <c r="HP13" s="327">
        <v>0</v>
      </c>
      <c r="HQ13" s="328">
        <v>0</v>
      </c>
      <c r="HR13" s="326">
        <v>0</v>
      </c>
      <c r="HS13" s="327">
        <v>0</v>
      </c>
      <c r="HT13" s="327">
        <v>0</v>
      </c>
      <c r="HU13" s="327">
        <v>0</v>
      </c>
      <c r="HV13" s="327">
        <v>0</v>
      </c>
      <c r="HW13" s="327">
        <v>0</v>
      </c>
      <c r="HX13" s="331">
        <v>0</v>
      </c>
      <c r="HY13" s="330">
        <v>0</v>
      </c>
      <c r="HZ13" s="335">
        <v>0</v>
      </c>
      <c r="IA13" s="336">
        <v>0</v>
      </c>
      <c r="IB13" s="337">
        <v>0</v>
      </c>
      <c r="IC13" s="338">
        <v>0</v>
      </c>
      <c r="ID13" s="336">
        <v>2269136</v>
      </c>
      <c r="IE13" s="339">
        <v>2402263</v>
      </c>
      <c r="IF13" s="337">
        <v>1864018</v>
      </c>
      <c r="IG13" s="336">
        <v>1537566</v>
      </c>
      <c r="IH13" s="337">
        <v>956596</v>
      </c>
      <c r="II13" s="340">
        <v>9029579</v>
      </c>
      <c r="IJ13" s="341">
        <v>9029579</v>
      </c>
      <c r="IK13" s="342">
        <v>0</v>
      </c>
      <c r="IL13" s="343">
        <v>0</v>
      </c>
      <c r="IM13" s="344">
        <v>0</v>
      </c>
      <c r="IN13" s="404">
        <v>0</v>
      </c>
      <c r="IO13" s="345">
        <v>0</v>
      </c>
      <c r="IP13" s="345">
        <v>125633</v>
      </c>
      <c r="IQ13" s="345">
        <v>0</v>
      </c>
      <c r="IR13" s="345">
        <v>0</v>
      </c>
      <c r="IS13" s="345">
        <v>287068</v>
      </c>
      <c r="IT13" s="346">
        <v>412701</v>
      </c>
      <c r="IU13" s="347">
        <v>412701</v>
      </c>
      <c r="IV13" s="348">
        <v>0</v>
      </c>
      <c r="IW13" s="345">
        <v>0</v>
      </c>
      <c r="IX13" s="349">
        <v>0</v>
      </c>
      <c r="IY13" s="404">
        <v>0</v>
      </c>
      <c r="IZ13" s="345">
        <v>0</v>
      </c>
      <c r="JA13" s="345">
        <v>0</v>
      </c>
      <c r="JB13" s="345">
        <v>0</v>
      </c>
      <c r="JC13" s="345">
        <v>0</v>
      </c>
      <c r="JD13" s="345">
        <v>0</v>
      </c>
      <c r="JE13" s="349">
        <v>0</v>
      </c>
      <c r="JF13" s="350">
        <v>0</v>
      </c>
      <c r="JG13" s="348">
        <v>0</v>
      </c>
      <c r="JH13" s="345">
        <v>0</v>
      </c>
      <c r="JI13" s="346">
        <v>0</v>
      </c>
      <c r="JJ13" s="351">
        <v>0</v>
      </c>
      <c r="JK13" s="345">
        <v>1263483</v>
      </c>
      <c r="JL13" s="345">
        <v>933083</v>
      </c>
      <c r="JM13" s="345">
        <v>337420</v>
      </c>
      <c r="JN13" s="345">
        <v>273926</v>
      </c>
      <c r="JO13" s="345">
        <v>42526</v>
      </c>
      <c r="JP13" s="349">
        <v>2850438</v>
      </c>
      <c r="JQ13" s="347">
        <v>2850438</v>
      </c>
      <c r="JR13" s="348">
        <v>0</v>
      </c>
      <c r="JS13" s="345">
        <v>0</v>
      </c>
      <c r="JT13" s="346">
        <v>0</v>
      </c>
      <c r="JU13" s="351">
        <v>0</v>
      </c>
      <c r="JV13" s="345">
        <v>147507</v>
      </c>
      <c r="JW13" s="345">
        <v>113502</v>
      </c>
      <c r="JX13" s="345">
        <v>400796</v>
      </c>
      <c r="JY13" s="345">
        <v>73373</v>
      </c>
      <c r="JZ13" s="345">
        <v>0</v>
      </c>
      <c r="KA13" s="349">
        <v>735178</v>
      </c>
      <c r="KB13" s="347">
        <v>735178</v>
      </c>
      <c r="KC13" s="352">
        <v>0</v>
      </c>
      <c r="KD13" s="353">
        <v>0</v>
      </c>
      <c r="KE13" s="349">
        <v>0</v>
      </c>
      <c r="KF13" s="351">
        <v>0</v>
      </c>
      <c r="KG13" s="345">
        <v>305229</v>
      </c>
      <c r="KH13" s="345">
        <v>89528</v>
      </c>
      <c r="KI13" s="345">
        <v>189198</v>
      </c>
      <c r="KJ13" s="345">
        <v>0</v>
      </c>
      <c r="KK13" s="345">
        <v>0</v>
      </c>
      <c r="KL13" s="349">
        <v>583955</v>
      </c>
      <c r="KM13" s="354">
        <v>583955</v>
      </c>
      <c r="KN13" s="342">
        <v>0</v>
      </c>
      <c r="KO13" s="343">
        <v>0</v>
      </c>
      <c r="KP13" s="344">
        <v>0</v>
      </c>
      <c r="KQ13" s="404">
        <v>0</v>
      </c>
      <c r="KR13" s="345">
        <v>429258</v>
      </c>
      <c r="KS13" s="345">
        <v>1140517</v>
      </c>
      <c r="KT13" s="345">
        <v>936604</v>
      </c>
      <c r="KU13" s="345">
        <v>1190267</v>
      </c>
      <c r="KV13" s="345">
        <v>712623</v>
      </c>
      <c r="KW13" s="349">
        <v>4409269</v>
      </c>
      <c r="KX13" s="347">
        <v>4409269</v>
      </c>
      <c r="KY13" s="348">
        <v>0</v>
      </c>
      <c r="KZ13" s="345">
        <v>0</v>
      </c>
      <c r="LA13" s="349">
        <v>0</v>
      </c>
      <c r="LB13" s="404">
        <v>0</v>
      </c>
      <c r="LC13" s="345">
        <v>0</v>
      </c>
      <c r="LD13" s="345">
        <v>0</v>
      </c>
      <c r="LE13" s="345">
        <v>0</v>
      </c>
      <c r="LF13" s="345">
        <v>0</v>
      </c>
      <c r="LG13" s="345">
        <v>0</v>
      </c>
      <c r="LH13" s="349">
        <v>0</v>
      </c>
      <c r="LI13" s="350">
        <v>0</v>
      </c>
      <c r="LJ13" s="348">
        <v>0</v>
      </c>
      <c r="LK13" s="345">
        <v>0</v>
      </c>
      <c r="LL13" s="349">
        <v>0</v>
      </c>
      <c r="LM13" s="404">
        <v>0</v>
      </c>
      <c r="LN13" s="345">
        <v>0</v>
      </c>
      <c r="LO13" s="345">
        <v>0</v>
      </c>
      <c r="LP13" s="345">
        <v>0</v>
      </c>
      <c r="LQ13" s="345">
        <v>0</v>
      </c>
      <c r="LR13" s="345">
        <v>0</v>
      </c>
      <c r="LS13" s="349">
        <v>0</v>
      </c>
      <c r="LT13" s="347">
        <v>0</v>
      </c>
      <c r="LU13" s="348">
        <v>0</v>
      </c>
      <c r="LV13" s="345">
        <v>0</v>
      </c>
      <c r="LW13" s="349">
        <v>0</v>
      </c>
      <c r="LX13" s="404">
        <v>0</v>
      </c>
      <c r="LY13" s="345">
        <v>123659</v>
      </c>
      <c r="LZ13" s="345">
        <v>0</v>
      </c>
      <c r="MA13" s="345">
        <v>0</v>
      </c>
      <c r="MB13" s="345">
        <v>0</v>
      </c>
      <c r="MC13" s="345">
        <v>-85621</v>
      </c>
      <c r="MD13" s="349">
        <v>38038</v>
      </c>
      <c r="ME13" s="350">
        <v>38038</v>
      </c>
      <c r="MF13" s="348">
        <v>0</v>
      </c>
      <c r="MG13" s="345">
        <v>0</v>
      </c>
      <c r="MH13" s="349">
        <v>0</v>
      </c>
      <c r="MI13" s="404">
        <v>0</v>
      </c>
      <c r="MJ13" s="345">
        <v>243407</v>
      </c>
      <c r="MK13" s="345">
        <v>920011</v>
      </c>
      <c r="ML13" s="345">
        <v>3625445</v>
      </c>
      <c r="MM13" s="345">
        <v>5111091</v>
      </c>
      <c r="MN13" s="345">
        <v>3185799</v>
      </c>
      <c r="MO13" s="349">
        <v>13085753</v>
      </c>
      <c r="MP13" s="354">
        <v>13085753</v>
      </c>
      <c r="MQ13" s="348">
        <v>0</v>
      </c>
      <c r="MR13" s="345">
        <v>0</v>
      </c>
      <c r="MS13" s="349">
        <v>0</v>
      </c>
      <c r="MT13" s="404">
        <v>0</v>
      </c>
      <c r="MU13" s="345">
        <v>0</v>
      </c>
      <c r="MV13" s="345">
        <v>0</v>
      </c>
      <c r="MW13" s="345">
        <v>2046207</v>
      </c>
      <c r="MX13" s="345">
        <v>3491102</v>
      </c>
      <c r="MY13" s="345">
        <v>1897746</v>
      </c>
      <c r="MZ13" s="349">
        <v>7435055</v>
      </c>
      <c r="NA13" s="354">
        <v>7435055</v>
      </c>
      <c r="NB13" s="348">
        <v>0</v>
      </c>
      <c r="NC13" s="345">
        <v>0</v>
      </c>
      <c r="ND13" s="349">
        <v>0</v>
      </c>
      <c r="NE13" s="404">
        <v>0</v>
      </c>
      <c r="NF13" s="345">
        <v>243407</v>
      </c>
      <c r="NG13" s="345">
        <v>920011</v>
      </c>
      <c r="NH13" s="345">
        <v>1579238</v>
      </c>
      <c r="NI13" s="345">
        <v>1619989</v>
      </c>
      <c r="NJ13" s="345">
        <v>1288053</v>
      </c>
      <c r="NK13" s="349">
        <v>5650698</v>
      </c>
      <c r="NL13" s="347">
        <v>5650698</v>
      </c>
      <c r="NM13" s="348">
        <v>0</v>
      </c>
      <c r="NN13" s="345">
        <v>0</v>
      </c>
      <c r="NO13" s="349">
        <v>0</v>
      </c>
      <c r="NP13" s="404">
        <v>0</v>
      </c>
      <c r="NQ13" s="345">
        <v>0</v>
      </c>
      <c r="NR13" s="345">
        <v>0</v>
      </c>
      <c r="NS13" s="345">
        <v>0</v>
      </c>
      <c r="NT13" s="345">
        <v>0</v>
      </c>
      <c r="NU13" s="345">
        <v>0</v>
      </c>
      <c r="NV13" s="349">
        <v>0</v>
      </c>
      <c r="NW13" s="350">
        <v>0</v>
      </c>
      <c r="NX13" s="348">
        <v>0</v>
      </c>
      <c r="NY13" s="345">
        <v>0</v>
      </c>
      <c r="NZ13" s="349">
        <v>0</v>
      </c>
      <c r="OA13" s="404">
        <v>0</v>
      </c>
      <c r="OB13" s="345">
        <v>0</v>
      </c>
      <c r="OC13" s="345">
        <v>0</v>
      </c>
      <c r="OD13" s="345">
        <v>0</v>
      </c>
      <c r="OE13" s="345">
        <v>0</v>
      </c>
      <c r="OF13" s="345">
        <v>0</v>
      </c>
      <c r="OG13" s="349">
        <v>0</v>
      </c>
      <c r="OH13" s="350">
        <v>0</v>
      </c>
      <c r="OI13" s="348">
        <v>941590</v>
      </c>
      <c r="OJ13" s="345">
        <v>1165367</v>
      </c>
      <c r="OK13" s="346">
        <v>2106957</v>
      </c>
      <c r="OL13" s="351">
        <v>0</v>
      </c>
      <c r="OM13" s="345">
        <v>14827135</v>
      </c>
      <c r="ON13" s="345">
        <v>12763370</v>
      </c>
      <c r="OO13" s="345">
        <v>14160931</v>
      </c>
      <c r="OP13" s="345">
        <v>17925928</v>
      </c>
      <c r="OQ13" s="345">
        <v>10436098</v>
      </c>
      <c r="OR13" s="349">
        <v>70113462</v>
      </c>
      <c r="OS13" s="354">
        <v>72220419</v>
      </c>
    </row>
    <row r="14" spans="2:409" s="70" customFormat="1" ht="21" customHeight="1" x14ac:dyDescent="0.2">
      <c r="B14" s="106" t="s">
        <v>8</v>
      </c>
      <c r="C14" s="326">
        <v>525713</v>
      </c>
      <c r="D14" s="327">
        <v>752407</v>
      </c>
      <c r="E14" s="328">
        <v>1278120</v>
      </c>
      <c r="F14" s="329">
        <v>0</v>
      </c>
      <c r="G14" s="327">
        <v>5175886</v>
      </c>
      <c r="H14" s="327">
        <v>6999199</v>
      </c>
      <c r="I14" s="327">
        <v>7612521</v>
      </c>
      <c r="J14" s="327">
        <v>5950337</v>
      </c>
      <c r="K14" s="327">
        <v>5819757</v>
      </c>
      <c r="L14" s="329">
        <v>31557700</v>
      </c>
      <c r="M14" s="330">
        <v>32835820</v>
      </c>
      <c r="N14" s="326">
        <v>126809</v>
      </c>
      <c r="O14" s="327">
        <v>177561</v>
      </c>
      <c r="P14" s="328">
        <v>304370</v>
      </c>
      <c r="Q14" s="326">
        <v>0</v>
      </c>
      <c r="R14" s="327">
        <v>1605538</v>
      </c>
      <c r="S14" s="327">
        <v>2328964</v>
      </c>
      <c r="T14" s="327">
        <v>2629515</v>
      </c>
      <c r="U14" s="327">
        <v>2413476</v>
      </c>
      <c r="V14" s="327">
        <v>3262536</v>
      </c>
      <c r="W14" s="328">
        <v>12240029</v>
      </c>
      <c r="X14" s="330">
        <v>12544399</v>
      </c>
      <c r="Y14" s="326">
        <v>0</v>
      </c>
      <c r="Z14" s="327">
        <v>0</v>
      </c>
      <c r="AA14" s="328">
        <v>0</v>
      </c>
      <c r="AB14" s="326">
        <v>0</v>
      </c>
      <c r="AC14" s="327">
        <v>595103</v>
      </c>
      <c r="AD14" s="327">
        <v>980068</v>
      </c>
      <c r="AE14" s="327">
        <v>1627598</v>
      </c>
      <c r="AF14" s="327">
        <v>1246678</v>
      </c>
      <c r="AG14" s="327">
        <v>2249989</v>
      </c>
      <c r="AH14" s="328">
        <v>6699436</v>
      </c>
      <c r="AI14" s="330">
        <v>6699436</v>
      </c>
      <c r="AJ14" s="326">
        <v>0</v>
      </c>
      <c r="AK14" s="327">
        <v>0</v>
      </c>
      <c r="AL14" s="328">
        <v>0</v>
      </c>
      <c r="AM14" s="326">
        <v>0</v>
      </c>
      <c r="AN14" s="327">
        <v>0</v>
      </c>
      <c r="AO14" s="327">
        <v>84629</v>
      </c>
      <c r="AP14" s="327">
        <v>229859</v>
      </c>
      <c r="AQ14" s="327">
        <v>10792</v>
      </c>
      <c r="AR14" s="327">
        <v>226574</v>
      </c>
      <c r="AS14" s="328">
        <v>551854</v>
      </c>
      <c r="AT14" s="330">
        <v>551854</v>
      </c>
      <c r="AU14" s="326">
        <v>85096</v>
      </c>
      <c r="AV14" s="327">
        <v>124123</v>
      </c>
      <c r="AW14" s="328">
        <v>209219</v>
      </c>
      <c r="AX14" s="326">
        <v>0</v>
      </c>
      <c r="AY14" s="327">
        <v>547677</v>
      </c>
      <c r="AZ14" s="327">
        <v>897781</v>
      </c>
      <c r="BA14" s="327">
        <v>397073</v>
      </c>
      <c r="BB14" s="327">
        <v>773419</v>
      </c>
      <c r="BC14" s="327">
        <v>447661</v>
      </c>
      <c r="BD14" s="328">
        <v>3063611</v>
      </c>
      <c r="BE14" s="330">
        <v>3272830</v>
      </c>
      <c r="BF14" s="326">
        <v>0</v>
      </c>
      <c r="BG14" s="327">
        <v>31430</v>
      </c>
      <c r="BH14" s="331">
        <v>31430</v>
      </c>
      <c r="BI14" s="332">
        <v>0</v>
      </c>
      <c r="BJ14" s="327">
        <v>121725</v>
      </c>
      <c r="BK14" s="327">
        <v>107131</v>
      </c>
      <c r="BL14" s="327">
        <v>120171</v>
      </c>
      <c r="BM14" s="327">
        <v>41204</v>
      </c>
      <c r="BN14" s="327">
        <v>6092</v>
      </c>
      <c r="BO14" s="328">
        <v>396323</v>
      </c>
      <c r="BP14" s="330">
        <v>427753</v>
      </c>
      <c r="BQ14" s="326">
        <v>41713</v>
      </c>
      <c r="BR14" s="327">
        <v>22008</v>
      </c>
      <c r="BS14" s="328">
        <v>63721</v>
      </c>
      <c r="BT14" s="326">
        <v>0</v>
      </c>
      <c r="BU14" s="327">
        <v>341033</v>
      </c>
      <c r="BV14" s="327">
        <v>259355</v>
      </c>
      <c r="BW14" s="327">
        <v>254814</v>
      </c>
      <c r="BX14" s="327">
        <v>341383</v>
      </c>
      <c r="BY14" s="327">
        <v>332220</v>
      </c>
      <c r="BZ14" s="328">
        <v>1528805</v>
      </c>
      <c r="CA14" s="330">
        <v>1592526</v>
      </c>
      <c r="CB14" s="326">
        <v>54003</v>
      </c>
      <c r="CC14" s="327">
        <v>100454</v>
      </c>
      <c r="CD14" s="328">
        <v>154457</v>
      </c>
      <c r="CE14" s="326">
        <v>0</v>
      </c>
      <c r="CF14" s="327">
        <v>1372503</v>
      </c>
      <c r="CG14" s="327">
        <v>1363162</v>
      </c>
      <c r="CH14" s="327">
        <v>2109761</v>
      </c>
      <c r="CI14" s="327">
        <v>1009390</v>
      </c>
      <c r="CJ14" s="327">
        <v>670123</v>
      </c>
      <c r="CK14" s="328">
        <v>6524939</v>
      </c>
      <c r="CL14" s="330">
        <v>6679396</v>
      </c>
      <c r="CM14" s="326">
        <v>0</v>
      </c>
      <c r="CN14" s="327">
        <v>0</v>
      </c>
      <c r="CO14" s="328">
        <v>0</v>
      </c>
      <c r="CP14" s="332">
        <v>0</v>
      </c>
      <c r="CQ14" s="327">
        <v>981718</v>
      </c>
      <c r="CR14" s="327">
        <v>1064933</v>
      </c>
      <c r="CS14" s="327">
        <v>1362622</v>
      </c>
      <c r="CT14" s="327">
        <v>502798</v>
      </c>
      <c r="CU14" s="327">
        <v>487819</v>
      </c>
      <c r="CV14" s="328">
        <v>4399890</v>
      </c>
      <c r="CW14" s="330">
        <v>4399890</v>
      </c>
      <c r="CX14" s="326">
        <v>54003</v>
      </c>
      <c r="CY14" s="327">
        <v>100454</v>
      </c>
      <c r="CZ14" s="328">
        <v>154457</v>
      </c>
      <c r="DA14" s="326">
        <v>0</v>
      </c>
      <c r="DB14" s="327">
        <v>390785</v>
      </c>
      <c r="DC14" s="327">
        <v>298229</v>
      </c>
      <c r="DD14" s="327">
        <v>747139</v>
      </c>
      <c r="DE14" s="327">
        <v>506592</v>
      </c>
      <c r="DF14" s="327">
        <v>182304</v>
      </c>
      <c r="DG14" s="328">
        <v>2125049</v>
      </c>
      <c r="DH14" s="330">
        <v>2279506</v>
      </c>
      <c r="DI14" s="326">
        <v>27029</v>
      </c>
      <c r="DJ14" s="327">
        <v>0</v>
      </c>
      <c r="DK14" s="331">
        <v>27029</v>
      </c>
      <c r="DL14" s="332">
        <v>0</v>
      </c>
      <c r="DM14" s="327">
        <v>384633</v>
      </c>
      <c r="DN14" s="327">
        <v>562231</v>
      </c>
      <c r="DO14" s="327">
        <v>1114523</v>
      </c>
      <c r="DP14" s="327">
        <v>145791</v>
      </c>
      <c r="DQ14" s="327">
        <v>381801</v>
      </c>
      <c r="DR14" s="328">
        <v>2588979</v>
      </c>
      <c r="DS14" s="330">
        <v>2616008</v>
      </c>
      <c r="DT14" s="326">
        <v>27029</v>
      </c>
      <c r="DU14" s="327">
        <v>0</v>
      </c>
      <c r="DV14" s="328">
        <v>27029</v>
      </c>
      <c r="DW14" s="326">
        <v>0</v>
      </c>
      <c r="DX14" s="327">
        <v>384633</v>
      </c>
      <c r="DY14" s="327">
        <v>498891</v>
      </c>
      <c r="DZ14" s="327">
        <v>1114523</v>
      </c>
      <c r="EA14" s="327">
        <v>145791</v>
      </c>
      <c r="EB14" s="327">
        <v>334240</v>
      </c>
      <c r="EC14" s="328">
        <v>2478078</v>
      </c>
      <c r="ED14" s="330">
        <v>2505107</v>
      </c>
      <c r="EE14" s="326">
        <v>0</v>
      </c>
      <c r="EF14" s="331">
        <v>0</v>
      </c>
      <c r="EG14" s="328">
        <v>0</v>
      </c>
      <c r="EH14" s="326">
        <v>0</v>
      </c>
      <c r="EI14" s="327">
        <v>0</v>
      </c>
      <c r="EJ14" s="327">
        <v>63340</v>
      </c>
      <c r="EK14" s="327">
        <v>0</v>
      </c>
      <c r="EL14" s="327">
        <v>0</v>
      </c>
      <c r="EM14" s="327">
        <v>47561</v>
      </c>
      <c r="EN14" s="331">
        <v>110901</v>
      </c>
      <c r="EO14" s="330">
        <v>110901</v>
      </c>
      <c r="EP14" s="326">
        <v>0</v>
      </c>
      <c r="EQ14" s="327">
        <v>0</v>
      </c>
      <c r="ER14" s="331">
        <v>0</v>
      </c>
      <c r="ES14" s="332">
        <v>0</v>
      </c>
      <c r="ET14" s="327">
        <v>0</v>
      </c>
      <c r="EU14" s="327">
        <v>0</v>
      </c>
      <c r="EV14" s="327">
        <v>0</v>
      </c>
      <c r="EW14" s="327">
        <v>0</v>
      </c>
      <c r="EX14" s="327">
        <v>0</v>
      </c>
      <c r="EY14" s="328">
        <v>0</v>
      </c>
      <c r="EZ14" s="330">
        <v>0</v>
      </c>
      <c r="FA14" s="326">
        <v>0</v>
      </c>
      <c r="FB14" s="327">
        <v>0</v>
      </c>
      <c r="FC14" s="331">
        <v>0</v>
      </c>
      <c r="FD14" s="404">
        <v>0</v>
      </c>
      <c r="FE14" s="327">
        <v>0</v>
      </c>
      <c r="FF14" s="327">
        <v>0</v>
      </c>
      <c r="FG14" s="327">
        <v>0</v>
      </c>
      <c r="FH14" s="327">
        <v>0</v>
      </c>
      <c r="FI14" s="327">
        <v>0</v>
      </c>
      <c r="FJ14" s="328">
        <v>0</v>
      </c>
      <c r="FK14" s="330">
        <v>0</v>
      </c>
      <c r="FL14" s="326">
        <v>117467</v>
      </c>
      <c r="FM14" s="327">
        <v>300895</v>
      </c>
      <c r="FN14" s="328">
        <v>418362</v>
      </c>
      <c r="FO14" s="326">
        <v>0</v>
      </c>
      <c r="FP14" s="327">
        <v>233884</v>
      </c>
      <c r="FQ14" s="327">
        <v>728336</v>
      </c>
      <c r="FR14" s="327">
        <v>696269</v>
      </c>
      <c r="FS14" s="327">
        <v>522634</v>
      </c>
      <c r="FT14" s="327">
        <v>374878</v>
      </c>
      <c r="FU14" s="328">
        <v>2556001</v>
      </c>
      <c r="FV14" s="330">
        <v>2974363</v>
      </c>
      <c r="FW14" s="333">
        <v>75579</v>
      </c>
      <c r="FX14" s="327">
        <v>107135</v>
      </c>
      <c r="FY14" s="331">
        <v>182714</v>
      </c>
      <c r="FZ14" s="332">
        <v>0</v>
      </c>
      <c r="GA14" s="327">
        <v>233884</v>
      </c>
      <c r="GB14" s="327">
        <v>620872</v>
      </c>
      <c r="GC14" s="327">
        <v>519631</v>
      </c>
      <c r="GD14" s="327">
        <v>485534</v>
      </c>
      <c r="GE14" s="327">
        <v>354550</v>
      </c>
      <c r="GF14" s="328">
        <v>2214471</v>
      </c>
      <c r="GG14" s="334">
        <v>2397185</v>
      </c>
      <c r="GH14" s="333">
        <v>0</v>
      </c>
      <c r="GI14" s="327">
        <v>0</v>
      </c>
      <c r="GJ14" s="331">
        <v>0</v>
      </c>
      <c r="GK14" s="332">
        <v>0</v>
      </c>
      <c r="GL14" s="327">
        <v>0</v>
      </c>
      <c r="GM14" s="327">
        <v>56364</v>
      </c>
      <c r="GN14" s="327">
        <v>20328</v>
      </c>
      <c r="GO14" s="327">
        <v>23100</v>
      </c>
      <c r="GP14" s="327">
        <v>20328</v>
      </c>
      <c r="GQ14" s="328">
        <v>120120</v>
      </c>
      <c r="GR14" s="330">
        <v>120120</v>
      </c>
      <c r="GS14" s="326">
        <v>41888</v>
      </c>
      <c r="GT14" s="327">
        <v>193760</v>
      </c>
      <c r="GU14" s="328">
        <v>235648</v>
      </c>
      <c r="GV14" s="326">
        <v>0</v>
      </c>
      <c r="GW14" s="327">
        <v>0</v>
      </c>
      <c r="GX14" s="327">
        <v>51100</v>
      </c>
      <c r="GY14" s="327">
        <v>156310</v>
      </c>
      <c r="GZ14" s="327">
        <v>14000</v>
      </c>
      <c r="HA14" s="327">
        <v>0</v>
      </c>
      <c r="HB14" s="331">
        <v>221410</v>
      </c>
      <c r="HC14" s="330">
        <v>457058</v>
      </c>
      <c r="HD14" s="326">
        <v>200405</v>
      </c>
      <c r="HE14" s="327">
        <v>173497</v>
      </c>
      <c r="HF14" s="331">
        <v>373902</v>
      </c>
      <c r="HG14" s="332">
        <v>0</v>
      </c>
      <c r="HH14" s="327">
        <v>1579328</v>
      </c>
      <c r="HI14" s="327">
        <v>2016506</v>
      </c>
      <c r="HJ14" s="327">
        <v>1062453</v>
      </c>
      <c r="HK14" s="327">
        <v>1859046</v>
      </c>
      <c r="HL14" s="327">
        <v>1130419</v>
      </c>
      <c r="HM14" s="328">
        <v>7647752</v>
      </c>
      <c r="HN14" s="329">
        <v>8021654</v>
      </c>
      <c r="HO14" s="333">
        <v>0</v>
      </c>
      <c r="HP14" s="327">
        <v>0</v>
      </c>
      <c r="HQ14" s="328">
        <v>0</v>
      </c>
      <c r="HR14" s="326">
        <v>0</v>
      </c>
      <c r="HS14" s="327">
        <v>0</v>
      </c>
      <c r="HT14" s="327">
        <v>0</v>
      </c>
      <c r="HU14" s="327">
        <v>0</v>
      </c>
      <c r="HV14" s="327">
        <v>0</v>
      </c>
      <c r="HW14" s="327">
        <v>0</v>
      </c>
      <c r="HX14" s="331">
        <v>0</v>
      </c>
      <c r="HY14" s="330">
        <v>0</v>
      </c>
      <c r="HZ14" s="335">
        <v>0</v>
      </c>
      <c r="IA14" s="336">
        <v>66117</v>
      </c>
      <c r="IB14" s="337">
        <v>66117</v>
      </c>
      <c r="IC14" s="355">
        <v>0</v>
      </c>
      <c r="ID14" s="356">
        <v>1861288</v>
      </c>
      <c r="IE14" s="357">
        <v>1432157</v>
      </c>
      <c r="IF14" s="358">
        <v>1471934</v>
      </c>
      <c r="IG14" s="356">
        <v>1604372</v>
      </c>
      <c r="IH14" s="358">
        <v>457394</v>
      </c>
      <c r="II14" s="359">
        <v>6827145</v>
      </c>
      <c r="IJ14" s="341">
        <v>6893262</v>
      </c>
      <c r="IK14" s="342">
        <v>0</v>
      </c>
      <c r="IL14" s="343">
        <v>0</v>
      </c>
      <c r="IM14" s="344">
        <v>0</v>
      </c>
      <c r="IN14" s="404">
        <v>0</v>
      </c>
      <c r="IO14" s="345">
        <v>0</v>
      </c>
      <c r="IP14" s="345">
        <v>0</v>
      </c>
      <c r="IQ14" s="345">
        <v>0</v>
      </c>
      <c r="IR14" s="345">
        <v>0</v>
      </c>
      <c r="IS14" s="345">
        <v>0</v>
      </c>
      <c r="IT14" s="346">
        <v>0</v>
      </c>
      <c r="IU14" s="347">
        <v>0</v>
      </c>
      <c r="IV14" s="348">
        <v>0</v>
      </c>
      <c r="IW14" s="345">
        <v>0</v>
      </c>
      <c r="IX14" s="349">
        <v>0</v>
      </c>
      <c r="IY14" s="404">
        <v>0</v>
      </c>
      <c r="IZ14" s="345">
        <v>0</v>
      </c>
      <c r="JA14" s="345">
        <v>0</v>
      </c>
      <c r="JB14" s="345">
        <v>0</v>
      </c>
      <c r="JC14" s="345">
        <v>0</v>
      </c>
      <c r="JD14" s="345">
        <v>0</v>
      </c>
      <c r="JE14" s="349">
        <v>0</v>
      </c>
      <c r="JF14" s="350">
        <v>0</v>
      </c>
      <c r="JG14" s="348">
        <v>0</v>
      </c>
      <c r="JH14" s="345">
        <v>0</v>
      </c>
      <c r="JI14" s="346">
        <v>0</v>
      </c>
      <c r="JJ14" s="351">
        <v>0</v>
      </c>
      <c r="JK14" s="345">
        <v>1014955</v>
      </c>
      <c r="JL14" s="345">
        <v>460022</v>
      </c>
      <c r="JM14" s="345">
        <v>306858</v>
      </c>
      <c r="JN14" s="345">
        <v>105049</v>
      </c>
      <c r="JO14" s="345">
        <v>145866</v>
      </c>
      <c r="JP14" s="349">
        <v>2032750</v>
      </c>
      <c r="JQ14" s="347">
        <v>2032750</v>
      </c>
      <c r="JR14" s="348">
        <v>0</v>
      </c>
      <c r="JS14" s="345">
        <v>0</v>
      </c>
      <c r="JT14" s="346">
        <v>0</v>
      </c>
      <c r="JU14" s="351">
        <v>0</v>
      </c>
      <c r="JV14" s="345">
        <v>0</v>
      </c>
      <c r="JW14" s="345">
        <v>0</v>
      </c>
      <c r="JX14" s="345">
        <v>0</v>
      </c>
      <c r="JY14" s="345">
        <v>0</v>
      </c>
      <c r="JZ14" s="345">
        <v>101749</v>
      </c>
      <c r="KA14" s="349">
        <v>101749</v>
      </c>
      <c r="KB14" s="347">
        <v>101749</v>
      </c>
      <c r="KC14" s="352">
        <v>0</v>
      </c>
      <c r="KD14" s="353">
        <v>66117</v>
      </c>
      <c r="KE14" s="349">
        <v>66117</v>
      </c>
      <c r="KF14" s="351">
        <v>0</v>
      </c>
      <c r="KG14" s="345">
        <v>209009</v>
      </c>
      <c r="KH14" s="345">
        <v>151643</v>
      </c>
      <c r="KI14" s="345">
        <v>214282</v>
      </c>
      <c r="KJ14" s="345">
        <v>231881</v>
      </c>
      <c r="KK14" s="345">
        <v>0</v>
      </c>
      <c r="KL14" s="349">
        <v>806815</v>
      </c>
      <c r="KM14" s="354">
        <v>872932</v>
      </c>
      <c r="KN14" s="342">
        <v>0</v>
      </c>
      <c r="KO14" s="343">
        <v>0</v>
      </c>
      <c r="KP14" s="344">
        <v>0</v>
      </c>
      <c r="KQ14" s="404">
        <v>0</v>
      </c>
      <c r="KR14" s="345">
        <v>637324</v>
      </c>
      <c r="KS14" s="345">
        <v>663037</v>
      </c>
      <c r="KT14" s="345">
        <v>763582</v>
      </c>
      <c r="KU14" s="345">
        <v>473001</v>
      </c>
      <c r="KV14" s="345">
        <v>0</v>
      </c>
      <c r="KW14" s="349">
        <v>2536944</v>
      </c>
      <c r="KX14" s="347">
        <v>2536944</v>
      </c>
      <c r="KY14" s="348">
        <v>0</v>
      </c>
      <c r="KZ14" s="345">
        <v>0</v>
      </c>
      <c r="LA14" s="349">
        <v>0</v>
      </c>
      <c r="LB14" s="404">
        <v>0</v>
      </c>
      <c r="LC14" s="345">
        <v>0</v>
      </c>
      <c r="LD14" s="345">
        <v>0</v>
      </c>
      <c r="LE14" s="345">
        <v>187212</v>
      </c>
      <c r="LF14" s="345">
        <v>252300</v>
      </c>
      <c r="LG14" s="345">
        <v>209779</v>
      </c>
      <c r="LH14" s="349">
        <v>649291</v>
      </c>
      <c r="LI14" s="350">
        <v>649291</v>
      </c>
      <c r="LJ14" s="348">
        <v>0</v>
      </c>
      <c r="LK14" s="345">
        <v>0</v>
      </c>
      <c r="LL14" s="349">
        <v>0</v>
      </c>
      <c r="LM14" s="404">
        <v>0</v>
      </c>
      <c r="LN14" s="345">
        <v>0</v>
      </c>
      <c r="LO14" s="345">
        <v>0</v>
      </c>
      <c r="LP14" s="345">
        <v>0</v>
      </c>
      <c r="LQ14" s="345">
        <v>288194</v>
      </c>
      <c r="LR14" s="345">
        <v>0</v>
      </c>
      <c r="LS14" s="349">
        <v>288194</v>
      </c>
      <c r="LT14" s="347">
        <v>288194</v>
      </c>
      <c r="LU14" s="348">
        <v>0</v>
      </c>
      <c r="LV14" s="345">
        <v>0</v>
      </c>
      <c r="LW14" s="349">
        <v>0</v>
      </c>
      <c r="LX14" s="404">
        <v>0</v>
      </c>
      <c r="LY14" s="345">
        <v>0</v>
      </c>
      <c r="LZ14" s="345">
        <v>157455</v>
      </c>
      <c r="MA14" s="345">
        <v>0</v>
      </c>
      <c r="MB14" s="345">
        <v>253947</v>
      </c>
      <c r="MC14" s="345">
        <v>0</v>
      </c>
      <c r="MD14" s="349">
        <v>411402</v>
      </c>
      <c r="ME14" s="350">
        <v>411402</v>
      </c>
      <c r="MF14" s="348">
        <v>0</v>
      </c>
      <c r="MG14" s="345">
        <v>0</v>
      </c>
      <c r="MH14" s="349">
        <v>0</v>
      </c>
      <c r="MI14" s="404">
        <v>0</v>
      </c>
      <c r="MJ14" s="345">
        <v>378448</v>
      </c>
      <c r="MK14" s="345">
        <v>1013979</v>
      </c>
      <c r="ML14" s="345">
        <v>2763861</v>
      </c>
      <c r="MM14" s="345">
        <v>3026581</v>
      </c>
      <c r="MN14" s="345">
        <v>2450905</v>
      </c>
      <c r="MO14" s="349">
        <v>9633774</v>
      </c>
      <c r="MP14" s="354">
        <v>9633774</v>
      </c>
      <c r="MQ14" s="348">
        <v>0</v>
      </c>
      <c r="MR14" s="345">
        <v>0</v>
      </c>
      <c r="MS14" s="349">
        <v>0</v>
      </c>
      <c r="MT14" s="404">
        <v>0</v>
      </c>
      <c r="MU14" s="345">
        <v>0</v>
      </c>
      <c r="MV14" s="345">
        <v>217196</v>
      </c>
      <c r="MW14" s="345">
        <v>1328168</v>
      </c>
      <c r="MX14" s="345">
        <v>1717644</v>
      </c>
      <c r="MY14" s="345">
        <v>2161458</v>
      </c>
      <c r="MZ14" s="349">
        <v>5424466</v>
      </c>
      <c r="NA14" s="354">
        <v>5424466</v>
      </c>
      <c r="NB14" s="348">
        <v>0</v>
      </c>
      <c r="NC14" s="345">
        <v>0</v>
      </c>
      <c r="ND14" s="349">
        <v>0</v>
      </c>
      <c r="NE14" s="404">
        <v>0</v>
      </c>
      <c r="NF14" s="345">
        <v>378448</v>
      </c>
      <c r="NG14" s="345">
        <v>796783</v>
      </c>
      <c r="NH14" s="345">
        <v>1435693</v>
      </c>
      <c r="NI14" s="345">
        <v>1308937</v>
      </c>
      <c r="NJ14" s="345">
        <v>289447</v>
      </c>
      <c r="NK14" s="349">
        <v>4209308</v>
      </c>
      <c r="NL14" s="347">
        <v>4209308</v>
      </c>
      <c r="NM14" s="348">
        <v>0</v>
      </c>
      <c r="NN14" s="345">
        <v>0</v>
      </c>
      <c r="NO14" s="349">
        <v>0</v>
      </c>
      <c r="NP14" s="404">
        <v>0</v>
      </c>
      <c r="NQ14" s="345">
        <v>0</v>
      </c>
      <c r="NR14" s="345">
        <v>0</v>
      </c>
      <c r="NS14" s="345">
        <v>0</v>
      </c>
      <c r="NT14" s="345">
        <v>0</v>
      </c>
      <c r="NU14" s="345">
        <v>0</v>
      </c>
      <c r="NV14" s="349">
        <v>0</v>
      </c>
      <c r="NW14" s="350">
        <v>0</v>
      </c>
      <c r="NX14" s="348">
        <v>0</v>
      </c>
      <c r="NY14" s="345">
        <v>0</v>
      </c>
      <c r="NZ14" s="349">
        <v>0</v>
      </c>
      <c r="OA14" s="404">
        <v>0</v>
      </c>
      <c r="OB14" s="345">
        <v>0</v>
      </c>
      <c r="OC14" s="345">
        <v>0</v>
      </c>
      <c r="OD14" s="345">
        <v>0</v>
      </c>
      <c r="OE14" s="345">
        <v>0</v>
      </c>
      <c r="OF14" s="345">
        <v>0</v>
      </c>
      <c r="OG14" s="349">
        <v>0</v>
      </c>
      <c r="OH14" s="350">
        <v>0</v>
      </c>
      <c r="OI14" s="348">
        <v>525713</v>
      </c>
      <c r="OJ14" s="345">
        <v>818524</v>
      </c>
      <c r="OK14" s="346">
        <v>1344237</v>
      </c>
      <c r="OL14" s="351">
        <v>0</v>
      </c>
      <c r="OM14" s="345">
        <v>7415622</v>
      </c>
      <c r="ON14" s="345">
        <v>9445335</v>
      </c>
      <c r="OO14" s="345">
        <v>11848316</v>
      </c>
      <c r="OP14" s="345">
        <v>10581290</v>
      </c>
      <c r="OQ14" s="345">
        <v>8728056</v>
      </c>
      <c r="OR14" s="349">
        <v>48018619</v>
      </c>
      <c r="OS14" s="354">
        <v>49362856</v>
      </c>
    </row>
    <row r="15" spans="2:409" s="70" customFormat="1" ht="21" customHeight="1" x14ac:dyDescent="0.2">
      <c r="B15" s="106" t="s">
        <v>9</v>
      </c>
      <c r="C15" s="326">
        <v>1433893</v>
      </c>
      <c r="D15" s="327">
        <v>1981495</v>
      </c>
      <c r="E15" s="328">
        <v>3415388</v>
      </c>
      <c r="F15" s="332">
        <v>0</v>
      </c>
      <c r="G15" s="327">
        <v>11517368</v>
      </c>
      <c r="H15" s="327">
        <v>13859881</v>
      </c>
      <c r="I15" s="327">
        <v>13568892</v>
      </c>
      <c r="J15" s="327">
        <v>12867476</v>
      </c>
      <c r="K15" s="327">
        <v>10008111</v>
      </c>
      <c r="L15" s="329">
        <v>61821728</v>
      </c>
      <c r="M15" s="330">
        <v>65237116</v>
      </c>
      <c r="N15" s="326">
        <v>397443</v>
      </c>
      <c r="O15" s="327">
        <v>476096</v>
      </c>
      <c r="P15" s="328">
        <v>873539</v>
      </c>
      <c r="Q15" s="326">
        <v>0</v>
      </c>
      <c r="R15" s="327">
        <v>4628222</v>
      </c>
      <c r="S15" s="327">
        <v>5237805</v>
      </c>
      <c r="T15" s="327">
        <v>4999828</v>
      </c>
      <c r="U15" s="327">
        <v>5987265</v>
      </c>
      <c r="V15" s="327">
        <v>5413346</v>
      </c>
      <c r="W15" s="328">
        <v>26266466</v>
      </c>
      <c r="X15" s="330">
        <v>27140005</v>
      </c>
      <c r="Y15" s="326">
        <v>0</v>
      </c>
      <c r="Z15" s="327">
        <v>0</v>
      </c>
      <c r="AA15" s="328">
        <v>0</v>
      </c>
      <c r="AB15" s="326">
        <v>0</v>
      </c>
      <c r="AC15" s="327">
        <v>1903027</v>
      </c>
      <c r="AD15" s="327">
        <v>1802496</v>
      </c>
      <c r="AE15" s="327">
        <v>2898052</v>
      </c>
      <c r="AF15" s="327">
        <v>3489539</v>
      </c>
      <c r="AG15" s="327">
        <v>3430270</v>
      </c>
      <c r="AH15" s="328">
        <v>13523384</v>
      </c>
      <c r="AI15" s="330">
        <v>13523384</v>
      </c>
      <c r="AJ15" s="326">
        <v>0</v>
      </c>
      <c r="AK15" s="327">
        <v>0</v>
      </c>
      <c r="AL15" s="328">
        <v>0</v>
      </c>
      <c r="AM15" s="326">
        <v>0</v>
      </c>
      <c r="AN15" s="327">
        <v>55257</v>
      </c>
      <c r="AO15" s="327">
        <v>0</v>
      </c>
      <c r="AP15" s="327">
        <v>55257</v>
      </c>
      <c r="AQ15" s="327">
        <v>426168</v>
      </c>
      <c r="AR15" s="327">
        <v>340164</v>
      </c>
      <c r="AS15" s="328">
        <v>876846</v>
      </c>
      <c r="AT15" s="330">
        <v>876846</v>
      </c>
      <c r="AU15" s="326">
        <v>205149</v>
      </c>
      <c r="AV15" s="327">
        <v>364047</v>
      </c>
      <c r="AW15" s="328">
        <v>569196</v>
      </c>
      <c r="AX15" s="326">
        <v>0</v>
      </c>
      <c r="AY15" s="327">
        <v>1833159</v>
      </c>
      <c r="AZ15" s="327">
        <v>2313947</v>
      </c>
      <c r="BA15" s="327">
        <v>1235648</v>
      </c>
      <c r="BB15" s="327">
        <v>1102379</v>
      </c>
      <c r="BC15" s="327">
        <v>997304</v>
      </c>
      <c r="BD15" s="328">
        <v>7482437</v>
      </c>
      <c r="BE15" s="330">
        <v>8051633</v>
      </c>
      <c r="BF15" s="326">
        <v>0</v>
      </c>
      <c r="BG15" s="327">
        <v>0</v>
      </c>
      <c r="BH15" s="331">
        <v>0</v>
      </c>
      <c r="BI15" s="332">
        <v>0</v>
      </c>
      <c r="BJ15" s="327">
        <v>74759</v>
      </c>
      <c r="BK15" s="327">
        <v>307962</v>
      </c>
      <c r="BL15" s="327">
        <v>77460</v>
      </c>
      <c r="BM15" s="327">
        <v>155100</v>
      </c>
      <c r="BN15" s="327">
        <v>103808</v>
      </c>
      <c r="BO15" s="328">
        <v>719089</v>
      </c>
      <c r="BP15" s="330">
        <v>719089</v>
      </c>
      <c r="BQ15" s="326">
        <v>192294</v>
      </c>
      <c r="BR15" s="327">
        <v>112049</v>
      </c>
      <c r="BS15" s="328">
        <v>304343</v>
      </c>
      <c r="BT15" s="326">
        <v>0</v>
      </c>
      <c r="BU15" s="327">
        <v>762020</v>
      </c>
      <c r="BV15" s="327">
        <v>813400</v>
      </c>
      <c r="BW15" s="327">
        <v>733411</v>
      </c>
      <c r="BX15" s="327">
        <v>814079</v>
      </c>
      <c r="BY15" s="327">
        <v>541800</v>
      </c>
      <c r="BZ15" s="328">
        <v>3664710</v>
      </c>
      <c r="CA15" s="330">
        <v>3969053</v>
      </c>
      <c r="CB15" s="326">
        <v>115924</v>
      </c>
      <c r="CC15" s="327">
        <v>457508</v>
      </c>
      <c r="CD15" s="328">
        <v>573432</v>
      </c>
      <c r="CE15" s="326">
        <v>0</v>
      </c>
      <c r="CF15" s="327">
        <v>2806565</v>
      </c>
      <c r="CG15" s="327">
        <v>2493677</v>
      </c>
      <c r="CH15" s="327">
        <v>1791415</v>
      </c>
      <c r="CI15" s="327">
        <v>1312378</v>
      </c>
      <c r="CJ15" s="327">
        <v>484876</v>
      </c>
      <c r="CK15" s="328">
        <v>8888911</v>
      </c>
      <c r="CL15" s="330">
        <v>9462343</v>
      </c>
      <c r="CM15" s="326">
        <v>0</v>
      </c>
      <c r="CN15" s="327">
        <v>0</v>
      </c>
      <c r="CO15" s="328">
        <v>0</v>
      </c>
      <c r="CP15" s="332">
        <v>0</v>
      </c>
      <c r="CQ15" s="327">
        <v>2272274</v>
      </c>
      <c r="CR15" s="327">
        <v>1950847</v>
      </c>
      <c r="CS15" s="327">
        <v>1150343</v>
      </c>
      <c r="CT15" s="327">
        <v>938775</v>
      </c>
      <c r="CU15" s="327">
        <v>225820</v>
      </c>
      <c r="CV15" s="328">
        <v>6538059</v>
      </c>
      <c r="CW15" s="330">
        <v>6538059</v>
      </c>
      <c r="CX15" s="326">
        <v>115924</v>
      </c>
      <c r="CY15" s="327">
        <v>457508</v>
      </c>
      <c r="CZ15" s="328">
        <v>573432</v>
      </c>
      <c r="DA15" s="326">
        <v>0</v>
      </c>
      <c r="DB15" s="327">
        <v>534291</v>
      </c>
      <c r="DC15" s="327">
        <v>542830</v>
      </c>
      <c r="DD15" s="327">
        <v>641072</v>
      </c>
      <c r="DE15" s="327">
        <v>373603</v>
      </c>
      <c r="DF15" s="327">
        <v>259056</v>
      </c>
      <c r="DG15" s="328">
        <v>2350852</v>
      </c>
      <c r="DH15" s="330">
        <v>2924284</v>
      </c>
      <c r="DI15" s="326">
        <v>38632</v>
      </c>
      <c r="DJ15" s="327">
        <v>0</v>
      </c>
      <c r="DK15" s="331">
        <v>38632</v>
      </c>
      <c r="DL15" s="332">
        <v>0</v>
      </c>
      <c r="DM15" s="327">
        <v>286827</v>
      </c>
      <c r="DN15" s="327">
        <v>636685</v>
      </c>
      <c r="DO15" s="327">
        <v>1242287</v>
      </c>
      <c r="DP15" s="327">
        <v>575091</v>
      </c>
      <c r="DQ15" s="327">
        <v>143615</v>
      </c>
      <c r="DR15" s="328">
        <v>2884505</v>
      </c>
      <c r="DS15" s="330">
        <v>2923137</v>
      </c>
      <c r="DT15" s="326">
        <v>38632</v>
      </c>
      <c r="DU15" s="327">
        <v>0</v>
      </c>
      <c r="DV15" s="328">
        <v>38632</v>
      </c>
      <c r="DW15" s="326">
        <v>0</v>
      </c>
      <c r="DX15" s="327">
        <v>286827</v>
      </c>
      <c r="DY15" s="327">
        <v>431179</v>
      </c>
      <c r="DZ15" s="327">
        <v>953125</v>
      </c>
      <c r="EA15" s="327">
        <v>575091</v>
      </c>
      <c r="EB15" s="327">
        <v>143615</v>
      </c>
      <c r="EC15" s="328">
        <v>2389837</v>
      </c>
      <c r="ED15" s="330">
        <v>2428469</v>
      </c>
      <c r="EE15" s="326">
        <v>0</v>
      </c>
      <c r="EF15" s="331">
        <v>0</v>
      </c>
      <c r="EG15" s="328">
        <v>0</v>
      </c>
      <c r="EH15" s="326">
        <v>0</v>
      </c>
      <c r="EI15" s="327">
        <v>0</v>
      </c>
      <c r="EJ15" s="327">
        <v>205506</v>
      </c>
      <c r="EK15" s="327">
        <v>289162</v>
      </c>
      <c r="EL15" s="327">
        <v>0</v>
      </c>
      <c r="EM15" s="327">
        <v>0</v>
      </c>
      <c r="EN15" s="331">
        <v>494668</v>
      </c>
      <c r="EO15" s="330">
        <v>494668</v>
      </c>
      <c r="EP15" s="326">
        <v>0</v>
      </c>
      <c r="EQ15" s="327">
        <v>0</v>
      </c>
      <c r="ER15" s="331">
        <v>0</v>
      </c>
      <c r="ES15" s="332">
        <v>0</v>
      </c>
      <c r="ET15" s="327">
        <v>0</v>
      </c>
      <c r="EU15" s="327">
        <v>0</v>
      </c>
      <c r="EV15" s="327">
        <v>0</v>
      </c>
      <c r="EW15" s="327">
        <v>0</v>
      </c>
      <c r="EX15" s="327">
        <v>0</v>
      </c>
      <c r="EY15" s="328">
        <v>0</v>
      </c>
      <c r="EZ15" s="330">
        <v>0</v>
      </c>
      <c r="FA15" s="326">
        <v>0</v>
      </c>
      <c r="FB15" s="327">
        <v>0</v>
      </c>
      <c r="FC15" s="331">
        <v>0</v>
      </c>
      <c r="FD15" s="404">
        <v>0</v>
      </c>
      <c r="FE15" s="327">
        <v>0</v>
      </c>
      <c r="FF15" s="327">
        <v>0</v>
      </c>
      <c r="FG15" s="327">
        <v>0</v>
      </c>
      <c r="FH15" s="327">
        <v>0</v>
      </c>
      <c r="FI15" s="327">
        <v>0</v>
      </c>
      <c r="FJ15" s="328">
        <v>0</v>
      </c>
      <c r="FK15" s="330">
        <v>0</v>
      </c>
      <c r="FL15" s="326">
        <v>144711</v>
      </c>
      <c r="FM15" s="327">
        <v>383746</v>
      </c>
      <c r="FN15" s="328">
        <v>528457</v>
      </c>
      <c r="FO15" s="326">
        <v>0</v>
      </c>
      <c r="FP15" s="327">
        <v>1016344</v>
      </c>
      <c r="FQ15" s="327">
        <v>1416905</v>
      </c>
      <c r="FR15" s="327">
        <v>833406</v>
      </c>
      <c r="FS15" s="327">
        <v>823235</v>
      </c>
      <c r="FT15" s="327">
        <v>603778</v>
      </c>
      <c r="FU15" s="328">
        <v>4693668</v>
      </c>
      <c r="FV15" s="330">
        <v>5222125</v>
      </c>
      <c r="FW15" s="333">
        <v>103516</v>
      </c>
      <c r="FX15" s="327">
        <v>191036</v>
      </c>
      <c r="FY15" s="331">
        <v>294552</v>
      </c>
      <c r="FZ15" s="332">
        <v>0</v>
      </c>
      <c r="GA15" s="327">
        <v>748944</v>
      </c>
      <c r="GB15" s="327">
        <v>1215921</v>
      </c>
      <c r="GC15" s="327">
        <v>813106</v>
      </c>
      <c r="GD15" s="327">
        <v>823235</v>
      </c>
      <c r="GE15" s="327">
        <v>580678</v>
      </c>
      <c r="GF15" s="328">
        <v>4181884</v>
      </c>
      <c r="GG15" s="334">
        <v>4476436</v>
      </c>
      <c r="GH15" s="333">
        <v>41195</v>
      </c>
      <c r="GI15" s="327">
        <v>17710</v>
      </c>
      <c r="GJ15" s="331">
        <v>58905</v>
      </c>
      <c r="GK15" s="332">
        <v>0</v>
      </c>
      <c r="GL15" s="327">
        <v>0</v>
      </c>
      <c r="GM15" s="327">
        <v>60984</v>
      </c>
      <c r="GN15" s="327">
        <v>0</v>
      </c>
      <c r="GO15" s="327">
        <v>0</v>
      </c>
      <c r="GP15" s="327">
        <v>23100</v>
      </c>
      <c r="GQ15" s="328">
        <v>84084</v>
      </c>
      <c r="GR15" s="330">
        <v>142989</v>
      </c>
      <c r="GS15" s="326">
        <v>0</v>
      </c>
      <c r="GT15" s="327">
        <v>175000</v>
      </c>
      <c r="GU15" s="328">
        <v>175000</v>
      </c>
      <c r="GV15" s="326">
        <v>0</v>
      </c>
      <c r="GW15" s="327">
        <v>267400</v>
      </c>
      <c r="GX15" s="327">
        <v>140000</v>
      </c>
      <c r="GY15" s="327">
        <v>20300</v>
      </c>
      <c r="GZ15" s="327">
        <v>0</v>
      </c>
      <c r="HA15" s="327">
        <v>0</v>
      </c>
      <c r="HB15" s="331">
        <v>427700</v>
      </c>
      <c r="HC15" s="330">
        <v>602700</v>
      </c>
      <c r="HD15" s="326">
        <v>737183</v>
      </c>
      <c r="HE15" s="327">
        <v>664145</v>
      </c>
      <c r="HF15" s="331">
        <v>1401328</v>
      </c>
      <c r="HG15" s="332">
        <v>0</v>
      </c>
      <c r="HH15" s="327">
        <v>2779410</v>
      </c>
      <c r="HI15" s="327">
        <v>4074809</v>
      </c>
      <c r="HJ15" s="327">
        <v>4701956</v>
      </c>
      <c r="HK15" s="327">
        <v>4169507</v>
      </c>
      <c r="HL15" s="327">
        <v>3362496</v>
      </c>
      <c r="HM15" s="328">
        <v>19088178</v>
      </c>
      <c r="HN15" s="329">
        <v>20489506</v>
      </c>
      <c r="HO15" s="333">
        <v>0</v>
      </c>
      <c r="HP15" s="327">
        <v>0</v>
      </c>
      <c r="HQ15" s="328">
        <v>0</v>
      </c>
      <c r="HR15" s="326">
        <v>0</v>
      </c>
      <c r="HS15" s="327">
        <v>0</v>
      </c>
      <c r="HT15" s="327">
        <v>0</v>
      </c>
      <c r="HU15" s="327">
        <v>0</v>
      </c>
      <c r="HV15" s="327">
        <v>0</v>
      </c>
      <c r="HW15" s="327">
        <v>0</v>
      </c>
      <c r="HX15" s="331">
        <v>0</v>
      </c>
      <c r="HY15" s="330">
        <v>0</v>
      </c>
      <c r="HZ15" s="360">
        <v>0</v>
      </c>
      <c r="IA15" s="361">
        <v>67523</v>
      </c>
      <c r="IB15" s="362">
        <v>67523</v>
      </c>
      <c r="IC15" s="338">
        <v>0</v>
      </c>
      <c r="ID15" s="336">
        <v>1473069</v>
      </c>
      <c r="IE15" s="339">
        <v>1871900</v>
      </c>
      <c r="IF15" s="337">
        <v>3305783</v>
      </c>
      <c r="IG15" s="336">
        <v>2311156</v>
      </c>
      <c r="IH15" s="337">
        <v>1580055</v>
      </c>
      <c r="II15" s="340">
        <v>10541963</v>
      </c>
      <c r="IJ15" s="363">
        <v>10609486</v>
      </c>
      <c r="IK15" s="342">
        <v>0</v>
      </c>
      <c r="IL15" s="343">
        <v>0</v>
      </c>
      <c r="IM15" s="344">
        <v>0</v>
      </c>
      <c r="IN15" s="404">
        <v>0</v>
      </c>
      <c r="IO15" s="345">
        <v>0</v>
      </c>
      <c r="IP15" s="345">
        <v>111321</v>
      </c>
      <c r="IQ15" s="345">
        <v>0</v>
      </c>
      <c r="IR15" s="345">
        <v>196383</v>
      </c>
      <c r="IS15" s="345">
        <v>0</v>
      </c>
      <c r="IT15" s="346">
        <v>307704</v>
      </c>
      <c r="IU15" s="347">
        <v>307704</v>
      </c>
      <c r="IV15" s="348">
        <v>0</v>
      </c>
      <c r="IW15" s="345">
        <v>0</v>
      </c>
      <c r="IX15" s="349">
        <v>0</v>
      </c>
      <c r="IY15" s="404">
        <v>0</v>
      </c>
      <c r="IZ15" s="345">
        <v>0</v>
      </c>
      <c r="JA15" s="345">
        <v>0</v>
      </c>
      <c r="JB15" s="345">
        <v>0</v>
      </c>
      <c r="JC15" s="345">
        <v>0</v>
      </c>
      <c r="JD15" s="345">
        <v>0</v>
      </c>
      <c r="JE15" s="349">
        <v>0</v>
      </c>
      <c r="JF15" s="350">
        <v>0</v>
      </c>
      <c r="JG15" s="348">
        <v>0</v>
      </c>
      <c r="JH15" s="345">
        <v>0</v>
      </c>
      <c r="JI15" s="346">
        <v>0</v>
      </c>
      <c r="JJ15" s="351">
        <v>0</v>
      </c>
      <c r="JK15" s="345">
        <v>919759</v>
      </c>
      <c r="JL15" s="345">
        <v>1197372</v>
      </c>
      <c r="JM15" s="345">
        <v>1390967</v>
      </c>
      <c r="JN15" s="345">
        <v>688887</v>
      </c>
      <c r="JO15" s="345">
        <v>297556</v>
      </c>
      <c r="JP15" s="349">
        <v>4494541</v>
      </c>
      <c r="JQ15" s="347">
        <v>4494541</v>
      </c>
      <c r="JR15" s="348">
        <v>0</v>
      </c>
      <c r="JS15" s="345">
        <v>0</v>
      </c>
      <c r="JT15" s="346">
        <v>0</v>
      </c>
      <c r="JU15" s="351">
        <v>0</v>
      </c>
      <c r="JV15" s="345">
        <v>0</v>
      </c>
      <c r="JW15" s="345">
        <v>0</v>
      </c>
      <c r="JX15" s="345">
        <v>155751</v>
      </c>
      <c r="JY15" s="345">
        <v>0</v>
      </c>
      <c r="JZ15" s="345">
        <v>0</v>
      </c>
      <c r="KA15" s="349">
        <v>155751</v>
      </c>
      <c r="KB15" s="347">
        <v>155751</v>
      </c>
      <c r="KC15" s="352">
        <v>0</v>
      </c>
      <c r="KD15" s="353">
        <v>67523</v>
      </c>
      <c r="KE15" s="349">
        <v>67523</v>
      </c>
      <c r="KF15" s="351">
        <v>0</v>
      </c>
      <c r="KG15" s="345">
        <v>428148</v>
      </c>
      <c r="KH15" s="345">
        <v>0</v>
      </c>
      <c r="KI15" s="345">
        <v>201199</v>
      </c>
      <c r="KJ15" s="345">
        <v>0</v>
      </c>
      <c r="KK15" s="345">
        <v>239831</v>
      </c>
      <c r="KL15" s="349">
        <v>869178</v>
      </c>
      <c r="KM15" s="354">
        <v>936701</v>
      </c>
      <c r="KN15" s="342">
        <v>0</v>
      </c>
      <c r="KO15" s="343">
        <v>0</v>
      </c>
      <c r="KP15" s="344">
        <v>0</v>
      </c>
      <c r="KQ15" s="404">
        <v>0</v>
      </c>
      <c r="KR15" s="345">
        <v>0</v>
      </c>
      <c r="KS15" s="345">
        <v>227815</v>
      </c>
      <c r="KT15" s="345">
        <v>1376985</v>
      </c>
      <c r="KU15" s="345">
        <v>1425886</v>
      </c>
      <c r="KV15" s="345">
        <v>242550</v>
      </c>
      <c r="KW15" s="349">
        <v>3273236</v>
      </c>
      <c r="KX15" s="347">
        <v>3273236</v>
      </c>
      <c r="KY15" s="348">
        <v>0</v>
      </c>
      <c r="KZ15" s="345">
        <v>0</v>
      </c>
      <c r="LA15" s="349">
        <v>0</v>
      </c>
      <c r="LB15" s="404">
        <v>0</v>
      </c>
      <c r="LC15" s="345">
        <v>0</v>
      </c>
      <c r="LD15" s="345">
        <v>162416</v>
      </c>
      <c r="LE15" s="345">
        <v>180881</v>
      </c>
      <c r="LF15" s="345">
        <v>0</v>
      </c>
      <c r="LG15" s="345">
        <v>215981</v>
      </c>
      <c r="LH15" s="349">
        <v>559278</v>
      </c>
      <c r="LI15" s="350">
        <v>559278</v>
      </c>
      <c r="LJ15" s="348">
        <v>0</v>
      </c>
      <c r="LK15" s="345">
        <v>0</v>
      </c>
      <c r="LL15" s="349">
        <v>0</v>
      </c>
      <c r="LM15" s="404">
        <v>0</v>
      </c>
      <c r="LN15" s="345">
        <v>0</v>
      </c>
      <c r="LO15" s="345">
        <v>0</v>
      </c>
      <c r="LP15" s="345">
        <v>0</v>
      </c>
      <c r="LQ15" s="345">
        <v>0</v>
      </c>
      <c r="LR15" s="345">
        <v>0</v>
      </c>
      <c r="LS15" s="349">
        <v>0</v>
      </c>
      <c r="LT15" s="347">
        <v>0</v>
      </c>
      <c r="LU15" s="348">
        <v>0</v>
      </c>
      <c r="LV15" s="345">
        <v>0</v>
      </c>
      <c r="LW15" s="349">
        <v>0</v>
      </c>
      <c r="LX15" s="404">
        <v>0</v>
      </c>
      <c r="LY15" s="345">
        <v>125162</v>
      </c>
      <c r="LZ15" s="345">
        <v>172976</v>
      </c>
      <c r="MA15" s="345">
        <v>0</v>
      </c>
      <c r="MB15" s="345">
        <v>0</v>
      </c>
      <c r="MC15" s="345">
        <v>584137</v>
      </c>
      <c r="MD15" s="349">
        <v>882275</v>
      </c>
      <c r="ME15" s="350">
        <v>882275</v>
      </c>
      <c r="MF15" s="348">
        <v>0</v>
      </c>
      <c r="MG15" s="345">
        <v>0</v>
      </c>
      <c r="MH15" s="349">
        <v>0</v>
      </c>
      <c r="MI15" s="404">
        <v>0</v>
      </c>
      <c r="MJ15" s="345">
        <v>552134</v>
      </c>
      <c r="MK15" s="345">
        <v>1258087</v>
      </c>
      <c r="ML15" s="345">
        <v>4197401</v>
      </c>
      <c r="MM15" s="345">
        <v>6598604</v>
      </c>
      <c r="MN15" s="345">
        <v>5292379</v>
      </c>
      <c r="MO15" s="349">
        <v>17898605</v>
      </c>
      <c r="MP15" s="354">
        <v>17898605</v>
      </c>
      <c r="MQ15" s="348">
        <v>0</v>
      </c>
      <c r="MR15" s="345">
        <v>0</v>
      </c>
      <c r="MS15" s="349">
        <v>0</v>
      </c>
      <c r="MT15" s="404">
        <v>0</v>
      </c>
      <c r="MU15" s="345">
        <v>0</v>
      </c>
      <c r="MV15" s="345">
        <v>0</v>
      </c>
      <c r="MW15" s="345">
        <v>2540292</v>
      </c>
      <c r="MX15" s="345">
        <v>5771374</v>
      </c>
      <c r="MY15" s="345">
        <v>3445252</v>
      </c>
      <c r="MZ15" s="349">
        <v>11756918</v>
      </c>
      <c r="NA15" s="354">
        <v>11756918</v>
      </c>
      <c r="NB15" s="348">
        <v>0</v>
      </c>
      <c r="NC15" s="345">
        <v>0</v>
      </c>
      <c r="ND15" s="349">
        <v>0</v>
      </c>
      <c r="NE15" s="404">
        <v>0</v>
      </c>
      <c r="NF15" s="345">
        <v>552134</v>
      </c>
      <c r="NG15" s="345">
        <v>1258087</v>
      </c>
      <c r="NH15" s="345">
        <v>1657109</v>
      </c>
      <c r="NI15" s="345">
        <v>827230</v>
      </c>
      <c r="NJ15" s="345">
        <v>1847127</v>
      </c>
      <c r="NK15" s="349">
        <v>6141687</v>
      </c>
      <c r="NL15" s="347">
        <v>6141687</v>
      </c>
      <c r="NM15" s="348">
        <v>0</v>
      </c>
      <c r="NN15" s="345">
        <v>0</v>
      </c>
      <c r="NO15" s="349">
        <v>0</v>
      </c>
      <c r="NP15" s="404">
        <v>0</v>
      </c>
      <c r="NQ15" s="345">
        <v>0</v>
      </c>
      <c r="NR15" s="345">
        <v>0</v>
      </c>
      <c r="NS15" s="345">
        <v>0</v>
      </c>
      <c r="NT15" s="345">
        <v>0</v>
      </c>
      <c r="NU15" s="345">
        <v>0</v>
      </c>
      <c r="NV15" s="349">
        <v>0</v>
      </c>
      <c r="NW15" s="350">
        <v>0</v>
      </c>
      <c r="NX15" s="348">
        <v>0</v>
      </c>
      <c r="NY15" s="345">
        <v>0</v>
      </c>
      <c r="NZ15" s="349">
        <v>0</v>
      </c>
      <c r="OA15" s="404">
        <v>0</v>
      </c>
      <c r="OB15" s="345">
        <v>0</v>
      </c>
      <c r="OC15" s="345">
        <v>0</v>
      </c>
      <c r="OD15" s="345">
        <v>0</v>
      </c>
      <c r="OE15" s="345">
        <v>0</v>
      </c>
      <c r="OF15" s="345">
        <v>0</v>
      </c>
      <c r="OG15" s="349">
        <v>0</v>
      </c>
      <c r="OH15" s="350">
        <v>0</v>
      </c>
      <c r="OI15" s="348">
        <v>1433893</v>
      </c>
      <c r="OJ15" s="345">
        <v>2049018</v>
      </c>
      <c r="OK15" s="346">
        <v>3482911</v>
      </c>
      <c r="OL15" s="351">
        <v>0</v>
      </c>
      <c r="OM15" s="345">
        <v>13542571</v>
      </c>
      <c r="ON15" s="345">
        <v>16989868</v>
      </c>
      <c r="OO15" s="345">
        <v>21072076</v>
      </c>
      <c r="OP15" s="345">
        <v>21777236</v>
      </c>
      <c r="OQ15" s="345">
        <v>16880545</v>
      </c>
      <c r="OR15" s="349">
        <v>90262296</v>
      </c>
      <c r="OS15" s="354">
        <v>93745207</v>
      </c>
    </row>
    <row r="16" spans="2:409" s="70" customFormat="1" ht="21" customHeight="1" x14ac:dyDescent="0.2">
      <c r="B16" s="106" t="s">
        <v>10</v>
      </c>
      <c r="C16" s="326">
        <v>1325782</v>
      </c>
      <c r="D16" s="327">
        <v>2564025</v>
      </c>
      <c r="E16" s="328">
        <v>3889807</v>
      </c>
      <c r="F16" s="364">
        <v>0</v>
      </c>
      <c r="G16" s="327">
        <v>19824244</v>
      </c>
      <c r="H16" s="327">
        <v>16794803</v>
      </c>
      <c r="I16" s="327">
        <v>17342951</v>
      </c>
      <c r="J16" s="327">
        <v>16264355</v>
      </c>
      <c r="K16" s="327">
        <v>11149713</v>
      </c>
      <c r="L16" s="329">
        <v>81376066</v>
      </c>
      <c r="M16" s="330">
        <v>85265873</v>
      </c>
      <c r="N16" s="326">
        <v>399134</v>
      </c>
      <c r="O16" s="327">
        <v>1108484</v>
      </c>
      <c r="P16" s="328">
        <v>1507618</v>
      </c>
      <c r="Q16" s="326">
        <v>0</v>
      </c>
      <c r="R16" s="327">
        <v>6263809</v>
      </c>
      <c r="S16" s="327">
        <v>6477259</v>
      </c>
      <c r="T16" s="327">
        <v>6355571</v>
      </c>
      <c r="U16" s="327">
        <v>7434284</v>
      </c>
      <c r="V16" s="327">
        <v>4779045</v>
      </c>
      <c r="W16" s="328">
        <v>31309968</v>
      </c>
      <c r="X16" s="330">
        <v>32817586</v>
      </c>
      <c r="Y16" s="326">
        <v>0</v>
      </c>
      <c r="Z16" s="327">
        <v>0</v>
      </c>
      <c r="AA16" s="328">
        <v>0</v>
      </c>
      <c r="AB16" s="326">
        <v>0</v>
      </c>
      <c r="AC16" s="327">
        <v>2853578</v>
      </c>
      <c r="AD16" s="327">
        <v>3643300</v>
      </c>
      <c r="AE16" s="327">
        <v>3968175</v>
      </c>
      <c r="AF16" s="327">
        <v>4425090</v>
      </c>
      <c r="AG16" s="327">
        <v>2952279</v>
      </c>
      <c r="AH16" s="328">
        <v>17842422</v>
      </c>
      <c r="AI16" s="330">
        <v>17842422</v>
      </c>
      <c r="AJ16" s="326">
        <v>0</v>
      </c>
      <c r="AK16" s="327">
        <v>0</v>
      </c>
      <c r="AL16" s="328">
        <v>0</v>
      </c>
      <c r="AM16" s="326">
        <v>0</v>
      </c>
      <c r="AN16" s="327">
        <v>0</v>
      </c>
      <c r="AO16" s="327">
        <v>125056</v>
      </c>
      <c r="AP16" s="327">
        <v>150954</v>
      </c>
      <c r="AQ16" s="327">
        <v>300519</v>
      </c>
      <c r="AR16" s="327">
        <v>292107</v>
      </c>
      <c r="AS16" s="328">
        <v>868636</v>
      </c>
      <c r="AT16" s="330">
        <v>868636</v>
      </c>
      <c r="AU16" s="326">
        <v>253821</v>
      </c>
      <c r="AV16" s="327">
        <v>835331</v>
      </c>
      <c r="AW16" s="328">
        <v>1089152</v>
      </c>
      <c r="AX16" s="326">
        <v>0</v>
      </c>
      <c r="AY16" s="327">
        <v>2101457</v>
      </c>
      <c r="AZ16" s="327">
        <v>1610746</v>
      </c>
      <c r="BA16" s="327">
        <v>1059989</v>
      </c>
      <c r="BB16" s="327">
        <v>1617024</v>
      </c>
      <c r="BC16" s="327">
        <v>589518</v>
      </c>
      <c r="BD16" s="328">
        <v>6978734</v>
      </c>
      <c r="BE16" s="330">
        <v>8067886</v>
      </c>
      <c r="BF16" s="326">
        <v>4536</v>
      </c>
      <c r="BG16" s="327">
        <v>83929</v>
      </c>
      <c r="BH16" s="331">
        <v>88465</v>
      </c>
      <c r="BI16" s="332">
        <v>0</v>
      </c>
      <c r="BJ16" s="327">
        <v>253006</v>
      </c>
      <c r="BK16" s="327">
        <v>179596</v>
      </c>
      <c r="BL16" s="327">
        <v>49068</v>
      </c>
      <c r="BM16" s="327">
        <v>127961</v>
      </c>
      <c r="BN16" s="327">
        <v>46502</v>
      </c>
      <c r="BO16" s="328">
        <v>656133</v>
      </c>
      <c r="BP16" s="330">
        <v>744598</v>
      </c>
      <c r="BQ16" s="326">
        <v>140777</v>
      </c>
      <c r="BR16" s="327">
        <v>189224</v>
      </c>
      <c r="BS16" s="328">
        <v>330001</v>
      </c>
      <c r="BT16" s="326">
        <v>0</v>
      </c>
      <c r="BU16" s="327">
        <v>1055768</v>
      </c>
      <c r="BV16" s="327">
        <v>918561</v>
      </c>
      <c r="BW16" s="327">
        <v>1127385</v>
      </c>
      <c r="BX16" s="327">
        <v>963690</v>
      </c>
      <c r="BY16" s="327">
        <v>898639</v>
      </c>
      <c r="BZ16" s="328">
        <v>4964043</v>
      </c>
      <c r="CA16" s="330">
        <v>5294044</v>
      </c>
      <c r="CB16" s="326">
        <v>90414</v>
      </c>
      <c r="CC16" s="327">
        <v>101207</v>
      </c>
      <c r="CD16" s="328">
        <v>191621</v>
      </c>
      <c r="CE16" s="326">
        <v>0</v>
      </c>
      <c r="CF16" s="327">
        <v>6729708</v>
      </c>
      <c r="CG16" s="327">
        <v>3268474</v>
      </c>
      <c r="CH16" s="327">
        <v>3805870</v>
      </c>
      <c r="CI16" s="327">
        <v>2029324</v>
      </c>
      <c r="CJ16" s="327">
        <v>850837</v>
      </c>
      <c r="CK16" s="328">
        <v>16684213</v>
      </c>
      <c r="CL16" s="330">
        <v>16875834</v>
      </c>
      <c r="CM16" s="326">
        <v>0</v>
      </c>
      <c r="CN16" s="327">
        <v>0</v>
      </c>
      <c r="CO16" s="328">
        <v>0</v>
      </c>
      <c r="CP16" s="332">
        <v>0</v>
      </c>
      <c r="CQ16" s="327">
        <v>5726631</v>
      </c>
      <c r="CR16" s="327">
        <v>2597914</v>
      </c>
      <c r="CS16" s="327">
        <v>2903689</v>
      </c>
      <c r="CT16" s="327">
        <v>1738228</v>
      </c>
      <c r="CU16" s="327">
        <v>771554</v>
      </c>
      <c r="CV16" s="328">
        <v>13738016</v>
      </c>
      <c r="CW16" s="330">
        <v>13738016</v>
      </c>
      <c r="CX16" s="326">
        <v>90414</v>
      </c>
      <c r="CY16" s="327">
        <v>101207</v>
      </c>
      <c r="CZ16" s="328">
        <v>191621</v>
      </c>
      <c r="DA16" s="326">
        <v>0</v>
      </c>
      <c r="DB16" s="327">
        <v>1003077</v>
      </c>
      <c r="DC16" s="327">
        <v>670560</v>
      </c>
      <c r="DD16" s="327">
        <v>902181</v>
      </c>
      <c r="DE16" s="327">
        <v>291096</v>
      </c>
      <c r="DF16" s="327">
        <v>79283</v>
      </c>
      <c r="DG16" s="328">
        <v>2946197</v>
      </c>
      <c r="DH16" s="330">
        <v>3137818</v>
      </c>
      <c r="DI16" s="326">
        <v>0</v>
      </c>
      <c r="DJ16" s="327">
        <v>45621</v>
      </c>
      <c r="DK16" s="331">
        <v>45621</v>
      </c>
      <c r="DL16" s="332">
        <v>0</v>
      </c>
      <c r="DM16" s="327">
        <v>584252</v>
      </c>
      <c r="DN16" s="327">
        <v>1198535</v>
      </c>
      <c r="DO16" s="327">
        <v>888708</v>
      </c>
      <c r="DP16" s="327">
        <v>865781</v>
      </c>
      <c r="DQ16" s="327">
        <v>438451</v>
      </c>
      <c r="DR16" s="328">
        <v>3975727</v>
      </c>
      <c r="DS16" s="330">
        <v>4021348</v>
      </c>
      <c r="DT16" s="326">
        <v>0</v>
      </c>
      <c r="DU16" s="327">
        <v>45621</v>
      </c>
      <c r="DV16" s="328">
        <v>45621</v>
      </c>
      <c r="DW16" s="326">
        <v>0</v>
      </c>
      <c r="DX16" s="327">
        <v>584252</v>
      </c>
      <c r="DY16" s="327">
        <v>1103773</v>
      </c>
      <c r="DZ16" s="327">
        <v>888708</v>
      </c>
      <c r="EA16" s="327">
        <v>665904</v>
      </c>
      <c r="EB16" s="327">
        <v>376993</v>
      </c>
      <c r="EC16" s="328">
        <v>3619630</v>
      </c>
      <c r="ED16" s="330">
        <v>3665251</v>
      </c>
      <c r="EE16" s="326">
        <v>0</v>
      </c>
      <c r="EF16" s="331">
        <v>0</v>
      </c>
      <c r="EG16" s="328">
        <v>0</v>
      </c>
      <c r="EH16" s="326">
        <v>0</v>
      </c>
      <c r="EI16" s="327">
        <v>0</v>
      </c>
      <c r="EJ16" s="327">
        <v>94762</v>
      </c>
      <c r="EK16" s="327">
        <v>0</v>
      </c>
      <c r="EL16" s="327">
        <v>199877</v>
      </c>
      <c r="EM16" s="327">
        <v>61458</v>
      </c>
      <c r="EN16" s="331">
        <v>356097</v>
      </c>
      <c r="EO16" s="330">
        <v>356097</v>
      </c>
      <c r="EP16" s="326">
        <v>0</v>
      </c>
      <c r="EQ16" s="327">
        <v>0</v>
      </c>
      <c r="ER16" s="331">
        <v>0</v>
      </c>
      <c r="ES16" s="332">
        <v>0</v>
      </c>
      <c r="ET16" s="327">
        <v>0</v>
      </c>
      <c r="EU16" s="327">
        <v>0</v>
      </c>
      <c r="EV16" s="327">
        <v>0</v>
      </c>
      <c r="EW16" s="327">
        <v>0</v>
      </c>
      <c r="EX16" s="327">
        <v>0</v>
      </c>
      <c r="EY16" s="328">
        <v>0</v>
      </c>
      <c r="EZ16" s="330">
        <v>0</v>
      </c>
      <c r="FA16" s="326">
        <v>0</v>
      </c>
      <c r="FB16" s="327">
        <v>0</v>
      </c>
      <c r="FC16" s="331">
        <v>0</v>
      </c>
      <c r="FD16" s="404">
        <v>0</v>
      </c>
      <c r="FE16" s="327">
        <v>0</v>
      </c>
      <c r="FF16" s="327">
        <v>0</v>
      </c>
      <c r="FG16" s="327">
        <v>0</v>
      </c>
      <c r="FH16" s="327">
        <v>0</v>
      </c>
      <c r="FI16" s="327">
        <v>0</v>
      </c>
      <c r="FJ16" s="328">
        <v>0</v>
      </c>
      <c r="FK16" s="330">
        <v>0</v>
      </c>
      <c r="FL16" s="326">
        <v>463337</v>
      </c>
      <c r="FM16" s="327">
        <v>656908</v>
      </c>
      <c r="FN16" s="328">
        <v>1120245</v>
      </c>
      <c r="FO16" s="326">
        <v>0</v>
      </c>
      <c r="FP16" s="327">
        <v>1089431</v>
      </c>
      <c r="FQ16" s="327">
        <v>1568809</v>
      </c>
      <c r="FR16" s="327">
        <v>1191624</v>
      </c>
      <c r="FS16" s="327">
        <v>756686</v>
      </c>
      <c r="FT16" s="327">
        <v>498414</v>
      </c>
      <c r="FU16" s="328">
        <v>5104964</v>
      </c>
      <c r="FV16" s="330">
        <v>6225209</v>
      </c>
      <c r="FW16" s="333">
        <v>237237</v>
      </c>
      <c r="FX16" s="327">
        <v>554974</v>
      </c>
      <c r="FY16" s="331">
        <v>792211</v>
      </c>
      <c r="FZ16" s="332">
        <v>0</v>
      </c>
      <c r="GA16" s="327">
        <v>727741</v>
      </c>
      <c r="GB16" s="327">
        <v>1304811</v>
      </c>
      <c r="GC16" s="327">
        <v>976150</v>
      </c>
      <c r="GD16" s="327">
        <v>744086</v>
      </c>
      <c r="GE16" s="327">
        <v>498414</v>
      </c>
      <c r="GF16" s="328">
        <v>4251202</v>
      </c>
      <c r="GG16" s="334">
        <v>5043413</v>
      </c>
      <c r="GH16" s="333">
        <v>0</v>
      </c>
      <c r="GI16" s="327">
        <v>38304</v>
      </c>
      <c r="GJ16" s="331">
        <v>38304</v>
      </c>
      <c r="GK16" s="332">
        <v>0</v>
      </c>
      <c r="GL16" s="327">
        <v>39844</v>
      </c>
      <c r="GM16" s="327">
        <v>123998</v>
      </c>
      <c r="GN16" s="327">
        <v>50974</v>
      </c>
      <c r="GO16" s="327">
        <v>12600</v>
      </c>
      <c r="GP16" s="327">
        <v>0</v>
      </c>
      <c r="GQ16" s="328">
        <v>227416</v>
      </c>
      <c r="GR16" s="330">
        <v>265720</v>
      </c>
      <c r="GS16" s="326">
        <v>226100</v>
      </c>
      <c r="GT16" s="327">
        <v>63630</v>
      </c>
      <c r="GU16" s="328">
        <v>289730</v>
      </c>
      <c r="GV16" s="326">
        <v>0</v>
      </c>
      <c r="GW16" s="327">
        <v>321846</v>
      </c>
      <c r="GX16" s="327">
        <v>140000</v>
      </c>
      <c r="GY16" s="327">
        <v>164500</v>
      </c>
      <c r="GZ16" s="327">
        <v>0</v>
      </c>
      <c r="HA16" s="327">
        <v>0</v>
      </c>
      <c r="HB16" s="331">
        <v>626346</v>
      </c>
      <c r="HC16" s="330">
        <v>916076</v>
      </c>
      <c r="HD16" s="326">
        <v>372897</v>
      </c>
      <c r="HE16" s="327">
        <v>651805</v>
      </c>
      <c r="HF16" s="331">
        <v>1024702</v>
      </c>
      <c r="HG16" s="332">
        <v>0</v>
      </c>
      <c r="HH16" s="327">
        <v>5157044</v>
      </c>
      <c r="HI16" s="327">
        <v>4281726</v>
      </c>
      <c r="HJ16" s="327">
        <v>5101178</v>
      </c>
      <c r="HK16" s="327">
        <v>5178280</v>
      </c>
      <c r="HL16" s="327">
        <v>4582966</v>
      </c>
      <c r="HM16" s="328">
        <v>24301194</v>
      </c>
      <c r="HN16" s="329">
        <v>25325896</v>
      </c>
      <c r="HO16" s="333">
        <v>0</v>
      </c>
      <c r="HP16" s="327">
        <v>0</v>
      </c>
      <c r="HQ16" s="328">
        <v>0</v>
      </c>
      <c r="HR16" s="326">
        <v>0</v>
      </c>
      <c r="HS16" s="327">
        <v>0</v>
      </c>
      <c r="HT16" s="327">
        <v>0</v>
      </c>
      <c r="HU16" s="327">
        <v>0</v>
      </c>
      <c r="HV16" s="327">
        <v>0</v>
      </c>
      <c r="HW16" s="327">
        <v>0</v>
      </c>
      <c r="HX16" s="331">
        <v>0</v>
      </c>
      <c r="HY16" s="330">
        <v>0</v>
      </c>
      <c r="HZ16" s="358">
        <v>40107</v>
      </c>
      <c r="IA16" s="356">
        <v>72873</v>
      </c>
      <c r="IB16" s="358">
        <v>112980</v>
      </c>
      <c r="IC16" s="355">
        <v>0</v>
      </c>
      <c r="ID16" s="356">
        <v>2736004</v>
      </c>
      <c r="IE16" s="357">
        <v>1720563</v>
      </c>
      <c r="IF16" s="358">
        <v>4520127</v>
      </c>
      <c r="IG16" s="356">
        <v>3030559</v>
      </c>
      <c r="IH16" s="358">
        <v>3669027</v>
      </c>
      <c r="II16" s="359">
        <v>15676280</v>
      </c>
      <c r="IJ16" s="358">
        <v>15789260</v>
      </c>
      <c r="IK16" s="342">
        <v>0</v>
      </c>
      <c r="IL16" s="343">
        <v>0</v>
      </c>
      <c r="IM16" s="344">
        <v>0</v>
      </c>
      <c r="IN16" s="404">
        <v>0</v>
      </c>
      <c r="IO16" s="345">
        <v>-994</v>
      </c>
      <c r="IP16" s="345">
        <v>-97285</v>
      </c>
      <c r="IQ16" s="345">
        <v>328931</v>
      </c>
      <c r="IR16" s="345">
        <v>0</v>
      </c>
      <c r="IS16" s="345">
        <v>750458</v>
      </c>
      <c r="IT16" s="346">
        <v>981110</v>
      </c>
      <c r="IU16" s="347">
        <v>981110</v>
      </c>
      <c r="IV16" s="348">
        <v>0</v>
      </c>
      <c r="IW16" s="345">
        <v>0</v>
      </c>
      <c r="IX16" s="349">
        <v>0</v>
      </c>
      <c r="IY16" s="404">
        <v>0</v>
      </c>
      <c r="IZ16" s="345">
        <v>0</v>
      </c>
      <c r="JA16" s="345">
        <v>9188</v>
      </c>
      <c r="JB16" s="345">
        <v>0</v>
      </c>
      <c r="JC16" s="345">
        <v>0</v>
      </c>
      <c r="JD16" s="345">
        <v>0</v>
      </c>
      <c r="JE16" s="349">
        <v>9188</v>
      </c>
      <c r="JF16" s="350">
        <v>9188</v>
      </c>
      <c r="JG16" s="348">
        <v>0</v>
      </c>
      <c r="JH16" s="345">
        <v>0</v>
      </c>
      <c r="JI16" s="346">
        <v>0</v>
      </c>
      <c r="JJ16" s="351">
        <v>0</v>
      </c>
      <c r="JK16" s="345">
        <v>892936</v>
      </c>
      <c r="JL16" s="345">
        <v>506189</v>
      </c>
      <c r="JM16" s="345">
        <v>553714</v>
      </c>
      <c r="JN16" s="345">
        <v>311460</v>
      </c>
      <c r="JO16" s="345">
        <v>0</v>
      </c>
      <c r="JP16" s="349">
        <v>2264299</v>
      </c>
      <c r="JQ16" s="347">
        <v>2264299</v>
      </c>
      <c r="JR16" s="348">
        <v>0</v>
      </c>
      <c r="JS16" s="345">
        <v>0</v>
      </c>
      <c r="JT16" s="346">
        <v>0</v>
      </c>
      <c r="JU16" s="351">
        <v>0</v>
      </c>
      <c r="JV16" s="345">
        <v>89581</v>
      </c>
      <c r="JW16" s="345">
        <v>0</v>
      </c>
      <c r="JX16" s="345">
        <v>140867</v>
      </c>
      <c r="JY16" s="345">
        <v>276279</v>
      </c>
      <c r="JZ16" s="345">
        <v>0</v>
      </c>
      <c r="KA16" s="349">
        <v>506727</v>
      </c>
      <c r="KB16" s="347">
        <v>506727</v>
      </c>
      <c r="KC16" s="352">
        <v>40107</v>
      </c>
      <c r="KD16" s="353">
        <v>72873</v>
      </c>
      <c r="KE16" s="349">
        <v>112980</v>
      </c>
      <c r="KF16" s="351">
        <v>0</v>
      </c>
      <c r="KG16" s="345">
        <v>229455</v>
      </c>
      <c r="KH16" s="345">
        <v>293047</v>
      </c>
      <c r="KI16" s="345">
        <v>813401</v>
      </c>
      <c r="KJ16" s="345">
        <v>239947</v>
      </c>
      <c r="KK16" s="345">
        <v>0</v>
      </c>
      <c r="KL16" s="349">
        <v>1575850</v>
      </c>
      <c r="KM16" s="354">
        <v>1688830</v>
      </c>
      <c r="KN16" s="342">
        <v>0</v>
      </c>
      <c r="KO16" s="343">
        <v>0</v>
      </c>
      <c r="KP16" s="344">
        <v>0</v>
      </c>
      <c r="KQ16" s="404">
        <v>0</v>
      </c>
      <c r="KR16" s="345">
        <v>973485</v>
      </c>
      <c r="KS16" s="345">
        <v>849492</v>
      </c>
      <c r="KT16" s="345">
        <v>1385229</v>
      </c>
      <c r="KU16" s="345">
        <v>1240340</v>
      </c>
      <c r="KV16" s="345">
        <v>1926855</v>
      </c>
      <c r="KW16" s="349">
        <v>6375401</v>
      </c>
      <c r="KX16" s="347">
        <v>6375401</v>
      </c>
      <c r="KY16" s="348">
        <v>0</v>
      </c>
      <c r="KZ16" s="345">
        <v>0</v>
      </c>
      <c r="LA16" s="349">
        <v>0</v>
      </c>
      <c r="LB16" s="404">
        <v>0</v>
      </c>
      <c r="LC16" s="345">
        <v>141768</v>
      </c>
      <c r="LD16" s="345">
        <v>159932</v>
      </c>
      <c r="LE16" s="345">
        <v>888603</v>
      </c>
      <c r="LF16" s="345">
        <v>387992</v>
      </c>
      <c r="LG16" s="345">
        <v>718121</v>
      </c>
      <c r="LH16" s="349">
        <v>2296416</v>
      </c>
      <c r="LI16" s="350">
        <v>2296416</v>
      </c>
      <c r="LJ16" s="348">
        <v>0</v>
      </c>
      <c r="LK16" s="345">
        <v>0</v>
      </c>
      <c r="LL16" s="349">
        <v>0</v>
      </c>
      <c r="LM16" s="404">
        <v>0</v>
      </c>
      <c r="LN16" s="345">
        <v>0</v>
      </c>
      <c r="LO16" s="345">
        <v>0</v>
      </c>
      <c r="LP16" s="345">
        <v>213349</v>
      </c>
      <c r="LQ16" s="345">
        <v>461552</v>
      </c>
      <c r="LR16" s="345">
        <v>0</v>
      </c>
      <c r="LS16" s="349">
        <v>674901</v>
      </c>
      <c r="LT16" s="347">
        <v>674901</v>
      </c>
      <c r="LU16" s="348">
        <v>0</v>
      </c>
      <c r="LV16" s="345">
        <v>0</v>
      </c>
      <c r="LW16" s="349">
        <v>0</v>
      </c>
      <c r="LX16" s="404">
        <v>0</v>
      </c>
      <c r="LY16" s="345">
        <v>409773</v>
      </c>
      <c r="LZ16" s="345">
        <v>0</v>
      </c>
      <c r="MA16" s="345">
        <v>196033</v>
      </c>
      <c r="MB16" s="345">
        <v>112989</v>
      </c>
      <c r="MC16" s="345">
        <v>273593</v>
      </c>
      <c r="MD16" s="349">
        <v>992388</v>
      </c>
      <c r="ME16" s="350">
        <v>992388</v>
      </c>
      <c r="MF16" s="348">
        <v>0</v>
      </c>
      <c r="MG16" s="345">
        <v>0</v>
      </c>
      <c r="MH16" s="349">
        <v>0</v>
      </c>
      <c r="MI16" s="404">
        <v>0</v>
      </c>
      <c r="MJ16" s="345">
        <v>664449</v>
      </c>
      <c r="MK16" s="345">
        <v>488814</v>
      </c>
      <c r="ML16" s="345">
        <v>3699919</v>
      </c>
      <c r="MM16" s="345">
        <v>8355379</v>
      </c>
      <c r="MN16" s="345">
        <v>5030988</v>
      </c>
      <c r="MO16" s="349">
        <v>18239549</v>
      </c>
      <c r="MP16" s="354">
        <v>18239549</v>
      </c>
      <c r="MQ16" s="348">
        <v>0</v>
      </c>
      <c r="MR16" s="345">
        <v>0</v>
      </c>
      <c r="MS16" s="349">
        <v>0</v>
      </c>
      <c r="MT16" s="404">
        <v>0</v>
      </c>
      <c r="MU16" s="345">
        <v>0</v>
      </c>
      <c r="MV16" s="345">
        <v>0</v>
      </c>
      <c r="MW16" s="345">
        <v>1982871</v>
      </c>
      <c r="MX16" s="345">
        <v>4762114</v>
      </c>
      <c r="MY16" s="345">
        <v>3751998</v>
      </c>
      <c r="MZ16" s="349">
        <v>10496983</v>
      </c>
      <c r="NA16" s="354">
        <v>10496983</v>
      </c>
      <c r="NB16" s="348">
        <v>0</v>
      </c>
      <c r="NC16" s="345">
        <v>0</v>
      </c>
      <c r="ND16" s="349">
        <v>0</v>
      </c>
      <c r="NE16" s="404">
        <v>0</v>
      </c>
      <c r="NF16" s="345">
        <v>664449</v>
      </c>
      <c r="NG16" s="345">
        <v>488814</v>
      </c>
      <c r="NH16" s="345">
        <v>1425410</v>
      </c>
      <c r="NI16" s="345">
        <v>3593265</v>
      </c>
      <c r="NJ16" s="345">
        <v>623118</v>
      </c>
      <c r="NK16" s="349">
        <v>6795056</v>
      </c>
      <c r="NL16" s="347">
        <v>6795056</v>
      </c>
      <c r="NM16" s="348">
        <v>0</v>
      </c>
      <c r="NN16" s="345">
        <v>0</v>
      </c>
      <c r="NO16" s="349">
        <v>0</v>
      </c>
      <c r="NP16" s="404">
        <v>0</v>
      </c>
      <c r="NQ16" s="345">
        <v>0</v>
      </c>
      <c r="NR16" s="345">
        <v>0</v>
      </c>
      <c r="NS16" s="345">
        <v>0</v>
      </c>
      <c r="NT16" s="345">
        <v>0</v>
      </c>
      <c r="NU16" s="345">
        <v>0</v>
      </c>
      <c r="NV16" s="349">
        <v>0</v>
      </c>
      <c r="NW16" s="350">
        <v>0</v>
      </c>
      <c r="NX16" s="348">
        <v>0</v>
      </c>
      <c r="NY16" s="345">
        <v>0</v>
      </c>
      <c r="NZ16" s="349">
        <v>0</v>
      </c>
      <c r="OA16" s="404">
        <v>0</v>
      </c>
      <c r="OB16" s="345">
        <v>0</v>
      </c>
      <c r="OC16" s="345">
        <v>0</v>
      </c>
      <c r="OD16" s="345">
        <v>291638</v>
      </c>
      <c r="OE16" s="345">
        <v>0</v>
      </c>
      <c r="OF16" s="345">
        <v>655872</v>
      </c>
      <c r="OG16" s="349">
        <v>947510</v>
      </c>
      <c r="OH16" s="350">
        <v>947510</v>
      </c>
      <c r="OI16" s="348">
        <v>1365889</v>
      </c>
      <c r="OJ16" s="345">
        <v>2636898</v>
      </c>
      <c r="OK16" s="346">
        <v>4002787</v>
      </c>
      <c r="OL16" s="351">
        <v>0</v>
      </c>
      <c r="OM16" s="345">
        <v>23224697</v>
      </c>
      <c r="ON16" s="345">
        <v>19004180</v>
      </c>
      <c r="OO16" s="345">
        <v>25562997</v>
      </c>
      <c r="OP16" s="345">
        <v>27650293</v>
      </c>
      <c r="OQ16" s="345">
        <v>19849728</v>
      </c>
      <c r="OR16" s="349">
        <v>115291895</v>
      </c>
      <c r="OS16" s="354">
        <v>119294682</v>
      </c>
    </row>
    <row r="17" spans="2:409" s="70" customFormat="1" ht="21" customHeight="1" x14ac:dyDescent="0.2">
      <c r="B17" s="106" t="s">
        <v>11</v>
      </c>
      <c r="C17" s="326">
        <v>184822</v>
      </c>
      <c r="D17" s="327">
        <v>631328</v>
      </c>
      <c r="E17" s="365">
        <v>816150</v>
      </c>
      <c r="F17" s="332">
        <v>0</v>
      </c>
      <c r="G17" s="327">
        <v>5671627</v>
      </c>
      <c r="H17" s="327">
        <v>5011325</v>
      </c>
      <c r="I17" s="327">
        <v>3897425</v>
      </c>
      <c r="J17" s="327">
        <v>5575685</v>
      </c>
      <c r="K17" s="327">
        <v>4976609</v>
      </c>
      <c r="L17" s="329">
        <v>25132671</v>
      </c>
      <c r="M17" s="330">
        <v>25948821</v>
      </c>
      <c r="N17" s="326">
        <v>124500</v>
      </c>
      <c r="O17" s="327">
        <v>54929</v>
      </c>
      <c r="P17" s="328">
        <v>179429</v>
      </c>
      <c r="Q17" s="326">
        <v>0</v>
      </c>
      <c r="R17" s="327">
        <v>1610790</v>
      </c>
      <c r="S17" s="327">
        <v>1726655</v>
      </c>
      <c r="T17" s="327">
        <v>1099247</v>
      </c>
      <c r="U17" s="327">
        <v>1584934</v>
      </c>
      <c r="V17" s="327">
        <v>1634542</v>
      </c>
      <c r="W17" s="328">
        <v>7656168</v>
      </c>
      <c r="X17" s="330">
        <v>7835597</v>
      </c>
      <c r="Y17" s="326">
        <v>0</v>
      </c>
      <c r="Z17" s="327">
        <v>0</v>
      </c>
      <c r="AA17" s="328">
        <v>0</v>
      </c>
      <c r="AB17" s="326">
        <v>0</v>
      </c>
      <c r="AC17" s="327">
        <v>547561</v>
      </c>
      <c r="AD17" s="327">
        <v>598729</v>
      </c>
      <c r="AE17" s="327">
        <v>554960</v>
      </c>
      <c r="AF17" s="327">
        <v>639243</v>
      </c>
      <c r="AG17" s="327">
        <v>881059</v>
      </c>
      <c r="AH17" s="328">
        <v>3221552</v>
      </c>
      <c r="AI17" s="330">
        <v>3221552</v>
      </c>
      <c r="AJ17" s="326">
        <v>0</v>
      </c>
      <c r="AK17" s="327">
        <v>0</v>
      </c>
      <c r="AL17" s="328">
        <v>0</v>
      </c>
      <c r="AM17" s="326">
        <v>0</v>
      </c>
      <c r="AN17" s="327">
        <v>0</v>
      </c>
      <c r="AO17" s="327">
        <v>0</v>
      </c>
      <c r="AP17" s="327">
        <v>53507</v>
      </c>
      <c r="AQ17" s="327">
        <v>213371</v>
      </c>
      <c r="AR17" s="327">
        <v>135069</v>
      </c>
      <c r="AS17" s="328">
        <v>401947</v>
      </c>
      <c r="AT17" s="330">
        <v>401947</v>
      </c>
      <c r="AU17" s="326">
        <v>74604</v>
      </c>
      <c r="AV17" s="327">
        <v>23772</v>
      </c>
      <c r="AW17" s="328">
        <v>98376</v>
      </c>
      <c r="AX17" s="326">
        <v>0</v>
      </c>
      <c r="AY17" s="327">
        <v>793973</v>
      </c>
      <c r="AZ17" s="327">
        <v>717643</v>
      </c>
      <c r="BA17" s="327">
        <v>252870</v>
      </c>
      <c r="BB17" s="327">
        <v>449570</v>
      </c>
      <c r="BC17" s="327">
        <v>349251</v>
      </c>
      <c r="BD17" s="328">
        <v>2563307</v>
      </c>
      <c r="BE17" s="330">
        <v>2661683</v>
      </c>
      <c r="BF17" s="326">
        <v>0</v>
      </c>
      <c r="BG17" s="327">
        <v>0</v>
      </c>
      <c r="BH17" s="331">
        <v>0</v>
      </c>
      <c r="BI17" s="332">
        <v>0</v>
      </c>
      <c r="BJ17" s="327">
        <v>26755</v>
      </c>
      <c r="BK17" s="327">
        <v>124494</v>
      </c>
      <c r="BL17" s="327">
        <v>83833</v>
      </c>
      <c r="BM17" s="327">
        <v>20481</v>
      </c>
      <c r="BN17" s="327">
        <v>51897</v>
      </c>
      <c r="BO17" s="328">
        <v>307460</v>
      </c>
      <c r="BP17" s="330">
        <v>307460</v>
      </c>
      <c r="BQ17" s="326">
        <v>49896</v>
      </c>
      <c r="BR17" s="327">
        <v>31157</v>
      </c>
      <c r="BS17" s="328">
        <v>81053</v>
      </c>
      <c r="BT17" s="326">
        <v>0</v>
      </c>
      <c r="BU17" s="327">
        <v>242501</v>
      </c>
      <c r="BV17" s="327">
        <v>285789</v>
      </c>
      <c r="BW17" s="327">
        <v>154077</v>
      </c>
      <c r="BX17" s="327">
        <v>262269</v>
      </c>
      <c r="BY17" s="327">
        <v>217266</v>
      </c>
      <c r="BZ17" s="328">
        <v>1161902</v>
      </c>
      <c r="CA17" s="330">
        <v>1242955</v>
      </c>
      <c r="CB17" s="326">
        <v>0</v>
      </c>
      <c r="CC17" s="327">
        <v>164061</v>
      </c>
      <c r="CD17" s="328">
        <v>164061</v>
      </c>
      <c r="CE17" s="326">
        <v>0</v>
      </c>
      <c r="CF17" s="327">
        <v>1037559</v>
      </c>
      <c r="CG17" s="327">
        <v>923913</v>
      </c>
      <c r="CH17" s="327">
        <v>1240183</v>
      </c>
      <c r="CI17" s="327">
        <v>1060846</v>
      </c>
      <c r="CJ17" s="327">
        <v>258799</v>
      </c>
      <c r="CK17" s="328">
        <v>4521300</v>
      </c>
      <c r="CL17" s="330">
        <v>4685361</v>
      </c>
      <c r="CM17" s="326">
        <v>0</v>
      </c>
      <c r="CN17" s="327">
        <v>0</v>
      </c>
      <c r="CO17" s="328">
        <v>0</v>
      </c>
      <c r="CP17" s="332">
        <v>0</v>
      </c>
      <c r="CQ17" s="327">
        <v>660274</v>
      </c>
      <c r="CR17" s="327">
        <v>594924</v>
      </c>
      <c r="CS17" s="327">
        <v>920645</v>
      </c>
      <c r="CT17" s="327">
        <v>766159</v>
      </c>
      <c r="CU17" s="327">
        <v>218123</v>
      </c>
      <c r="CV17" s="328">
        <v>3160125</v>
      </c>
      <c r="CW17" s="330">
        <v>3160125</v>
      </c>
      <c r="CX17" s="326">
        <v>0</v>
      </c>
      <c r="CY17" s="327">
        <v>164061</v>
      </c>
      <c r="CZ17" s="328">
        <v>164061</v>
      </c>
      <c r="DA17" s="326">
        <v>0</v>
      </c>
      <c r="DB17" s="327">
        <v>377285</v>
      </c>
      <c r="DC17" s="327">
        <v>328989</v>
      </c>
      <c r="DD17" s="327">
        <v>319538</v>
      </c>
      <c r="DE17" s="327">
        <v>294687</v>
      </c>
      <c r="DF17" s="327">
        <v>40676</v>
      </c>
      <c r="DG17" s="328">
        <v>1361175</v>
      </c>
      <c r="DH17" s="330">
        <v>1525236</v>
      </c>
      <c r="DI17" s="326">
        <v>0</v>
      </c>
      <c r="DJ17" s="327">
        <v>0</v>
      </c>
      <c r="DK17" s="331">
        <v>0</v>
      </c>
      <c r="DL17" s="332">
        <v>0</v>
      </c>
      <c r="DM17" s="327">
        <v>40430</v>
      </c>
      <c r="DN17" s="327">
        <v>64484</v>
      </c>
      <c r="DO17" s="327">
        <v>75995</v>
      </c>
      <c r="DP17" s="327">
        <v>110152</v>
      </c>
      <c r="DQ17" s="327">
        <v>429486</v>
      </c>
      <c r="DR17" s="328">
        <v>720547</v>
      </c>
      <c r="DS17" s="330">
        <v>720547</v>
      </c>
      <c r="DT17" s="326">
        <v>0</v>
      </c>
      <c r="DU17" s="327">
        <v>0</v>
      </c>
      <c r="DV17" s="328">
        <v>0</v>
      </c>
      <c r="DW17" s="326">
        <v>0</v>
      </c>
      <c r="DX17" s="327">
        <v>40430</v>
      </c>
      <c r="DY17" s="327">
        <v>64484</v>
      </c>
      <c r="DZ17" s="327">
        <v>0</v>
      </c>
      <c r="EA17" s="327">
        <v>67011</v>
      </c>
      <c r="EB17" s="327">
        <v>204873</v>
      </c>
      <c r="EC17" s="328">
        <v>376798</v>
      </c>
      <c r="ED17" s="330">
        <v>376798</v>
      </c>
      <c r="EE17" s="326">
        <v>0</v>
      </c>
      <c r="EF17" s="331">
        <v>0</v>
      </c>
      <c r="EG17" s="328">
        <v>0</v>
      </c>
      <c r="EH17" s="326">
        <v>0</v>
      </c>
      <c r="EI17" s="327">
        <v>0</v>
      </c>
      <c r="EJ17" s="327">
        <v>0</v>
      </c>
      <c r="EK17" s="327">
        <v>75995</v>
      </c>
      <c r="EL17" s="327">
        <v>43141</v>
      </c>
      <c r="EM17" s="327">
        <v>224613</v>
      </c>
      <c r="EN17" s="331">
        <v>343749</v>
      </c>
      <c r="EO17" s="330">
        <v>343749</v>
      </c>
      <c r="EP17" s="326">
        <v>0</v>
      </c>
      <c r="EQ17" s="327">
        <v>0</v>
      </c>
      <c r="ER17" s="331">
        <v>0</v>
      </c>
      <c r="ES17" s="332">
        <v>0</v>
      </c>
      <c r="ET17" s="327">
        <v>0</v>
      </c>
      <c r="EU17" s="327">
        <v>0</v>
      </c>
      <c r="EV17" s="327">
        <v>0</v>
      </c>
      <c r="EW17" s="327">
        <v>0</v>
      </c>
      <c r="EX17" s="327">
        <v>0</v>
      </c>
      <c r="EY17" s="328">
        <v>0</v>
      </c>
      <c r="EZ17" s="330">
        <v>0</v>
      </c>
      <c r="FA17" s="326">
        <v>0</v>
      </c>
      <c r="FB17" s="327">
        <v>0</v>
      </c>
      <c r="FC17" s="331">
        <v>0</v>
      </c>
      <c r="FD17" s="404">
        <v>0</v>
      </c>
      <c r="FE17" s="327">
        <v>0</v>
      </c>
      <c r="FF17" s="327">
        <v>0</v>
      </c>
      <c r="FG17" s="327">
        <v>0</v>
      </c>
      <c r="FH17" s="327">
        <v>0</v>
      </c>
      <c r="FI17" s="327">
        <v>0</v>
      </c>
      <c r="FJ17" s="328">
        <v>0</v>
      </c>
      <c r="FK17" s="330">
        <v>0</v>
      </c>
      <c r="FL17" s="326">
        <v>65583</v>
      </c>
      <c r="FM17" s="327">
        <v>225610</v>
      </c>
      <c r="FN17" s="328">
        <v>291193</v>
      </c>
      <c r="FO17" s="326">
        <v>0</v>
      </c>
      <c r="FP17" s="327">
        <v>221158</v>
      </c>
      <c r="FQ17" s="327">
        <v>535004</v>
      </c>
      <c r="FR17" s="327">
        <v>370552</v>
      </c>
      <c r="FS17" s="327">
        <v>-148201</v>
      </c>
      <c r="FT17" s="327">
        <v>272461</v>
      </c>
      <c r="FU17" s="328">
        <v>1250974</v>
      </c>
      <c r="FV17" s="330">
        <v>1542167</v>
      </c>
      <c r="FW17" s="333">
        <v>65583</v>
      </c>
      <c r="FX17" s="327">
        <v>87010</v>
      </c>
      <c r="FY17" s="331">
        <v>152593</v>
      </c>
      <c r="FZ17" s="332">
        <v>0</v>
      </c>
      <c r="GA17" s="327">
        <v>221158</v>
      </c>
      <c r="GB17" s="327">
        <v>498680</v>
      </c>
      <c r="GC17" s="327">
        <v>336952</v>
      </c>
      <c r="GD17" s="327">
        <v>-148201</v>
      </c>
      <c r="GE17" s="327">
        <v>272461</v>
      </c>
      <c r="GF17" s="328">
        <v>1181050</v>
      </c>
      <c r="GG17" s="334">
        <v>1333643</v>
      </c>
      <c r="GH17" s="333">
        <v>0</v>
      </c>
      <c r="GI17" s="327">
        <v>0</v>
      </c>
      <c r="GJ17" s="331">
        <v>0</v>
      </c>
      <c r="GK17" s="332">
        <v>0</v>
      </c>
      <c r="GL17" s="327">
        <v>0</v>
      </c>
      <c r="GM17" s="327">
        <v>36324</v>
      </c>
      <c r="GN17" s="327">
        <v>0</v>
      </c>
      <c r="GO17" s="327">
        <v>0</v>
      </c>
      <c r="GP17" s="327">
        <v>0</v>
      </c>
      <c r="GQ17" s="328">
        <v>36324</v>
      </c>
      <c r="GR17" s="330">
        <v>36324</v>
      </c>
      <c r="GS17" s="326">
        <v>0</v>
      </c>
      <c r="GT17" s="327">
        <v>138600</v>
      </c>
      <c r="GU17" s="328">
        <v>138600</v>
      </c>
      <c r="GV17" s="326">
        <v>0</v>
      </c>
      <c r="GW17" s="327">
        <v>0</v>
      </c>
      <c r="GX17" s="327">
        <v>0</v>
      </c>
      <c r="GY17" s="327">
        <v>33600</v>
      </c>
      <c r="GZ17" s="327">
        <v>0</v>
      </c>
      <c r="HA17" s="327">
        <v>0</v>
      </c>
      <c r="HB17" s="331">
        <v>33600</v>
      </c>
      <c r="HC17" s="330">
        <v>172200</v>
      </c>
      <c r="HD17" s="326">
        <v>-5261</v>
      </c>
      <c r="HE17" s="327">
        <v>186728</v>
      </c>
      <c r="HF17" s="331">
        <v>181467</v>
      </c>
      <c r="HG17" s="332">
        <v>0</v>
      </c>
      <c r="HH17" s="327">
        <v>2761690</v>
      </c>
      <c r="HI17" s="327">
        <v>1761269</v>
      </c>
      <c r="HJ17" s="327">
        <v>1111448</v>
      </c>
      <c r="HK17" s="327">
        <v>2967954</v>
      </c>
      <c r="HL17" s="327">
        <v>2381321</v>
      </c>
      <c r="HM17" s="328">
        <v>10983682</v>
      </c>
      <c r="HN17" s="329">
        <v>11165149</v>
      </c>
      <c r="HO17" s="333">
        <v>0</v>
      </c>
      <c r="HP17" s="327">
        <v>0</v>
      </c>
      <c r="HQ17" s="328">
        <v>0</v>
      </c>
      <c r="HR17" s="326">
        <v>0</v>
      </c>
      <c r="HS17" s="327">
        <v>0</v>
      </c>
      <c r="HT17" s="327">
        <v>0</v>
      </c>
      <c r="HU17" s="327">
        <v>0</v>
      </c>
      <c r="HV17" s="327">
        <v>0</v>
      </c>
      <c r="HW17" s="327">
        <v>0</v>
      </c>
      <c r="HX17" s="331">
        <v>0</v>
      </c>
      <c r="HY17" s="330">
        <v>0</v>
      </c>
      <c r="HZ17" s="335">
        <v>0</v>
      </c>
      <c r="IA17" s="336">
        <v>135002</v>
      </c>
      <c r="IB17" s="337">
        <v>135002</v>
      </c>
      <c r="IC17" s="338">
        <v>0</v>
      </c>
      <c r="ID17" s="336">
        <v>952069</v>
      </c>
      <c r="IE17" s="339">
        <v>1952098</v>
      </c>
      <c r="IF17" s="337">
        <v>993872</v>
      </c>
      <c r="IG17" s="336">
        <v>1206244</v>
      </c>
      <c r="IH17" s="337">
        <v>398145</v>
      </c>
      <c r="II17" s="340">
        <v>5502428</v>
      </c>
      <c r="IJ17" s="341">
        <v>5637430</v>
      </c>
      <c r="IK17" s="342">
        <v>0</v>
      </c>
      <c r="IL17" s="343">
        <v>0</v>
      </c>
      <c r="IM17" s="344">
        <v>0</v>
      </c>
      <c r="IN17" s="404">
        <v>0</v>
      </c>
      <c r="IO17" s="345">
        <v>0</v>
      </c>
      <c r="IP17" s="345">
        <v>214827</v>
      </c>
      <c r="IQ17" s="345">
        <v>0</v>
      </c>
      <c r="IR17" s="345">
        <v>0</v>
      </c>
      <c r="IS17" s="345">
        <v>88846</v>
      </c>
      <c r="IT17" s="346">
        <v>303673</v>
      </c>
      <c r="IU17" s="347">
        <v>303673</v>
      </c>
      <c r="IV17" s="348">
        <v>0</v>
      </c>
      <c r="IW17" s="345">
        <v>0</v>
      </c>
      <c r="IX17" s="349">
        <v>0</v>
      </c>
      <c r="IY17" s="404">
        <v>0</v>
      </c>
      <c r="IZ17" s="345">
        <v>0</v>
      </c>
      <c r="JA17" s="345">
        <v>0</v>
      </c>
      <c r="JB17" s="345">
        <v>0</v>
      </c>
      <c r="JC17" s="345">
        <v>14657</v>
      </c>
      <c r="JD17" s="345">
        <v>0</v>
      </c>
      <c r="JE17" s="349">
        <v>14657</v>
      </c>
      <c r="JF17" s="350">
        <v>14657</v>
      </c>
      <c r="JG17" s="348">
        <v>0</v>
      </c>
      <c r="JH17" s="345">
        <v>0</v>
      </c>
      <c r="JI17" s="346">
        <v>0</v>
      </c>
      <c r="JJ17" s="351">
        <v>0</v>
      </c>
      <c r="JK17" s="345">
        <v>672889</v>
      </c>
      <c r="JL17" s="345">
        <v>419274</v>
      </c>
      <c r="JM17" s="345">
        <v>165653</v>
      </c>
      <c r="JN17" s="345">
        <v>371840</v>
      </c>
      <c r="JO17" s="345">
        <v>309299</v>
      </c>
      <c r="JP17" s="349">
        <v>1938955</v>
      </c>
      <c r="JQ17" s="347">
        <v>1938955</v>
      </c>
      <c r="JR17" s="348">
        <v>0</v>
      </c>
      <c r="JS17" s="345">
        <v>0</v>
      </c>
      <c r="JT17" s="346">
        <v>0</v>
      </c>
      <c r="JU17" s="351">
        <v>0</v>
      </c>
      <c r="JV17" s="345">
        <v>279180</v>
      </c>
      <c r="JW17" s="345">
        <v>21711</v>
      </c>
      <c r="JX17" s="345">
        <v>0</v>
      </c>
      <c r="JY17" s="345">
        <v>0</v>
      </c>
      <c r="JZ17" s="345">
        <v>0</v>
      </c>
      <c r="KA17" s="349">
        <v>300891</v>
      </c>
      <c r="KB17" s="347">
        <v>300891</v>
      </c>
      <c r="KC17" s="352">
        <v>0</v>
      </c>
      <c r="KD17" s="353">
        <v>135002</v>
      </c>
      <c r="KE17" s="349">
        <v>135002</v>
      </c>
      <c r="KF17" s="351">
        <v>0</v>
      </c>
      <c r="KG17" s="345">
        <v>0</v>
      </c>
      <c r="KH17" s="345">
        <v>675228</v>
      </c>
      <c r="KI17" s="345">
        <v>357838</v>
      </c>
      <c r="KJ17" s="345">
        <v>346000</v>
      </c>
      <c r="KK17" s="345">
        <v>0</v>
      </c>
      <c r="KL17" s="349">
        <v>1379066</v>
      </c>
      <c r="KM17" s="354">
        <v>1514068</v>
      </c>
      <c r="KN17" s="342">
        <v>0</v>
      </c>
      <c r="KO17" s="343">
        <v>0</v>
      </c>
      <c r="KP17" s="344">
        <v>0</v>
      </c>
      <c r="KQ17" s="404">
        <v>0</v>
      </c>
      <c r="KR17" s="345">
        <v>0</v>
      </c>
      <c r="KS17" s="345">
        <v>457333</v>
      </c>
      <c r="KT17" s="345">
        <v>470381</v>
      </c>
      <c r="KU17" s="345">
        <v>473747</v>
      </c>
      <c r="KV17" s="345">
        <v>0</v>
      </c>
      <c r="KW17" s="349">
        <v>1401461</v>
      </c>
      <c r="KX17" s="347">
        <v>1401461</v>
      </c>
      <c r="KY17" s="348">
        <v>0</v>
      </c>
      <c r="KZ17" s="345">
        <v>0</v>
      </c>
      <c r="LA17" s="349">
        <v>0</v>
      </c>
      <c r="LB17" s="404">
        <v>0</v>
      </c>
      <c r="LC17" s="345">
        <v>0</v>
      </c>
      <c r="LD17" s="345">
        <v>0</v>
      </c>
      <c r="LE17" s="345">
        <v>0</v>
      </c>
      <c r="LF17" s="345">
        <v>0</v>
      </c>
      <c r="LG17" s="345">
        <v>0</v>
      </c>
      <c r="LH17" s="349">
        <v>0</v>
      </c>
      <c r="LI17" s="350">
        <v>0</v>
      </c>
      <c r="LJ17" s="348">
        <v>0</v>
      </c>
      <c r="LK17" s="345">
        <v>0</v>
      </c>
      <c r="LL17" s="349">
        <v>0</v>
      </c>
      <c r="LM17" s="404">
        <v>0</v>
      </c>
      <c r="LN17" s="345">
        <v>0</v>
      </c>
      <c r="LO17" s="345">
        <v>0</v>
      </c>
      <c r="LP17" s="345">
        <v>0</v>
      </c>
      <c r="LQ17" s="345">
        <v>0</v>
      </c>
      <c r="LR17" s="345">
        <v>0</v>
      </c>
      <c r="LS17" s="349">
        <v>0</v>
      </c>
      <c r="LT17" s="347">
        <v>0</v>
      </c>
      <c r="LU17" s="348">
        <v>0</v>
      </c>
      <c r="LV17" s="345">
        <v>0</v>
      </c>
      <c r="LW17" s="349">
        <v>0</v>
      </c>
      <c r="LX17" s="404">
        <v>0</v>
      </c>
      <c r="LY17" s="345">
        <v>0</v>
      </c>
      <c r="LZ17" s="345">
        <v>163725</v>
      </c>
      <c r="MA17" s="345">
        <v>0</v>
      </c>
      <c r="MB17" s="345">
        <v>0</v>
      </c>
      <c r="MC17" s="345">
        <v>0</v>
      </c>
      <c r="MD17" s="349">
        <v>163725</v>
      </c>
      <c r="ME17" s="350">
        <v>163725</v>
      </c>
      <c r="MF17" s="348">
        <v>0</v>
      </c>
      <c r="MG17" s="345">
        <v>0</v>
      </c>
      <c r="MH17" s="349">
        <v>0</v>
      </c>
      <c r="MI17" s="404">
        <v>0</v>
      </c>
      <c r="MJ17" s="345">
        <v>0</v>
      </c>
      <c r="MK17" s="345">
        <v>415041</v>
      </c>
      <c r="ML17" s="345">
        <v>2919265</v>
      </c>
      <c r="MM17" s="345">
        <v>2208484</v>
      </c>
      <c r="MN17" s="345">
        <v>2534481</v>
      </c>
      <c r="MO17" s="349">
        <v>8077271</v>
      </c>
      <c r="MP17" s="354">
        <v>8077271</v>
      </c>
      <c r="MQ17" s="348">
        <v>0</v>
      </c>
      <c r="MR17" s="345">
        <v>0</v>
      </c>
      <c r="MS17" s="349">
        <v>0</v>
      </c>
      <c r="MT17" s="404">
        <v>0</v>
      </c>
      <c r="MU17" s="345">
        <v>0</v>
      </c>
      <c r="MV17" s="345">
        <v>0</v>
      </c>
      <c r="MW17" s="345">
        <v>1351198</v>
      </c>
      <c r="MX17" s="345">
        <v>1603891</v>
      </c>
      <c r="MY17" s="345">
        <v>1594285</v>
      </c>
      <c r="MZ17" s="349">
        <v>4549374</v>
      </c>
      <c r="NA17" s="354">
        <v>4549374</v>
      </c>
      <c r="NB17" s="348">
        <v>0</v>
      </c>
      <c r="NC17" s="345">
        <v>0</v>
      </c>
      <c r="ND17" s="349">
        <v>0</v>
      </c>
      <c r="NE17" s="404">
        <v>0</v>
      </c>
      <c r="NF17" s="345">
        <v>0</v>
      </c>
      <c r="NG17" s="345">
        <v>415041</v>
      </c>
      <c r="NH17" s="345">
        <v>1568067</v>
      </c>
      <c r="NI17" s="345">
        <v>604593</v>
      </c>
      <c r="NJ17" s="345">
        <v>278461</v>
      </c>
      <c r="NK17" s="349">
        <v>2866162</v>
      </c>
      <c r="NL17" s="347">
        <v>2866162</v>
      </c>
      <c r="NM17" s="348">
        <v>0</v>
      </c>
      <c r="NN17" s="345">
        <v>0</v>
      </c>
      <c r="NO17" s="349">
        <v>0</v>
      </c>
      <c r="NP17" s="404">
        <v>0</v>
      </c>
      <c r="NQ17" s="345">
        <v>0</v>
      </c>
      <c r="NR17" s="345">
        <v>0</v>
      </c>
      <c r="NS17" s="345">
        <v>0</v>
      </c>
      <c r="NT17" s="345">
        <v>0</v>
      </c>
      <c r="NU17" s="345">
        <v>0</v>
      </c>
      <c r="NV17" s="349">
        <v>0</v>
      </c>
      <c r="NW17" s="350">
        <v>0</v>
      </c>
      <c r="NX17" s="348">
        <v>0</v>
      </c>
      <c r="NY17" s="345">
        <v>0</v>
      </c>
      <c r="NZ17" s="349">
        <v>0</v>
      </c>
      <c r="OA17" s="404">
        <v>0</v>
      </c>
      <c r="OB17" s="345">
        <v>0</v>
      </c>
      <c r="OC17" s="345">
        <v>0</v>
      </c>
      <c r="OD17" s="345">
        <v>0</v>
      </c>
      <c r="OE17" s="345">
        <v>0</v>
      </c>
      <c r="OF17" s="345">
        <v>661735</v>
      </c>
      <c r="OG17" s="349">
        <v>661735</v>
      </c>
      <c r="OH17" s="350">
        <v>661735</v>
      </c>
      <c r="OI17" s="348">
        <v>184822</v>
      </c>
      <c r="OJ17" s="345">
        <v>766330</v>
      </c>
      <c r="OK17" s="346">
        <v>951152</v>
      </c>
      <c r="OL17" s="351">
        <v>0</v>
      </c>
      <c r="OM17" s="345">
        <v>6623696</v>
      </c>
      <c r="ON17" s="345">
        <v>7378464</v>
      </c>
      <c r="OO17" s="345">
        <v>7810562</v>
      </c>
      <c r="OP17" s="345">
        <v>8990413</v>
      </c>
      <c r="OQ17" s="345">
        <v>7909235</v>
      </c>
      <c r="OR17" s="349">
        <v>38712370</v>
      </c>
      <c r="OS17" s="354">
        <v>39663522</v>
      </c>
    </row>
    <row r="18" spans="2:409" s="70" customFormat="1" ht="21" customHeight="1" x14ac:dyDescent="0.2">
      <c r="B18" s="106" t="s">
        <v>12</v>
      </c>
      <c r="C18" s="326">
        <v>885471</v>
      </c>
      <c r="D18" s="327">
        <v>1781641</v>
      </c>
      <c r="E18" s="328">
        <v>2667112</v>
      </c>
      <c r="F18" s="329">
        <v>0</v>
      </c>
      <c r="G18" s="327">
        <v>6484251</v>
      </c>
      <c r="H18" s="366">
        <v>7605319</v>
      </c>
      <c r="I18" s="366">
        <v>7278336</v>
      </c>
      <c r="J18" s="366">
        <v>7452975</v>
      </c>
      <c r="K18" s="366">
        <v>5300882</v>
      </c>
      <c r="L18" s="331">
        <v>34121763</v>
      </c>
      <c r="M18" s="330">
        <v>36788875</v>
      </c>
      <c r="N18" s="326">
        <v>224735</v>
      </c>
      <c r="O18" s="327">
        <v>590044</v>
      </c>
      <c r="P18" s="328">
        <v>814779</v>
      </c>
      <c r="Q18" s="326">
        <v>0</v>
      </c>
      <c r="R18" s="327">
        <v>1975215</v>
      </c>
      <c r="S18" s="327">
        <v>2595190</v>
      </c>
      <c r="T18" s="327">
        <v>2189964</v>
      </c>
      <c r="U18" s="327">
        <v>2933175</v>
      </c>
      <c r="V18" s="327">
        <v>2012336</v>
      </c>
      <c r="W18" s="328">
        <v>11705880</v>
      </c>
      <c r="X18" s="330">
        <v>12520659</v>
      </c>
      <c r="Y18" s="326">
        <v>0</v>
      </c>
      <c r="Z18" s="327">
        <v>0</v>
      </c>
      <c r="AA18" s="328">
        <v>0</v>
      </c>
      <c r="AB18" s="326">
        <v>0</v>
      </c>
      <c r="AC18" s="327">
        <v>1107016</v>
      </c>
      <c r="AD18" s="327">
        <v>1236491</v>
      </c>
      <c r="AE18" s="327">
        <v>1465990</v>
      </c>
      <c r="AF18" s="327">
        <v>1565652</v>
      </c>
      <c r="AG18" s="327">
        <v>1181777</v>
      </c>
      <c r="AH18" s="328">
        <v>6556926</v>
      </c>
      <c r="AI18" s="330">
        <v>6556926</v>
      </c>
      <c r="AJ18" s="326">
        <v>0</v>
      </c>
      <c r="AK18" s="327">
        <v>0</v>
      </c>
      <c r="AL18" s="328">
        <v>0</v>
      </c>
      <c r="AM18" s="326">
        <v>0</v>
      </c>
      <c r="AN18" s="327">
        <v>0</v>
      </c>
      <c r="AO18" s="327">
        <v>41494</v>
      </c>
      <c r="AP18" s="327">
        <v>53047</v>
      </c>
      <c r="AQ18" s="327">
        <v>186723</v>
      </c>
      <c r="AR18" s="327">
        <v>209110</v>
      </c>
      <c r="AS18" s="328">
        <v>490374</v>
      </c>
      <c r="AT18" s="330">
        <v>490374</v>
      </c>
      <c r="AU18" s="326">
        <v>164820</v>
      </c>
      <c r="AV18" s="327">
        <v>498951</v>
      </c>
      <c r="AW18" s="328">
        <v>663771</v>
      </c>
      <c r="AX18" s="326">
        <v>0</v>
      </c>
      <c r="AY18" s="327">
        <v>628753</v>
      </c>
      <c r="AZ18" s="327">
        <v>990205</v>
      </c>
      <c r="BA18" s="327">
        <v>331605</v>
      </c>
      <c r="BB18" s="327">
        <v>763623</v>
      </c>
      <c r="BC18" s="327">
        <v>360405</v>
      </c>
      <c r="BD18" s="328">
        <v>3074591</v>
      </c>
      <c r="BE18" s="330">
        <v>3738362</v>
      </c>
      <c r="BF18" s="326">
        <v>20204</v>
      </c>
      <c r="BG18" s="327">
        <v>25678</v>
      </c>
      <c r="BH18" s="331">
        <v>45882</v>
      </c>
      <c r="BI18" s="332">
        <v>0</v>
      </c>
      <c r="BJ18" s="327">
        <v>23188</v>
      </c>
      <c r="BK18" s="327">
        <v>17103</v>
      </c>
      <c r="BL18" s="327">
        <v>29705</v>
      </c>
      <c r="BM18" s="327">
        <v>121371</v>
      </c>
      <c r="BN18" s="327">
        <v>0</v>
      </c>
      <c r="BO18" s="328">
        <v>191367</v>
      </c>
      <c r="BP18" s="330">
        <v>237249</v>
      </c>
      <c r="BQ18" s="326">
        <v>39711</v>
      </c>
      <c r="BR18" s="327">
        <v>65415</v>
      </c>
      <c r="BS18" s="328">
        <v>105126</v>
      </c>
      <c r="BT18" s="326">
        <v>0</v>
      </c>
      <c r="BU18" s="327">
        <v>216258</v>
      </c>
      <c r="BV18" s="327">
        <v>309897</v>
      </c>
      <c r="BW18" s="327">
        <v>309617</v>
      </c>
      <c r="BX18" s="327">
        <v>295806</v>
      </c>
      <c r="BY18" s="327">
        <v>261044</v>
      </c>
      <c r="BZ18" s="328">
        <v>1392622</v>
      </c>
      <c r="CA18" s="330">
        <v>1497748</v>
      </c>
      <c r="CB18" s="326">
        <v>155041</v>
      </c>
      <c r="CC18" s="327">
        <v>418106</v>
      </c>
      <c r="CD18" s="328">
        <v>573147</v>
      </c>
      <c r="CE18" s="326">
        <v>0</v>
      </c>
      <c r="CF18" s="327">
        <v>2168267</v>
      </c>
      <c r="CG18" s="327">
        <v>2550800</v>
      </c>
      <c r="CH18" s="327">
        <v>1412401</v>
      </c>
      <c r="CI18" s="327">
        <v>727831</v>
      </c>
      <c r="CJ18" s="327">
        <v>613620</v>
      </c>
      <c r="CK18" s="328">
        <v>7472919</v>
      </c>
      <c r="CL18" s="330">
        <v>8046066</v>
      </c>
      <c r="CM18" s="326">
        <v>0</v>
      </c>
      <c r="CN18" s="327">
        <v>0</v>
      </c>
      <c r="CO18" s="328">
        <v>0</v>
      </c>
      <c r="CP18" s="332">
        <v>0</v>
      </c>
      <c r="CQ18" s="327">
        <v>1761494</v>
      </c>
      <c r="CR18" s="327">
        <v>2083196</v>
      </c>
      <c r="CS18" s="327">
        <v>890681</v>
      </c>
      <c r="CT18" s="327">
        <v>506205</v>
      </c>
      <c r="CU18" s="327">
        <v>613620</v>
      </c>
      <c r="CV18" s="328">
        <v>5855196</v>
      </c>
      <c r="CW18" s="330">
        <v>5855196</v>
      </c>
      <c r="CX18" s="326">
        <v>155041</v>
      </c>
      <c r="CY18" s="327">
        <v>418106</v>
      </c>
      <c r="CZ18" s="328">
        <v>573147</v>
      </c>
      <c r="DA18" s="326">
        <v>0</v>
      </c>
      <c r="DB18" s="327">
        <v>406773</v>
      </c>
      <c r="DC18" s="327">
        <v>467604</v>
      </c>
      <c r="DD18" s="327">
        <v>521720</v>
      </c>
      <c r="DE18" s="327">
        <v>221626</v>
      </c>
      <c r="DF18" s="327">
        <v>0</v>
      </c>
      <c r="DG18" s="328">
        <v>1617723</v>
      </c>
      <c r="DH18" s="330">
        <v>2190870</v>
      </c>
      <c r="DI18" s="326">
        <v>0</v>
      </c>
      <c r="DJ18" s="327">
        <v>0</v>
      </c>
      <c r="DK18" s="331">
        <v>0</v>
      </c>
      <c r="DL18" s="332">
        <v>0</v>
      </c>
      <c r="DM18" s="327">
        <v>462567</v>
      </c>
      <c r="DN18" s="327">
        <v>386258</v>
      </c>
      <c r="DO18" s="327">
        <v>690910</v>
      </c>
      <c r="DP18" s="327">
        <v>678538</v>
      </c>
      <c r="DQ18" s="327">
        <v>115573</v>
      </c>
      <c r="DR18" s="328">
        <v>2333846</v>
      </c>
      <c r="DS18" s="330">
        <v>2333846</v>
      </c>
      <c r="DT18" s="326">
        <v>0</v>
      </c>
      <c r="DU18" s="327">
        <v>0</v>
      </c>
      <c r="DV18" s="328">
        <v>0</v>
      </c>
      <c r="DW18" s="326">
        <v>0</v>
      </c>
      <c r="DX18" s="327">
        <v>380534</v>
      </c>
      <c r="DY18" s="327">
        <v>386258</v>
      </c>
      <c r="DZ18" s="327">
        <v>690910</v>
      </c>
      <c r="EA18" s="327">
        <v>678538</v>
      </c>
      <c r="EB18" s="327">
        <v>63140</v>
      </c>
      <c r="EC18" s="328">
        <v>2199380</v>
      </c>
      <c r="ED18" s="330">
        <v>2199380</v>
      </c>
      <c r="EE18" s="326">
        <v>0</v>
      </c>
      <c r="EF18" s="331">
        <v>0</v>
      </c>
      <c r="EG18" s="328">
        <v>0</v>
      </c>
      <c r="EH18" s="326">
        <v>0</v>
      </c>
      <c r="EI18" s="327">
        <v>82033</v>
      </c>
      <c r="EJ18" s="327">
        <v>0</v>
      </c>
      <c r="EK18" s="327">
        <v>0</v>
      </c>
      <c r="EL18" s="327">
        <v>0</v>
      </c>
      <c r="EM18" s="327">
        <v>52433</v>
      </c>
      <c r="EN18" s="331">
        <v>134466</v>
      </c>
      <c r="EO18" s="330">
        <v>134466</v>
      </c>
      <c r="EP18" s="326">
        <v>0</v>
      </c>
      <c r="EQ18" s="327">
        <v>0</v>
      </c>
      <c r="ER18" s="331">
        <v>0</v>
      </c>
      <c r="ES18" s="332">
        <v>0</v>
      </c>
      <c r="ET18" s="327">
        <v>0</v>
      </c>
      <c r="EU18" s="327">
        <v>0</v>
      </c>
      <c r="EV18" s="327">
        <v>0</v>
      </c>
      <c r="EW18" s="327">
        <v>0</v>
      </c>
      <c r="EX18" s="327">
        <v>0</v>
      </c>
      <c r="EY18" s="328">
        <v>0</v>
      </c>
      <c r="EZ18" s="330">
        <v>0</v>
      </c>
      <c r="FA18" s="326">
        <v>0</v>
      </c>
      <c r="FB18" s="327">
        <v>0</v>
      </c>
      <c r="FC18" s="331">
        <v>0</v>
      </c>
      <c r="FD18" s="404">
        <v>0</v>
      </c>
      <c r="FE18" s="327">
        <v>0</v>
      </c>
      <c r="FF18" s="327">
        <v>0</v>
      </c>
      <c r="FG18" s="327">
        <v>0</v>
      </c>
      <c r="FH18" s="327">
        <v>0</v>
      </c>
      <c r="FI18" s="327">
        <v>0</v>
      </c>
      <c r="FJ18" s="328">
        <v>0</v>
      </c>
      <c r="FK18" s="330">
        <v>0</v>
      </c>
      <c r="FL18" s="326">
        <v>347263</v>
      </c>
      <c r="FM18" s="327">
        <v>354242</v>
      </c>
      <c r="FN18" s="328">
        <v>701505</v>
      </c>
      <c r="FO18" s="326">
        <v>0</v>
      </c>
      <c r="FP18" s="327">
        <v>294057</v>
      </c>
      <c r="FQ18" s="327">
        <v>745395</v>
      </c>
      <c r="FR18" s="327">
        <v>486591</v>
      </c>
      <c r="FS18" s="327">
        <v>722834</v>
      </c>
      <c r="FT18" s="327">
        <v>390950</v>
      </c>
      <c r="FU18" s="328">
        <v>2639827</v>
      </c>
      <c r="FV18" s="330">
        <v>3341332</v>
      </c>
      <c r="FW18" s="333">
        <v>111307</v>
      </c>
      <c r="FX18" s="327">
        <v>333914</v>
      </c>
      <c r="FY18" s="331">
        <v>445221</v>
      </c>
      <c r="FZ18" s="332">
        <v>0</v>
      </c>
      <c r="GA18" s="327">
        <v>266245</v>
      </c>
      <c r="GB18" s="327">
        <v>692195</v>
      </c>
      <c r="GC18" s="327">
        <v>486591</v>
      </c>
      <c r="GD18" s="327">
        <v>697634</v>
      </c>
      <c r="GE18" s="327">
        <v>320950</v>
      </c>
      <c r="GF18" s="328">
        <v>2463615</v>
      </c>
      <c r="GG18" s="334">
        <v>2908836</v>
      </c>
      <c r="GH18" s="333">
        <v>43505</v>
      </c>
      <c r="GI18" s="327">
        <v>20328</v>
      </c>
      <c r="GJ18" s="331">
        <v>63833</v>
      </c>
      <c r="GK18" s="332">
        <v>0</v>
      </c>
      <c r="GL18" s="327">
        <v>27812</v>
      </c>
      <c r="GM18" s="327">
        <v>0</v>
      </c>
      <c r="GN18" s="327">
        <v>0</v>
      </c>
      <c r="GO18" s="327">
        <v>0</v>
      </c>
      <c r="GP18" s="327">
        <v>70000</v>
      </c>
      <c r="GQ18" s="328">
        <v>97812</v>
      </c>
      <c r="GR18" s="330">
        <v>161645</v>
      </c>
      <c r="GS18" s="326">
        <v>192451</v>
      </c>
      <c r="GT18" s="327">
        <v>0</v>
      </c>
      <c r="GU18" s="328">
        <v>192451</v>
      </c>
      <c r="GV18" s="326">
        <v>0</v>
      </c>
      <c r="GW18" s="327">
        <v>0</v>
      </c>
      <c r="GX18" s="327">
        <v>53200</v>
      </c>
      <c r="GY18" s="327">
        <v>0</v>
      </c>
      <c r="GZ18" s="327">
        <v>25200</v>
      </c>
      <c r="HA18" s="327">
        <v>0</v>
      </c>
      <c r="HB18" s="331">
        <v>78400</v>
      </c>
      <c r="HC18" s="330">
        <v>270851</v>
      </c>
      <c r="HD18" s="326">
        <v>158432</v>
      </c>
      <c r="HE18" s="327">
        <v>419249</v>
      </c>
      <c r="HF18" s="331">
        <v>577681</v>
      </c>
      <c r="HG18" s="332">
        <v>0</v>
      </c>
      <c r="HH18" s="327">
        <v>1584145</v>
      </c>
      <c r="HI18" s="327">
        <v>1327676</v>
      </c>
      <c r="HJ18" s="327">
        <v>2498470</v>
      </c>
      <c r="HK18" s="327">
        <v>2390597</v>
      </c>
      <c r="HL18" s="327">
        <v>2168403</v>
      </c>
      <c r="HM18" s="328">
        <v>9969291</v>
      </c>
      <c r="HN18" s="329">
        <v>10546972</v>
      </c>
      <c r="HO18" s="333">
        <v>0</v>
      </c>
      <c r="HP18" s="327">
        <v>0</v>
      </c>
      <c r="HQ18" s="328">
        <v>0</v>
      </c>
      <c r="HR18" s="326">
        <v>0</v>
      </c>
      <c r="HS18" s="327">
        <v>0</v>
      </c>
      <c r="HT18" s="327">
        <v>0</v>
      </c>
      <c r="HU18" s="327">
        <v>0</v>
      </c>
      <c r="HV18" s="327">
        <v>0</v>
      </c>
      <c r="HW18" s="327">
        <v>0</v>
      </c>
      <c r="HX18" s="331">
        <v>0</v>
      </c>
      <c r="HY18" s="330">
        <v>0</v>
      </c>
      <c r="HZ18" s="358">
        <v>0</v>
      </c>
      <c r="IA18" s="356">
        <v>0</v>
      </c>
      <c r="IB18" s="358">
        <v>0</v>
      </c>
      <c r="IC18" s="355">
        <v>0</v>
      </c>
      <c r="ID18" s="356">
        <v>736595</v>
      </c>
      <c r="IE18" s="357">
        <v>1576145</v>
      </c>
      <c r="IF18" s="358">
        <v>1064553</v>
      </c>
      <c r="IG18" s="356">
        <v>1574164</v>
      </c>
      <c r="IH18" s="358">
        <v>1603334</v>
      </c>
      <c r="II18" s="359">
        <v>6554791</v>
      </c>
      <c r="IJ18" s="358">
        <v>6554791</v>
      </c>
      <c r="IK18" s="342">
        <v>0</v>
      </c>
      <c r="IL18" s="343">
        <v>0</v>
      </c>
      <c r="IM18" s="344">
        <v>0</v>
      </c>
      <c r="IN18" s="404">
        <v>0</v>
      </c>
      <c r="IO18" s="345">
        <v>20132</v>
      </c>
      <c r="IP18" s="345">
        <v>0</v>
      </c>
      <c r="IQ18" s="345">
        <v>0</v>
      </c>
      <c r="IR18" s="345">
        <v>0</v>
      </c>
      <c r="IS18" s="345">
        <v>0</v>
      </c>
      <c r="IT18" s="346">
        <v>20132</v>
      </c>
      <c r="IU18" s="347">
        <v>20132</v>
      </c>
      <c r="IV18" s="348">
        <v>0</v>
      </c>
      <c r="IW18" s="345">
        <v>0</v>
      </c>
      <c r="IX18" s="349">
        <v>0</v>
      </c>
      <c r="IY18" s="404">
        <v>0</v>
      </c>
      <c r="IZ18" s="345">
        <v>0</v>
      </c>
      <c r="JA18" s="345">
        <v>0</v>
      </c>
      <c r="JB18" s="345">
        <v>0</v>
      </c>
      <c r="JC18" s="345">
        <v>0</v>
      </c>
      <c r="JD18" s="345">
        <v>0</v>
      </c>
      <c r="JE18" s="349">
        <v>0</v>
      </c>
      <c r="JF18" s="350">
        <v>0</v>
      </c>
      <c r="JG18" s="348">
        <v>0</v>
      </c>
      <c r="JH18" s="345">
        <v>0</v>
      </c>
      <c r="JI18" s="346">
        <v>0</v>
      </c>
      <c r="JJ18" s="351">
        <v>0</v>
      </c>
      <c r="JK18" s="345">
        <v>503883</v>
      </c>
      <c r="JL18" s="345">
        <v>339267</v>
      </c>
      <c r="JM18" s="345">
        <v>178679</v>
      </c>
      <c r="JN18" s="345">
        <v>209295</v>
      </c>
      <c r="JO18" s="345">
        <v>526684</v>
      </c>
      <c r="JP18" s="349">
        <v>1757808</v>
      </c>
      <c r="JQ18" s="347">
        <v>1757808</v>
      </c>
      <c r="JR18" s="348">
        <v>0</v>
      </c>
      <c r="JS18" s="345">
        <v>0</v>
      </c>
      <c r="JT18" s="346">
        <v>0</v>
      </c>
      <c r="JU18" s="351">
        <v>0</v>
      </c>
      <c r="JV18" s="345">
        <v>0</v>
      </c>
      <c r="JW18" s="345">
        <v>0</v>
      </c>
      <c r="JX18" s="345">
        <v>0</v>
      </c>
      <c r="JY18" s="345">
        <v>0</v>
      </c>
      <c r="JZ18" s="345">
        <v>0</v>
      </c>
      <c r="KA18" s="349">
        <v>0</v>
      </c>
      <c r="KB18" s="347">
        <v>0</v>
      </c>
      <c r="KC18" s="352">
        <v>0</v>
      </c>
      <c r="KD18" s="353">
        <v>0</v>
      </c>
      <c r="KE18" s="349">
        <v>0</v>
      </c>
      <c r="KF18" s="351">
        <v>0</v>
      </c>
      <c r="KG18" s="345">
        <v>0</v>
      </c>
      <c r="KH18" s="345">
        <v>0</v>
      </c>
      <c r="KI18" s="345">
        <v>217074</v>
      </c>
      <c r="KJ18" s="345">
        <v>464286</v>
      </c>
      <c r="KK18" s="345">
        <v>0</v>
      </c>
      <c r="KL18" s="349">
        <v>681360</v>
      </c>
      <c r="KM18" s="354">
        <v>681360</v>
      </c>
      <c r="KN18" s="342">
        <v>0</v>
      </c>
      <c r="KO18" s="343">
        <v>0</v>
      </c>
      <c r="KP18" s="344">
        <v>0</v>
      </c>
      <c r="KQ18" s="404">
        <v>0</v>
      </c>
      <c r="KR18" s="345">
        <v>212580</v>
      </c>
      <c r="KS18" s="345">
        <v>686503</v>
      </c>
      <c r="KT18" s="345">
        <v>0</v>
      </c>
      <c r="KU18" s="345">
        <v>233531</v>
      </c>
      <c r="KV18" s="345">
        <v>478041</v>
      </c>
      <c r="KW18" s="349">
        <v>1610655</v>
      </c>
      <c r="KX18" s="347">
        <v>1610655</v>
      </c>
      <c r="KY18" s="348">
        <v>0</v>
      </c>
      <c r="KZ18" s="345">
        <v>0</v>
      </c>
      <c r="LA18" s="349">
        <v>0</v>
      </c>
      <c r="LB18" s="404">
        <v>0</v>
      </c>
      <c r="LC18" s="345">
        <v>0</v>
      </c>
      <c r="LD18" s="345">
        <v>167937</v>
      </c>
      <c r="LE18" s="345">
        <v>186100</v>
      </c>
      <c r="LF18" s="345">
        <v>405454</v>
      </c>
      <c r="LG18" s="345">
        <v>0</v>
      </c>
      <c r="LH18" s="349">
        <v>759491</v>
      </c>
      <c r="LI18" s="350">
        <v>759491</v>
      </c>
      <c r="LJ18" s="348">
        <v>0</v>
      </c>
      <c r="LK18" s="345">
        <v>0</v>
      </c>
      <c r="LL18" s="349">
        <v>0</v>
      </c>
      <c r="LM18" s="404">
        <v>0</v>
      </c>
      <c r="LN18" s="345">
        <v>0</v>
      </c>
      <c r="LO18" s="345">
        <v>0</v>
      </c>
      <c r="LP18" s="345">
        <v>242725</v>
      </c>
      <c r="LQ18" s="345">
        <v>261598</v>
      </c>
      <c r="LR18" s="345">
        <v>279696</v>
      </c>
      <c r="LS18" s="349">
        <v>784019</v>
      </c>
      <c r="LT18" s="347">
        <v>784019</v>
      </c>
      <c r="LU18" s="348">
        <v>0</v>
      </c>
      <c r="LV18" s="345">
        <v>0</v>
      </c>
      <c r="LW18" s="349">
        <v>0</v>
      </c>
      <c r="LX18" s="404">
        <v>0</v>
      </c>
      <c r="LY18" s="345">
        <v>0</v>
      </c>
      <c r="LZ18" s="345">
        <v>382438</v>
      </c>
      <c r="MA18" s="345">
        <v>239975</v>
      </c>
      <c r="MB18" s="345">
        <v>0</v>
      </c>
      <c r="MC18" s="345">
        <v>318913</v>
      </c>
      <c r="MD18" s="349">
        <v>941326</v>
      </c>
      <c r="ME18" s="350">
        <v>941326</v>
      </c>
      <c r="MF18" s="348">
        <v>0</v>
      </c>
      <c r="MG18" s="345">
        <v>0</v>
      </c>
      <c r="MH18" s="349">
        <v>0</v>
      </c>
      <c r="MI18" s="404">
        <v>0</v>
      </c>
      <c r="MJ18" s="345">
        <v>208513</v>
      </c>
      <c r="MK18" s="345">
        <v>750316</v>
      </c>
      <c r="ML18" s="345">
        <v>1877431</v>
      </c>
      <c r="MM18" s="345">
        <v>6487516</v>
      </c>
      <c r="MN18" s="345">
        <v>1087087</v>
      </c>
      <c r="MO18" s="349">
        <v>10410863</v>
      </c>
      <c r="MP18" s="354">
        <v>10410863</v>
      </c>
      <c r="MQ18" s="348">
        <v>0</v>
      </c>
      <c r="MR18" s="345">
        <v>0</v>
      </c>
      <c r="MS18" s="349">
        <v>0</v>
      </c>
      <c r="MT18" s="404">
        <v>0</v>
      </c>
      <c r="MU18" s="345">
        <v>0</v>
      </c>
      <c r="MV18" s="345">
        <v>0</v>
      </c>
      <c r="MW18" s="345">
        <v>399171</v>
      </c>
      <c r="MX18" s="345">
        <v>2982901</v>
      </c>
      <c r="MY18" s="345">
        <v>823974</v>
      </c>
      <c r="MZ18" s="349">
        <v>4206046</v>
      </c>
      <c r="NA18" s="354">
        <v>4206046</v>
      </c>
      <c r="NB18" s="348">
        <v>0</v>
      </c>
      <c r="NC18" s="345">
        <v>0</v>
      </c>
      <c r="ND18" s="349">
        <v>0</v>
      </c>
      <c r="NE18" s="404">
        <v>0</v>
      </c>
      <c r="NF18" s="345">
        <v>208513</v>
      </c>
      <c r="NG18" s="345">
        <v>750316</v>
      </c>
      <c r="NH18" s="345">
        <v>1478260</v>
      </c>
      <c r="NI18" s="345">
        <v>2887414</v>
      </c>
      <c r="NJ18" s="345">
        <v>263113</v>
      </c>
      <c r="NK18" s="349">
        <v>5587616</v>
      </c>
      <c r="NL18" s="347">
        <v>5587616</v>
      </c>
      <c r="NM18" s="348">
        <v>0</v>
      </c>
      <c r="NN18" s="345">
        <v>0</v>
      </c>
      <c r="NO18" s="349">
        <v>0</v>
      </c>
      <c r="NP18" s="404">
        <v>0</v>
      </c>
      <c r="NQ18" s="345">
        <v>0</v>
      </c>
      <c r="NR18" s="345">
        <v>0</v>
      </c>
      <c r="NS18" s="345">
        <v>0</v>
      </c>
      <c r="NT18" s="345">
        <v>0</v>
      </c>
      <c r="NU18" s="345">
        <v>0</v>
      </c>
      <c r="NV18" s="349">
        <v>0</v>
      </c>
      <c r="NW18" s="350">
        <v>0</v>
      </c>
      <c r="NX18" s="348">
        <v>0</v>
      </c>
      <c r="NY18" s="345">
        <v>0</v>
      </c>
      <c r="NZ18" s="349">
        <v>0</v>
      </c>
      <c r="OA18" s="404">
        <v>0</v>
      </c>
      <c r="OB18" s="345">
        <v>0</v>
      </c>
      <c r="OC18" s="345">
        <v>0</v>
      </c>
      <c r="OD18" s="345">
        <v>0</v>
      </c>
      <c r="OE18" s="345">
        <v>617201</v>
      </c>
      <c r="OF18" s="345">
        <v>0</v>
      </c>
      <c r="OG18" s="349">
        <v>617201</v>
      </c>
      <c r="OH18" s="350">
        <v>617201</v>
      </c>
      <c r="OI18" s="348">
        <v>885471</v>
      </c>
      <c r="OJ18" s="345">
        <v>1781641</v>
      </c>
      <c r="OK18" s="346">
        <v>2667112</v>
      </c>
      <c r="OL18" s="351">
        <v>0</v>
      </c>
      <c r="OM18" s="345">
        <v>7429359</v>
      </c>
      <c r="ON18" s="345">
        <v>9931780</v>
      </c>
      <c r="OO18" s="345">
        <v>10220320</v>
      </c>
      <c r="OP18" s="345">
        <v>15514655</v>
      </c>
      <c r="OQ18" s="345">
        <v>7991303</v>
      </c>
      <c r="OR18" s="349">
        <v>51087417</v>
      </c>
      <c r="OS18" s="354">
        <v>53754529</v>
      </c>
    </row>
    <row r="19" spans="2:409" s="70" customFormat="1" ht="21" customHeight="1" x14ac:dyDescent="0.2">
      <c r="B19" s="106" t="s">
        <v>13</v>
      </c>
      <c r="C19" s="326">
        <v>274649</v>
      </c>
      <c r="D19" s="327">
        <v>620893</v>
      </c>
      <c r="E19" s="328">
        <v>895542</v>
      </c>
      <c r="F19" s="326">
        <v>0</v>
      </c>
      <c r="G19" s="366">
        <v>4102637</v>
      </c>
      <c r="H19" s="327">
        <v>4943698</v>
      </c>
      <c r="I19" s="327">
        <v>3940142</v>
      </c>
      <c r="J19" s="327">
        <v>4425229</v>
      </c>
      <c r="K19" s="327">
        <v>3661652</v>
      </c>
      <c r="L19" s="331">
        <v>21073358</v>
      </c>
      <c r="M19" s="330">
        <v>21968900</v>
      </c>
      <c r="N19" s="326">
        <v>87001</v>
      </c>
      <c r="O19" s="327">
        <v>160744</v>
      </c>
      <c r="P19" s="328">
        <v>247745</v>
      </c>
      <c r="Q19" s="326">
        <v>0</v>
      </c>
      <c r="R19" s="327">
        <v>1336590</v>
      </c>
      <c r="S19" s="327">
        <v>2447743</v>
      </c>
      <c r="T19" s="327">
        <v>1887644</v>
      </c>
      <c r="U19" s="327">
        <v>2021411</v>
      </c>
      <c r="V19" s="327">
        <v>2340992</v>
      </c>
      <c r="W19" s="328">
        <v>10034380</v>
      </c>
      <c r="X19" s="330">
        <v>10282125</v>
      </c>
      <c r="Y19" s="326">
        <v>0</v>
      </c>
      <c r="Z19" s="327">
        <v>0</v>
      </c>
      <c r="AA19" s="328">
        <v>0</v>
      </c>
      <c r="AB19" s="326">
        <v>0</v>
      </c>
      <c r="AC19" s="327">
        <v>418551</v>
      </c>
      <c r="AD19" s="327">
        <v>1197187</v>
      </c>
      <c r="AE19" s="327">
        <v>1189304</v>
      </c>
      <c r="AF19" s="327">
        <v>1559082</v>
      </c>
      <c r="AG19" s="327">
        <v>1516118</v>
      </c>
      <c r="AH19" s="328">
        <v>5880242</v>
      </c>
      <c r="AI19" s="330">
        <v>5880242</v>
      </c>
      <c r="AJ19" s="326">
        <v>0</v>
      </c>
      <c r="AK19" s="327">
        <v>0</v>
      </c>
      <c r="AL19" s="328">
        <v>0</v>
      </c>
      <c r="AM19" s="326">
        <v>0</v>
      </c>
      <c r="AN19" s="327">
        <v>0</v>
      </c>
      <c r="AO19" s="327">
        <v>31528</v>
      </c>
      <c r="AP19" s="327">
        <v>0</v>
      </c>
      <c r="AQ19" s="327">
        <v>86549</v>
      </c>
      <c r="AR19" s="327">
        <v>199676</v>
      </c>
      <c r="AS19" s="328">
        <v>317753</v>
      </c>
      <c r="AT19" s="330">
        <v>317753</v>
      </c>
      <c r="AU19" s="326">
        <v>20942</v>
      </c>
      <c r="AV19" s="327">
        <v>88280</v>
      </c>
      <c r="AW19" s="328">
        <v>109222</v>
      </c>
      <c r="AX19" s="326">
        <v>0</v>
      </c>
      <c r="AY19" s="327">
        <v>649225</v>
      </c>
      <c r="AZ19" s="327">
        <v>716763</v>
      </c>
      <c r="BA19" s="327">
        <v>452629</v>
      </c>
      <c r="BB19" s="327">
        <v>175363</v>
      </c>
      <c r="BC19" s="327">
        <v>361969</v>
      </c>
      <c r="BD19" s="328">
        <v>2355949</v>
      </c>
      <c r="BE19" s="330">
        <v>2465171</v>
      </c>
      <c r="BF19" s="326">
        <v>18522</v>
      </c>
      <c r="BG19" s="327">
        <v>0</v>
      </c>
      <c r="BH19" s="331">
        <v>18522</v>
      </c>
      <c r="BI19" s="332">
        <v>0</v>
      </c>
      <c r="BJ19" s="327">
        <v>9625</v>
      </c>
      <c r="BK19" s="327">
        <v>113576</v>
      </c>
      <c r="BL19" s="327">
        <v>28564</v>
      </c>
      <c r="BM19" s="327">
        <v>0</v>
      </c>
      <c r="BN19" s="327">
        <v>114969</v>
      </c>
      <c r="BO19" s="328">
        <v>266734</v>
      </c>
      <c r="BP19" s="330">
        <v>285256</v>
      </c>
      <c r="BQ19" s="326">
        <v>47537</v>
      </c>
      <c r="BR19" s="327">
        <v>72464</v>
      </c>
      <c r="BS19" s="328">
        <v>120001</v>
      </c>
      <c r="BT19" s="326">
        <v>0</v>
      </c>
      <c r="BU19" s="327">
        <v>259189</v>
      </c>
      <c r="BV19" s="327">
        <v>388689</v>
      </c>
      <c r="BW19" s="327">
        <v>217147</v>
      </c>
      <c r="BX19" s="327">
        <v>200417</v>
      </c>
      <c r="BY19" s="327">
        <v>148260</v>
      </c>
      <c r="BZ19" s="328">
        <v>1213702</v>
      </c>
      <c r="CA19" s="330">
        <v>1333703</v>
      </c>
      <c r="CB19" s="326">
        <v>19094</v>
      </c>
      <c r="CC19" s="327">
        <v>0</v>
      </c>
      <c r="CD19" s="328">
        <v>19094</v>
      </c>
      <c r="CE19" s="326">
        <v>0</v>
      </c>
      <c r="CF19" s="327">
        <v>708896</v>
      </c>
      <c r="CG19" s="327">
        <v>777649</v>
      </c>
      <c r="CH19" s="327">
        <v>492413</v>
      </c>
      <c r="CI19" s="327">
        <v>477525</v>
      </c>
      <c r="CJ19" s="327">
        <v>308400</v>
      </c>
      <c r="CK19" s="328">
        <v>2764883</v>
      </c>
      <c r="CL19" s="330">
        <v>2783977</v>
      </c>
      <c r="CM19" s="326">
        <v>0</v>
      </c>
      <c r="CN19" s="327">
        <v>0</v>
      </c>
      <c r="CO19" s="328">
        <v>0</v>
      </c>
      <c r="CP19" s="332">
        <v>0</v>
      </c>
      <c r="CQ19" s="327">
        <v>626891</v>
      </c>
      <c r="CR19" s="327">
        <v>498101</v>
      </c>
      <c r="CS19" s="327">
        <v>364363</v>
      </c>
      <c r="CT19" s="327">
        <v>155407</v>
      </c>
      <c r="CU19" s="327">
        <v>308400</v>
      </c>
      <c r="CV19" s="328">
        <v>1953162</v>
      </c>
      <c r="CW19" s="330">
        <v>1953162</v>
      </c>
      <c r="CX19" s="326">
        <v>19094</v>
      </c>
      <c r="CY19" s="327">
        <v>0</v>
      </c>
      <c r="CZ19" s="328">
        <v>19094</v>
      </c>
      <c r="DA19" s="326">
        <v>0</v>
      </c>
      <c r="DB19" s="327">
        <v>82005</v>
      </c>
      <c r="DC19" s="327">
        <v>279548</v>
      </c>
      <c r="DD19" s="327">
        <v>128050</v>
      </c>
      <c r="DE19" s="327">
        <v>322118</v>
      </c>
      <c r="DF19" s="327">
        <v>0</v>
      </c>
      <c r="DG19" s="328">
        <v>811721</v>
      </c>
      <c r="DH19" s="330">
        <v>830815</v>
      </c>
      <c r="DI19" s="326">
        <v>0</v>
      </c>
      <c r="DJ19" s="327">
        <v>0</v>
      </c>
      <c r="DK19" s="331">
        <v>0</v>
      </c>
      <c r="DL19" s="332">
        <v>0</v>
      </c>
      <c r="DM19" s="327">
        <v>0</v>
      </c>
      <c r="DN19" s="327">
        <v>144233</v>
      </c>
      <c r="DO19" s="327">
        <v>45915</v>
      </c>
      <c r="DP19" s="327">
        <v>73344</v>
      </c>
      <c r="DQ19" s="327">
        <v>0</v>
      </c>
      <c r="DR19" s="328">
        <v>263492</v>
      </c>
      <c r="DS19" s="330">
        <v>263492</v>
      </c>
      <c r="DT19" s="326">
        <v>0</v>
      </c>
      <c r="DU19" s="327">
        <v>0</v>
      </c>
      <c r="DV19" s="328">
        <v>0</v>
      </c>
      <c r="DW19" s="326">
        <v>0</v>
      </c>
      <c r="DX19" s="327">
        <v>0</v>
      </c>
      <c r="DY19" s="327">
        <v>144233</v>
      </c>
      <c r="DZ19" s="327">
        <v>16363</v>
      </c>
      <c r="EA19" s="327">
        <v>0</v>
      </c>
      <c r="EB19" s="327">
        <v>0</v>
      </c>
      <c r="EC19" s="328">
        <v>160596</v>
      </c>
      <c r="ED19" s="330">
        <v>160596</v>
      </c>
      <c r="EE19" s="326">
        <v>0</v>
      </c>
      <c r="EF19" s="331">
        <v>0</v>
      </c>
      <c r="EG19" s="328">
        <v>0</v>
      </c>
      <c r="EH19" s="326">
        <v>0</v>
      </c>
      <c r="EI19" s="327">
        <v>0</v>
      </c>
      <c r="EJ19" s="327">
        <v>0</v>
      </c>
      <c r="EK19" s="327">
        <v>29552</v>
      </c>
      <c r="EL19" s="327">
        <v>73344</v>
      </c>
      <c r="EM19" s="327">
        <v>0</v>
      </c>
      <c r="EN19" s="331">
        <v>102896</v>
      </c>
      <c r="EO19" s="330">
        <v>102896</v>
      </c>
      <c r="EP19" s="326">
        <v>0</v>
      </c>
      <c r="EQ19" s="327">
        <v>0</v>
      </c>
      <c r="ER19" s="331">
        <v>0</v>
      </c>
      <c r="ES19" s="332">
        <v>0</v>
      </c>
      <c r="ET19" s="327">
        <v>0</v>
      </c>
      <c r="EU19" s="327">
        <v>0</v>
      </c>
      <c r="EV19" s="327">
        <v>0</v>
      </c>
      <c r="EW19" s="327">
        <v>0</v>
      </c>
      <c r="EX19" s="327">
        <v>0</v>
      </c>
      <c r="EY19" s="328">
        <v>0</v>
      </c>
      <c r="EZ19" s="330">
        <v>0</v>
      </c>
      <c r="FA19" s="326">
        <v>0</v>
      </c>
      <c r="FB19" s="327">
        <v>0</v>
      </c>
      <c r="FC19" s="331">
        <v>0</v>
      </c>
      <c r="FD19" s="404">
        <v>0</v>
      </c>
      <c r="FE19" s="327">
        <v>0</v>
      </c>
      <c r="FF19" s="327">
        <v>0</v>
      </c>
      <c r="FG19" s="327">
        <v>0</v>
      </c>
      <c r="FH19" s="327">
        <v>0</v>
      </c>
      <c r="FI19" s="327">
        <v>0</v>
      </c>
      <c r="FJ19" s="328">
        <v>0</v>
      </c>
      <c r="FK19" s="330">
        <v>0</v>
      </c>
      <c r="FL19" s="326">
        <v>19978</v>
      </c>
      <c r="FM19" s="327">
        <v>119371</v>
      </c>
      <c r="FN19" s="328">
        <v>139349</v>
      </c>
      <c r="FO19" s="326">
        <v>0</v>
      </c>
      <c r="FP19" s="327">
        <v>305046</v>
      </c>
      <c r="FQ19" s="327">
        <v>512624</v>
      </c>
      <c r="FR19" s="327">
        <v>231798</v>
      </c>
      <c r="FS19" s="327">
        <v>256494</v>
      </c>
      <c r="FT19" s="327">
        <v>286139</v>
      </c>
      <c r="FU19" s="328">
        <v>1592101</v>
      </c>
      <c r="FV19" s="330">
        <v>1731450</v>
      </c>
      <c r="FW19" s="333">
        <v>19978</v>
      </c>
      <c r="FX19" s="327">
        <v>119371</v>
      </c>
      <c r="FY19" s="331">
        <v>139349</v>
      </c>
      <c r="FZ19" s="332">
        <v>0</v>
      </c>
      <c r="GA19" s="327">
        <v>138446</v>
      </c>
      <c r="GB19" s="327">
        <v>474754</v>
      </c>
      <c r="GC19" s="327">
        <v>231798</v>
      </c>
      <c r="GD19" s="327">
        <v>177142</v>
      </c>
      <c r="GE19" s="327">
        <v>286139</v>
      </c>
      <c r="GF19" s="328">
        <v>1308279</v>
      </c>
      <c r="GG19" s="334">
        <v>1447628</v>
      </c>
      <c r="GH19" s="333">
        <v>0</v>
      </c>
      <c r="GI19" s="327">
        <v>0</v>
      </c>
      <c r="GJ19" s="331">
        <v>0</v>
      </c>
      <c r="GK19" s="332">
        <v>0</v>
      </c>
      <c r="GL19" s="327">
        <v>0</v>
      </c>
      <c r="GM19" s="327">
        <v>37870</v>
      </c>
      <c r="GN19" s="327">
        <v>0</v>
      </c>
      <c r="GO19" s="327">
        <v>21252</v>
      </c>
      <c r="GP19" s="327">
        <v>0</v>
      </c>
      <c r="GQ19" s="328">
        <v>59122</v>
      </c>
      <c r="GR19" s="330">
        <v>59122</v>
      </c>
      <c r="GS19" s="326">
        <v>0</v>
      </c>
      <c r="GT19" s="327">
        <v>0</v>
      </c>
      <c r="GU19" s="328">
        <v>0</v>
      </c>
      <c r="GV19" s="326">
        <v>0</v>
      </c>
      <c r="GW19" s="327">
        <v>166600</v>
      </c>
      <c r="GX19" s="327">
        <v>0</v>
      </c>
      <c r="GY19" s="327">
        <v>0</v>
      </c>
      <c r="GZ19" s="327">
        <v>58100</v>
      </c>
      <c r="HA19" s="327">
        <v>0</v>
      </c>
      <c r="HB19" s="331">
        <v>224700</v>
      </c>
      <c r="HC19" s="330">
        <v>224700</v>
      </c>
      <c r="HD19" s="326">
        <v>148576</v>
      </c>
      <c r="HE19" s="327">
        <v>340778</v>
      </c>
      <c r="HF19" s="331">
        <v>489354</v>
      </c>
      <c r="HG19" s="332">
        <v>0</v>
      </c>
      <c r="HH19" s="327">
        <v>1752105</v>
      </c>
      <c r="HI19" s="327">
        <v>1061449</v>
      </c>
      <c r="HJ19" s="327">
        <v>1282372</v>
      </c>
      <c r="HK19" s="327">
        <v>1596455</v>
      </c>
      <c r="HL19" s="327">
        <v>726121</v>
      </c>
      <c r="HM19" s="328">
        <v>6418502</v>
      </c>
      <c r="HN19" s="329">
        <v>6907856</v>
      </c>
      <c r="HO19" s="333">
        <v>0</v>
      </c>
      <c r="HP19" s="327">
        <v>0</v>
      </c>
      <c r="HQ19" s="328">
        <v>0</v>
      </c>
      <c r="HR19" s="326">
        <v>0</v>
      </c>
      <c r="HS19" s="327">
        <v>0</v>
      </c>
      <c r="HT19" s="327">
        <v>0</v>
      </c>
      <c r="HU19" s="327">
        <v>0</v>
      </c>
      <c r="HV19" s="327">
        <v>0</v>
      </c>
      <c r="HW19" s="327">
        <v>0</v>
      </c>
      <c r="HX19" s="331">
        <v>0</v>
      </c>
      <c r="HY19" s="330">
        <v>0</v>
      </c>
      <c r="HZ19" s="335">
        <v>0</v>
      </c>
      <c r="IA19" s="336">
        <v>0</v>
      </c>
      <c r="IB19" s="337">
        <v>0</v>
      </c>
      <c r="IC19" s="338">
        <v>0</v>
      </c>
      <c r="ID19" s="336">
        <v>718895</v>
      </c>
      <c r="IE19" s="339">
        <v>553512</v>
      </c>
      <c r="IF19" s="337">
        <v>1104648</v>
      </c>
      <c r="IG19" s="336">
        <v>125426</v>
      </c>
      <c r="IH19" s="337">
        <v>373590</v>
      </c>
      <c r="II19" s="340">
        <v>2876071</v>
      </c>
      <c r="IJ19" s="341">
        <v>2876071</v>
      </c>
      <c r="IK19" s="342">
        <v>0</v>
      </c>
      <c r="IL19" s="343">
        <v>0</v>
      </c>
      <c r="IM19" s="344">
        <v>0</v>
      </c>
      <c r="IN19" s="404">
        <v>0</v>
      </c>
      <c r="IO19" s="345">
        <v>0</v>
      </c>
      <c r="IP19" s="345">
        <v>0</v>
      </c>
      <c r="IQ19" s="345">
        <v>0</v>
      </c>
      <c r="IR19" s="345">
        <v>0</v>
      </c>
      <c r="IS19" s="345">
        <v>0</v>
      </c>
      <c r="IT19" s="346">
        <v>0</v>
      </c>
      <c r="IU19" s="347">
        <v>0</v>
      </c>
      <c r="IV19" s="348">
        <v>0</v>
      </c>
      <c r="IW19" s="345">
        <v>0</v>
      </c>
      <c r="IX19" s="349">
        <v>0</v>
      </c>
      <c r="IY19" s="404">
        <v>0</v>
      </c>
      <c r="IZ19" s="345">
        <v>0</v>
      </c>
      <c r="JA19" s="345">
        <v>0</v>
      </c>
      <c r="JB19" s="345">
        <v>0</v>
      </c>
      <c r="JC19" s="345">
        <v>0</v>
      </c>
      <c r="JD19" s="345">
        <v>0</v>
      </c>
      <c r="JE19" s="349">
        <v>0</v>
      </c>
      <c r="JF19" s="350">
        <v>0</v>
      </c>
      <c r="JG19" s="348">
        <v>0</v>
      </c>
      <c r="JH19" s="345">
        <v>0</v>
      </c>
      <c r="JI19" s="346">
        <v>0</v>
      </c>
      <c r="JJ19" s="351">
        <v>0</v>
      </c>
      <c r="JK19" s="345">
        <v>377194</v>
      </c>
      <c r="JL19" s="345">
        <v>427883</v>
      </c>
      <c r="JM19" s="345">
        <v>566576</v>
      </c>
      <c r="JN19" s="345">
        <v>125426</v>
      </c>
      <c r="JO19" s="345">
        <v>124782</v>
      </c>
      <c r="JP19" s="349">
        <v>1621861</v>
      </c>
      <c r="JQ19" s="347">
        <v>1621861</v>
      </c>
      <c r="JR19" s="348">
        <v>0</v>
      </c>
      <c r="JS19" s="345">
        <v>0</v>
      </c>
      <c r="JT19" s="346">
        <v>0</v>
      </c>
      <c r="JU19" s="351">
        <v>0</v>
      </c>
      <c r="JV19" s="345">
        <v>0</v>
      </c>
      <c r="JW19" s="345">
        <v>125629</v>
      </c>
      <c r="JX19" s="345">
        <v>82723</v>
      </c>
      <c r="JY19" s="345">
        <v>0</v>
      </c>
      <c r="JZ19" s="345">
        <v>0</v>
      </c>
      <c r="KA19" s="349">
        <v>208352</v>
      </c>
      <c r="KB19" s="347">
        <v>208352</v>
      </c>
      <c r="KC19" s="352">
        <v>0</v>
      </c>
      <c r="KD19" s="353">
        <v>0</v>
      </c>
      <c r="KE19" s="349">
        <v>0</v>
      </c>
      <c r="KF19" s="351">
        <v>0</v>
      </c>
      <c r="KG19" s="345">
        <v>121645</v>
      </c>
      <c r="KH19" s="345">
        <v>0</v>
      </c>
      <c r="KI19" s="345">
        <v>223680</v>
      </c>
      <c r="KJ19" s="345">
        <v>0</v>
      </c>
      <c r="KK19" s="345">
        <v>0</v>
      </c>
      <c r="KL19" s="349">
        <v>345325</v>
      </c>
      <c r="KM19" s="354">
        <v>345325</v>
      </c>
      <c r="KN19" s="342">
        <v>0</v>
      </c>
      <c r="KO19" s="343">
        <v>0</v>
      </c>
      <c r="KP19" s="344">
        <v>0</v>
      </c>
      <c r="KQ19" s="404">
        <v>0</v>
      </c>
      <c r="KR19" s="345">
        <v>220056</v>
      </c>
      <c r="KS19" s="345">
        <v>0</v>
      </c>
      <c r="KT19" s="345">
        <v>231669</v>
      </c>
      <c r="KU19" s="345">
        <v>0</v>
      </c>
      <c r="KV19" s="345">
        <v>248808</v>
      </c>
      <c r="KW19" s="349">
        <v>700533</v>
      </c>
      <c r="KX19" s="347">
        <v>700533</v>
      </c>
      <c r="KY19" s="348">
        <v>0</v>
      </c>
      <c r="KZ19" s="345">
        <v>0</v>
      </c>
      <c r="LA19" s="349">
        <v>0</v>
      </c>
      <c r="LB19" s="404">
        <v>0</v>
      </c>
      <c r="LC19" s="345">
        <v>0</v>
      </c>
      <c r="LD19" s="345">
        <v>0</v>
      </c>
      <c r="LE19" s="345">
        <v>0</v>
      </c>
      <c r="LF19" s="345">
        <v>0</v>
      </c>
      <c r="LG19" s="345">
        <v>0</v>
      </c>
      <c r="LH19" s="349">
        <v>0</v>
      </c>
      <c r="LI19" s="350">
        <v>0</v>
      </c>
      <c r="LJ19" s="348">
        <v>0</v>
      </c>
      <c r="LK19" s="345">
        <v>0</v>
      </c>
      <c r="LL19" s="349">
        <v>0</v>
      </c>
      <c r="LM19" s="404">
        <v>0</v>
      </c>
      <c r="LN19" s="345">
        <v>0</v>
      </c>
      <c r="LO19" s="345">
        <v>0</v>
      </c>
      <c r="LP19" s="345">
        <v>0</v>
      </c>
      <c r="LQ19" s="345">
        <v>0</v>
      </c>
      <c r="LR19" s="345">
        <v>0</v>
      </c>
      <c r="LS19" s="349">
        <v>0</v>
      </c>
      <c r="LT19" s="347">
        <v>0</v>
      </c>
      <c r="LU19" s="348">
        <v>0</v>
      </c>
      <c r="LV19" s="345">
        <v>0</v>
      </c>
      <c r="LW19" s="349">
        <v>0</v>
      </c>
      <c r="LX19" s="404">
        <v>0</v>
      </c>
      <c r="LY19" s="345">
        <v>0</v>
      </c>
      <c r="LZ19" s="345">
        <v>0</v>
      </c>
      <c r="MA19" s="345">
        <v>0</v>
      </c>
      <c r="MB19" s="345">
        <v>0</v>
      </c>
      <c r="MC19" s="345">
        <v>0</v>
      </c>
      <c r="MD19" s="349">
        <v>0</v>
      </c>
      <c r="ME19" s="350">
        <v>0</v>
      </c>
      <c r="MF19" s="348">
        <v>0</v>
      </c>
      <c r="MG19" s="345">
        <v>0</v>
      </c>
      <c r="MH19" s="349">
        <v>0</v>
      </c>
      <c r="MI19" s="404">
        <v>0</v>
      </c>
      <c r="MJ19" s="345">
        <v>0</v>
      </c>
      <c r="MK19" s="345">
        <v>212083</v>
      </c>
      <c r="ML19" s="345">
        <v>907918</v>
      </c>
      <c r="MM19" s="345">
        <v>1673887</v>
      </c>
      <c r="MN19" s="345">
        <v>1353570</v>
      </c>
      <c r="MO19" s="349">
        <v>4147458</v>
      </c>
      <c r="MP19" s="354">
        <v>4147458</v>
      </c>
      <c r="MQ19" s="348">
        <v>0</v>
      </c>
      <c r="MR19" s="345">
        <v>0</v>
      </c>
      <c r="MS19" s="349">
        <v>0</v>
      </c>
      <c r="MT19" s="404">
        <v>0</v>
      </c>
      <c r="MU19" s="345">
        <v>0</v>
      </c>
      <c r="MV19" s="345">
        <v>0</v>
      </c>
      <c r="MW19" s="345">
        <v>630137</v>
      </c>
      <c r="MX19" s="345">
        <v>1010047</v>
      </c>
      <c r="MY19" s="345">
        <v>1008662</v>
      </c>
      <c r="MZ19" s="349">
        <v>2648846</v>
      </c>
      <c r="NA19" s="354">
        <v>2648846</v>
      </c>
      <c r="NB19" s="348">
        <v>0</v>
      </c>
      <c r="NC19" s="345">
        <v>0</v>
      </c>
      <c r="ND19" s="349">
        <v>0</v>
      </c>
      <c r="NE19" s="404">
        <v>0</v>
      </c>
      <c r="NF19" s="345">
        <v>0</v>
      </c>
      <c r="NG19" s="345">
        <v>212083</v>
      </c>
      <c r="NH19" s="345">
        <v>277781</v>
      </c>
      <c r="NI19" s="345">
        <v>663840</v>
      </c>
      <c r="NJ19" s="345">
        <v>344908</v>
      </c>
      <c r="NK19" s="349">
        <v>1498612</v>
      </c>
      <c r="NL19" s="347">
        <v>1498612</v>
      </c>
      <c r="NM19" s="348">
        <v>0</v>
      </c>
      <c r="NN19" s="345">
        <v>0</v>
      </c>
      <c r="NO19" s="349">
        <v>0</v>
      </c>
      <c r="NP19" s="404">
        <v>0</v>
      </c>
      <c r="NQ19" s="345">
        <v>0</v>
      </c>
      <c r="NR19" s="345">
        <v>0</v>
      </c>
      <c r="NS19" s="345">
        <v>0</v>
      </c>
      <c r="NT19" s="345">
        <v>0</v>
      </c>
      <c r="NU19" s="345">
        <v>0</v>
      </c>
      <c r="NV19" s="349">
        <v>0</v>
      </c>
      <c r="NW19" s="350">
        <v>0</v>
      </c>
      <c r="NX19" s="348">
        <v>0</v>
      </c>
      <c r="NY19" s="345">
        <v>0</v>
      </c>
      <c r="NZ19" s="349">
        <v>0</v>
      </c>
      <c r="OA19" s="404">
        <v>0</v>
      </c>
      <c r="OB19" s="345">
        <v>0</v>
      </c>
      <c r="OC19" s="345">
        <v>0</v>
      </c>
      <c r="OD19" s="345">
        <v>0</v>
      </c>
      <c r="OE19" s="345">
        <v>0</v>
      </c>
      <c r="OF19" s="345">
        <v>0</v>
      </c>
      <c r="OG19" s="349">
        <v>0</v>
      </c>
      <c r="OH19" s="350">
        <v>0</v>
      </c>
      <c r="OI19" s="348">
        <v>274649</v>
      </c>
      <c r="OJ19" s="345">
        <v>620893</v>
      </c>
      <c r="OK19" s="346">
        <v>895542</v>
      </c>
      <c r="OL19" s="351">
        <v>0</v>
      </c>
      <c r="OM19" s="345">
        <v>4821532</v>
      </c>
      <c r="ON19" s="345">
        <v>5709293</v>
      </c>
      <c r="OO19" s="345">
        <v>5952708</v>
      </c>
      <c r="OP19" s="345">
        <v>6224542</v>
      </c>
      <c r="OQ19" s="345">
        <v>5388812</v>
      </c>
      <c r="OR19" s="349">
        <v>28096887</v>
      </c>
      <c r="OS19" s="354">
        <v>28992429</v>
      </c>
    </row>
    <row r="20" spans="2:409" s="70" customFormat="1" ht="21" customHeight="1" x14ac:dyDescent="0.2">
      <c r="B20" s="106" t="s">
        <v>15</v>
      </c>
      <c r="C20" s="326">
        <v>152327</v>
      </c>
      <c r="D20" s="327">
        <v>240383</v>
      </c>
      <c r="E20" s="328">
        <v>392710</v>
      </c>
      <c r="F20" s="329">
        <v>0</v>
      </c>
      <c r="G20" s="327">
        <v>845249</v>
      </c>
      <c r="H20" s="327">
        <v>1023951</v>
      </c>
      <c r="I20" s="327">
        <v>721905</v>
      </c>
      <c r="J20" s="327">
        <v>741194</v>
      </c>
      <c r="K20" s="327">
        <v>1744435</v>
      </c>
      <c r="L20" s="329">
        <v>5076734</v>
      </c>
      <c r="M20" s="330">
        <v>5469444</v>
      </c>
      <c r="N20" s="326">
        <v>0</v>
      </c>
      <c r="O20" s="327">
        <v>40981</v>
      </c>
      <c r="P20" s="328">
        <v>40981</v>
      </c>
      <c r="Q20" s="326">
        <v>0</v>
      </c>
      <c r="R20" s="327">
        <v>245877</v>
      </c>
      <c r="S20" s="327">
        <v>281005</v>
      </c>
      <c r="T20" s="327">
        <v>184350</v>
      </c>
      <c r="U20" s="327">
        <v>122988</v>
      </c>
      <c r="V20" s="327">
        <v>265543</v>
      </c>
      <c r="W20" s="328">
        <v>1099763</v>
      </c>
      <c r="X20" s="330">
        <v>1140744</v>
      </c>
      <c r="Y20" s="326">
        <v>0</v>
      </c>
      <c r="Z20" s="327">
        <v>0</v>
      </c>
      <c r="AA20" s="328">
        <v>0</v>
      </c>
      <c r="AB20" s="326">
        <v>0</v>
      </c>
      <c r="AC20" s="327">
        <v>114459</v>
      </c>
      <c r="AD20" s="327">
        <v>68714</v>
      </c>
      <c r="AE20" s="327">
        <v>0</v>
      </c>
      <c r="AF20" s="327">
        <v>5402</v>
      </c>
      <c r="AG20" s="327">
        <v>22201</v>
      </c>
      <c r="AH20" s="328">
        <v>210776</v>
      </c>
      <c r="AI20" s="330">
        <v>210776</v>
      </c>
      <c r="AJ20" s="326">
        <v>0</v>
      </c>
      <c r="AK20" s="327">
        <v>0</v>
      </c>
      <c r="AL20" s="328">
        <v>0</v>
      </c>
      <c r="AM20" s="326">
        <v>0</v>
      </c>
      <c r="AN20" s="327">
        <v>0</v>
      </c>
      <c r="AO20" s="327">
        <v>0</v>
      </c>
      <c r="AP20" s="327">
        <v>42037</v>
      </c>
      <c r="AQ20" s="327">
        <v>0</v>
      </c>
      <c r="AR20" s="327">
        <v>41513</v>
      </c>
      <c r="AS20" s="328">
        <v>83550</v>
      </c>
      <c r="AT20" s="330">
        <v>83550</v>
      </c>
      <c r="AU20" s="326">
        <v>0</v>
      </c>
      <c r="AV20" s="327">
        <v>40981</v>
      </c>
      <c r="AW20" s="328">
        <v>40981</v>
      </c>
      <c r="AX20" s="326">
        <v>0</v>
      </c>
      <c r="AY20" s="327">
        <v>60837</v>
      </c>
      <c r="AZ20" s="327">
        <v>116275</v>
      </c>
      <c r="BA20" s="327">
        <v>106193</v>
      </c>
      <c r="BB20" s="327">
        <v>56658</v>
      </c>
      <c r="BC20" s="327">
        <v>131315</v>
      </c>
      <c r="BD20" s="328">
        <v>471278</v>
      </c>
      <c r="BE20" s="330">
        <v>512259</v>
      </c>
      <c r="BF20" s="326">
        <v>0</v>
      </c>
      <c r="BG20" s="327">
        <v>0</v>
      </c>
      <c r="BH20" s="331">
        <v>0</v>
      </c>
      <c r="BI20" s="332">
        <v>0</v>
      </c>
      <c r="BJ20" s="327">
        <v>0</v>
      </c>
      <c r="BK20" s="327">
        <v>35011</v>
      </c>
      <c r="BL20" s="327">
        <v>0</v>
      </c>
      <c r="BM20" s="327">
        <v>0</v>
      </c>
      <c r="BN20" s="327">
        <v>21087</v>
      </c>
      <c r="BO20" s="328">
        <v>56098</v>
      </c>
      <c r="BP20" s="330">
        <v>56098</v>
      </c>
      <c r="BQ20" s="326">
        <v>0</v>
      </c>
      <c r="BR20" s="327">
        <v>0</v>
      </c>
      <c r="BS20" s="328">
        <v>0</v>
      </c>
      <c r="BT20" s="326">
        <v>0</v>
      </c>
      <c r="BU20" s="327">
        <v>70581</v>
      </c>
      <c r="BV20" s="327">
        <v>61005</v>
      </c>
      <c r="BW20" s="327">
        <v>36120</v>
      </c>
      <c r="BX20" s="327">
        <v>60928</v>
      </c>
      <c r="BY20" s="327">
        <v>49427</v>
      </c>
      <c r="BZ20" s="328">
        <v>278061</v>
      </c>
      <c r="CA20" s="330">
        <v>278061</v>
      </c>
      <c r="CB20" s="326">
        <v>18759</v>
      </c>
      <c r="CC20" s="327">
        <v>0</v>
      </c>
      <c r="CD20" s="328">
        <v>18759</v>
      </c>
      <c r="CE20" s="326">
        <v>0</v>
      </c>
      <c r="CF20" s="327">
        <v>41322</v>
      </c>
      <c r="CG20" s="327">
        <v>180520</v>
      </c>
      <c r="CH20" s="327">
        <v>152784</v>
      </c>
      <c r="CI20" s="327">
        <v>115717</v>
      </c>
      <c r="CJ20" s="327">
        <v>105079</v>
      </c>
      <c r="CK20" s="328">
        <v>595422</v>
      </c>
      <c r="CL20" s="330">
        <v>614181</v>
      </c>
      <c r="CM20" s="326">
        <v>0</v>
      </c>
      <c r="CN20" s="327">
        <v>0</v>
      </c>
      <c r="CO20" s="328">
        <v>0</v>
      </c>
      <c r="CP20" s="332">
        <v>0</v>
      </c>
      <c r="CQ20" s="327">
        <v>41322</v>
      </c>
      <c r="CR20" s="327">
        <v>72465</v>
      </c>
      <c r="CS20" s="327">
        <v>0</v>
      </c>
      <c r="CT20" s="327">
        <v>31703</v>
      </c>
      <c r="CU20" s="327">
        <v>0</v>
      </c>
      <c r="CV20" s="328">
        <v>145490</v>
      </c>
      <c r="CW20" s="330">
        <v>145490</v>
      </c>
      <c r="CX20" s="326">
        <v>18759</v>
      </c>
      <c r="CY20" s="327">
        <v>0</v>
      </c>
      <c r="CZ20" s="328">
        <v>18759</v>
      </c>
      <c r="DA20" s="326">
        <v>0</v>
      </c>
      <c r="DB20" s="327">
        <v>0</v>
      </c>
      <c r="DC20" s="327">
        <v>108055</v>
      </c>
      <c r="DD20" s="327">
        <v>152784</v>
      </c>
      <c r="DE20" s="327">
        <v>84014</v>
      </c>
      <c r="DF20" s="327">
        <v>105079</v>
      </c>
      <c r="DG20" s="328">
        <v>449932</v>
      </c>
      <c r="DH20" s="330">
        <v>468691</v>
      </c>
      <c r="DI20" s="326">
        <v>0</v>
      </c>
      <c r="DJ20" s="327">
        <v>0</v>
      </c>
      <c r="DK20" s="331">
        <v>0</v>
      </c>
      <c r="DL20" s="332">
        <v>0</v>
      </c>
      <c r="DM20" s="327">
        <v>25430</v>
      </c>
      <c r="DN20" s="327">
        <v>144258</v>
      </c>
      <c r="DO20" s="327">
        <v>0</v>
      </c>
      <c r="DP20" s="327">
        <v>234126</v>
      </c>
      <c r="DQ20" s="327">
        <v>286180</v>
      </c>
      <c r="DR20" s="328">
        <v>689994</v>
      </c>
      <c r="DS20" s="330">
        <v>689994</v>
      </c>
      <c r="DT20" s="326">
        <v>0</v>
      </c>
      <c r="DU20" s="327">
        <v>0</v>
      </c>
      <c r="DV20" s="328">
        <v>0</v>
      </c>
      <c r="DW20" s="326">
        <v>0</v>
      </c>
      <c r="DX20" s="327">
        <v>25430</v>
      </c>
      <c r="DY20" s="327">
        <v>111965</v>
      </c>
      <c r="DZ20" s="327">
        <v>0</v>
      </c>
      <c r="EA20" s="327">
        <v>234126</v>
      </c>
      <c r="EB20" s="327">
        <v>286180</v>
      </c>
      <c r="EC20" s="328">
        <v>657701</v>
      </c>
      <c r="ED20" s="330">
        <v>657701</v>
      </c>
      <c r="EE20" s="326">
        <v>0</v>
      </c>
      <c r="EF20" s="331">
        <v>0</v>
      </c>
      <c r="EG20" s="328">
        <v>0</v>
      </c>
      <c r="EH20" s="326">
        <v>0</v>
      </c>
      <c r="EI20" s="327">
        <v>0</v>
      </c>
      <c r="EJ20" s="327">
        <v>32293</v>
      </c>
      <c r="EK20" s="327">
        <v>0</v>
      </c>
      <c r="EL20" s="327">
        <v>0</v>
      </c>
      <c r="EM20" s="327">
        <v>0</v>
      </c>
      <c r="EN20" s="331">
        <v>32293</v>
      </c>
      <c r="EO20" s="330">
        <v>32293</v>
      </c>
      <c r="EP20" s="326">
        <v>0</v>
      </c>
      <c r="EQ20" s="327">
        <v>0</v>
      </c>
      <c r="ER20" s="331">
        <v>0</v>
      </c>
      <c r="ES20" s="332">
        <v>0</v>
      </c>
      <c r="ET20" s="327">
        <v>0</v>
      </c>
      <c r="EU20" s="327">
        <v>0</v>
      </c>
      <c r="EV20" s="327">
        <v>0</v>
      </c>
      <c r="EW20" s="327">
        <v>0</v>
      </c>
      <c r="EX20" s="327">
        <v>0</v>
      </c>
      <c r="EY20" s="328">
        <v>0</v>
      </c>
      <c r="EZ20" s="330">
        <v>0</v>
      </c>
      <c r="FA20" s="326">
        <v>0</v>
      </c>
      <c r="FB20" s="327">
        <v>0</v>
      </c>
      <c r="FC20" s="331">
        <v>0</v>
      </c>
      <c r="FD20" s="404">
        <v>0</v>
      </c>
      <c r="FE20" s="327">
        <v>0</v>
      </c>
      <c r="FF20" s="327">
        <v>0</v>
      </c>
      <c r="FG20" s="327">
        <v>0</v>
      </c>
      <c r="FH20" s="327">
        <v>0</v>
      </c>
      <c r="FI20" s="327">
        <v>0</v>
      </c>
      <c r="FJ20" s="328">
        <v>0</v>
      </c>
      <c r="FK20" s="330">
        <v>0</v>
      </c>
      <c r="FL20" s="326">
        <v>25466</v>
      </c>
      <c r="FM20" s="327">
        <v>24220</v>
      </c>
      <c r="FN20" s="328">
        <v>49686</v>
      </c>
      <c r="FO20" s="326">
        <v>0</v>
      </c>
      <c r="FP20" s="327">
        <v>84455</v>
      </c>
      <c r="FQ20" s="327">
        <v>88277</v>
      </c>
      <c r="FR20" s="327">
        <v>19649</v>
      </c>
      <c r="FS20" s="327">
        <v>64680</v>
      </c>
      <c r="FT20" s="327">
        <v>59794</v>
      </c>
      <c r="FU20" s="328">
        <v>316855</v>
      </c>
      <c r="FV20" s="330">
        <v>366541</v>
      </c>
      <c r="FW20" s="333">
        <v>9450</v>
      </c>
      <c r="FX20" s="327">
        <v>24220</v>
      </c>
      <c r="FY20" s="331">
        <v>33670</v>
      </c>
      <c r="FZ20" s="332">
        <v>0</v>
      </c>
      <c r="GA20" s="327">
        <v>27937</v>
      </c>
      <c r="GB20" s="327">
        <v>88277</v>
      </c>
      <c r="GC20" s="327">
        <v>19649</v>
      </c>
      <c r="GD20" s="327">
        <v>64680</v>
      </c>
      <c r="GE20" s="327">
        <v>38234</v>
      </c>
      <c r="GF20" s="328">
        <v>238777</v>
      </c>
      <c r="GG20" s="334">
        <v>272447</v>
      </c>
      <c r="GH20" s="333">
        <v>16016</v>
      </c>
      <c r="GI20" s="327">
        <v>0</v>
      </c>
      <c r="GJ20" s="331">
        <v>16016</v>
      </c>
      <c r="GK20" s="332">
        <v>0</v>
      </c>
      <c r="GL20" s="327">
        <v>0</v>
      </c>
      <c r="GM20" s="327">
        <v>0</v>
      </c>
      <c r="GN20" s="327">
        <v>0</v>
      </c>
      <c r="GO20" s="327">
        <v>0</v>
      </c>
      <c r="GP20" s="327">
        <v>21560</v>
      </c>
      <c r="GQ20" s="328">
        <v>21560</v>
      </c>
      <c r="GR20" s="330">
        <v>37576</v>
      </c>
      <c r="GS20" s="326">
        <v>0</v>
      </c>
      <c r="GT20" s="327">
        <v>0</v>
      </c>
      <c r="GU20" s="328">
        <v>0</v>
      </c>
      <c r="GV20" s="326">
        <v>0</v>
      </c>
      <c r="GW20" s="327">
        <v>56518</v>
      </c>
      <c r="GX20" s="327">
        <v>0</v>
      </c>
      <c r="GY20" s="327">
        <v>0</v>
      </c>
      <c r="GZ20" s="327">
        <v>0</v>
      </c>
      <c r="HA20" s="327">
        <v>0</v>
      </c>
      <c r="HB20" s="331">
        <v>56518</v>
      </c>
      <c r="HC20" s="330">
        <v>56518</v>
      </c>
      <c r="HD20" s="326">
        <v>108102</v>
      </c>
      <c r="HE20" s="327">
        <v>175182</v>
      </c>
      <c r="HF20" s="331">
        <v>283284</v>
      </c>
      <c r="HG20" s="332">
        <v>0</v>
      </c>
      <c r="HH20" s="327">
        <v>448165</v>
      </c>
      <c r="HI20" s="327">
        <v>329891</v>
      </c>
      <c r="HJ20" s="327">
        <v>365122</v>
      </c>
      <c r="HK20" s="327">
        <v>203683</v>
      </c>
      <c r="HL20" s="327">
        <v>1027839</v>
      </c>
      <c r="HM20" s="328">
        <v>2374700</v>
      </c>
      <c r="HN20" s="329">
        <v>2657984</v>
      </c>
      <c r="HO20" s="333">
        <v>0</v>
      </c>
      <c r="HP20" s="327">
        <v>0</v>
      </c>
      <c r="HQ20" s="328">
        <v>0</v>
      </c>
      <c r="HR20" s="326">
        <v>0</v>
      </c>
      <c r="HS20" s="327">
        <v>0</v>
      </c>
      <c r="HT20" s="327">
        <v>0</v>
      </c>
      <c r="HU20" s="327">
        <v>0</v>
      </c>
      <c r="HV20" s="327">
        <v>0</v>
      </c>
      <c r="HW20" s="327">
        <v>0</v>
      </c>
      <c r="HX20" s="331">
        <v>0</v>
      </c>
      <c r="HY20" s="330">
        <v>0</v>
      </c>
      <c r="HZ20" s="358">
        <v>0</v>
      </c>
      <c r="IA20" s="356">
        <v>0</v>
      </c>
      <c r="IB20" s="358">
        <v>0</v>
      </c>
      <c r="IC20" s="355">
        <v>0</v>
      </c>
      <c r="ID20" s="356">
        <v>152678</v>
      </c>
      <c r="IE20" s="357">
        <v>663215</v>
      </c>
      <c r="IF20" s="358">
        <v>14725</v>
      </c>
      <c r="IG20" s="356">
        <v>272919</v>
      </c>
      <c r="IH20" s="358">
        <v>153305</v>
      </c>
      <c r="II20" s="359">
        <v>1256842</v>
      </c>
      <c r="IJ20" s="358">
        <v>1256842</v>
      </c>
      <c r="IK20" s="342">
        <v>0</v>
      </c>
      <c r="IL20" s="343">
        <v>0</v>
      </c>
      <c r="IM20" s="344">
        <v>0</v>
      </c>
      <c r="IN20" s="404">
        <v>0</v>
      </c>
      <c r="IO20" s="345">
        <v>0</v>
      </c>
      <c r="IP20" s="345">
        <v>0</v>
      </c>
      <c r="IQ20" s="345">
        <v>0</v>
      </c>
      <c r="IR20" s="345">
        <v>0</v>
      </c>
      <c r="IS20" s="345">
        <v>0</v>
      </c>
      <c r="IT20" s="346">
        <v>0</v>
      </c>
      <c r="IU20" s="347">
        <v>0</v>
      </c>
      <c r="IV20" s="348">
        <v>0</v>
      </c>
      <c r="IW20" s="345">
        <v>0</v>
      </c>
      <c r="IX20" s="349">
        <v>0</v>
      </c>
      <c r="IY20" s="404">
        <v>0</v>
      </c>
      <c r="IZ20" s="345">
        <v>0</v>
      </c>
      <c r="JA20" s="345">
        <v>0</v>
      </c>
      <c r="JB20" s="345">
        <v>0</v>
      </c>
      <c r="JC20" s="345">
        <v>0</v>
      </c>
      <c r="JD20" s="345">
        <v>0</v>
      </c>
      <c r="JE20" s="349">
        <v>0</v>
      </c>
      <c r="JF20" s="350">
        <v>0</v>
      </c>
      <c r="JG20" s="348">
        <v>0</v>
      </c>
      <c r="JH20" s="345">
        <v>0</v>
      </c>
      <c r="JI20" s="346">
        <v>0</v>
      </c>
      <c r="JJ20" s="351">
        <v>0</v>
      </c>
      <c r="JK20" s="345">
        <v>152678</v>
      </c>
      <c r="JL20" s="345">
        <v>209448</v>
      </c>
      <c r="JM20" s="345">
        <v>14725</v>
      </c>
      <c r="JN20" s="345">
        <v>0</v>
      </c>
      <c r="JO20" s="345">
        <v>153305</v>
      </c>
      <c r="JP20" s="349">
        <v>530156</v>
      </c>
      <c r="JQ20" s="347">
        <v>530156</v>
      </c>
      <c r="JR20" s="348">
        <v>0</v>
      </c>
      <c r="JS20" s="345">
        <v>0</v>
      </c>
      <c r="JT20" s="346">
        <v>0</v>
      </c>
      <c r="JU20" s="351">
        <v>0</v>
      </c>
      <c r="JV20" s="345">
        <v>0</v>
      </c>
      <c r="JW20" s="345">
        <v>0</v>
      </c>
      <c r="JX20" s="345">
        <v>0</v>
      </c>
      <c r="JY20" s="345">
        <v>0</v>
      </c>
      <c r="JZ20" s="345">
        <v>0</v>
      </c>
      <c r="KA20" s="349">
        <v>0</v>
      </c>
      <c r="KB20" s="347">
        <v>0</v>
      </c>
      <c r="KC20" s="352">
        <v>0</v>
      </c>
      <c r="KD20" s="353">
        <v>0</v>
      </c>
      <c r="KE20" s="349">
        <v>0</v>
      </c>
      <c r="KF20" s="351">
        <v>0</v>
      </c>
      <c r="KG20" s="345">
        <v>0</v>
      </c>
      <c r="KH20" s="345">
        <v>0</v>
      </c>
      <c r="KI20" s="345">
        <v>0</v>
      </c>
      <c r="KJ20" s="345">
        <v>0</v>
      </c>
      <c r="KK20" s="345">
        <v>0</v>
      </c>
      <c r="KL20" s="349">
        <v>0</v>
      </c>
      <c r="KM20" s="354">
        <v>0</v>
      </c>
      <c r="KN20" s="342">
        <v>0</v>
      </c>
      <c r="KO20" s="343">
        <v>0</v>
      </c>
      <c r="KP20" s="344">
        <v>0</v>
      </c>
      <c r="KQ20" s="404">
        <v>0</v>
      </c>
      <c r="KR20" s="345">
        <v>0</v>
      </c>
      <c r="KS20" s="345">
        <v>453767</v>
      </c>
      <c r="KT20" s="345">
        <v>0</v>
      </c>
      <c r="KU20" s="345">
        <v>0</v>
      </c>
      <c r="KV20" s="345">
        <v>0</v>
      </c>
      <c r="KW20" s="349">
        <v>453767</v>
      </c>
      <c r="KX20" s="347">
        <v>453767</v>
      </c>
      <c r="KY20" s="348">
        <v>0</v>
      </c>
      <c r="KZ20" s="345">
        <v>0</v>
      </c>
      <c r="LA20" s="349">
        <v>0</v>
      </c>
      <c r="LB20" s="404">
        <v>0</v>
      </c>
      <c r="LC20" s="345">
        <v>0</v>
      </c>
      <c r="LD20" s="345">
        <v>0</v>
      </c>
      <c r="LE20" s="345">
        <v>0</v>
      </c>
      <c r="LF20" s="345">
        <v>0</v>
      </c>
      <c r="LG20" s="345">
        <v>0</v>
      </c>
      <c r="LH20" s="349">
        <v>0</v>
      </c>
      <c r="LI20" s="350">
        <v>0</v>
      </c>
      <c r="LJ20" s="348">
        <v>0</v>
      </c>
      <c r="LK20" s="345">
        <v>0</v>
      </c>
      <c r="LL20" s="349">
        <v>0</v>
      </c>
      <c r="LM20" s="404">
        <v>0</v>
      </c>
      <c r="LN20" s="345">
        <v>0</v>
      </c>
      <c r="LO20" s="345">
        <v>0</v>
      </c>
      <c r="LP20" s="345">
        <v>0</v>
      </c>
      <c r="LQ20" s="345">
        <v>272919</v>
      </c>
      <c r="LR20" s="345">
        <v>0</v>
      </c>
      <c r="LS20" s="349">
        <v>272919</v>
      </c>
      <c r="LT20" s="347">
        <v>272919</v>
      </c>
      <c r="LU20" s="348">
        <v>0</v>
      </c>
      <c r="LV20" s="345">
        <v>0</v>
      </c>
      <c r="LW20" s="349">
        <v>0</v>
      </c>
      <c r="LX20" s="404">
        <v>0</v>
      </c>
      <c r="LY20" s="345">
        <v>0</v>
      </c>
      <c r="LZ20" s="345">
        <v>0</v>
      </c>
      <c r="MA20" s="345">
        <v>0</v>
      </c>
      <c r="MB20" s="345">
        <v>0</v>
      </c>
      <c r="MC20" s="345">
        <v>0</v>
      </c>
      <c r="MD20" s="349">
        <v>0</v>
      </c>
      <c r="ME20" s="350">
        <v>0</v>
      </c>
      <c r="MF20" s="348">
        <v>0</v>
      </c>
      <c r="MG20" s="345">
        <v>0</v>
      </c>
      <c r="MH20" s="349">
        <v>0</v>
      </c>
      <c r="MI20" s="404">
        <v>0</v>
      </c>
      <c r="MJ20" s="345">
        <v>0</v>
      </c>
      <c r="MK20" s="345">
        <v>0</v>
      </c>
      <c r="ML20" s="345">
        <v>600072</v>
      </c>
      <c r="MM20" s="345">
        <v>494760</v>
      </c>
      <c r="MN20" s="345">
        <v>483658</v>
      </c>
      <c r="MO20" s="349">
        <v>1578490</v>
      </c>
      <c r="MP20" s="354">
        <v>1578490</v>
      </c>
      <c r="MQ20" s="348">
        <v>0</v>
      </c>
      <c r="MR20" s="345">
        <v>0</v>
      </c>
      <c r="MS20" s="349">
        <v>0</v>
      </c>
      <c r="MT20" s="404">
        <v>0</v>
      </c>
      <c r="MU20" s="345">
        <v>0</v>
      </c>
      <c r="MV20" s="345">
        <v>0</v>
      </c>
      <c r="MW20" s="345">
        <v>80825</v>
      </c>
      <c r="MX20" s="345">
        <v>494760</v>
      </c>
      <c r="MY20" s="345">
        <v>483658</v>
      </c>
      <c r="MZ20" s="349">
        <v>1059243</v>
      </c>
      <c r="NA20" s="354">
        <v>1059243</v>
      </c>
      <c r="NB20" s="348">
        <v>0</v>
      </c>
      <c r="NC20" s="345">
        <v>0</v>
      </c>
      <c r="ND20" s="349">
        <v>0</v>
      </c>
      <c r="NE20" s="404">
        <v>0</v>
      </c>
      <c r="NF20" s="345">
        <v>0</v>
      </c>
      <c r="NG20" s="345">
        <v>0</v>
      </c>
      <c r="NH20" s="345">
        <v>519247</v>
      </c>
      <c r="NI20" s="345">
        <v>0</v>
      </c>
      <c r="NJ20" s="345">
        <v>0</v>
      </c>
      <c r="NK20" s="349">
        <v>519247</v>
      </c>
      <c r="NL20" s="347">
        <v>519247</v>
      </c>
      <c r="NM20" s="348">
        <v>0</v>
      </c>
      <c r="NN20" s="345">
        <v>0</v>
      </c>
      <c r="NO20" s="349">
        <v>0</v>
      </c>
      <c r="NP20" s="404">
        <v>0</v>
      </c>
      <c r="NQ20" s="345">
        <v>0</v>
      </c>
      <c r="NR20" s="345">
        <v>0</v>
      </c>
      <c r="NS20" s="345">
        <v>0</v>
      </c>
      <c r="NT20" s="345">
        <v>0</v>
      </c>
      <c r="NU20" s="345">
        <v>0</v>
      </c>
      <c r="NV20" s="349">
        <v>0</v>
      </c>
      <c r="NW20" s="350">
        <v>0</v>
      </c>
      <c r="NX20" s="348">
        <v>0</v>
      </c>
      <c r="NY20" s="345">
        <v>0</v>
      </c>
      <c r="NZ20" s="349">
        <v>0</v>
      </c>
      <c r="OA20" s="404">
        <v>0</v>
      </c>
      <c r="OB20" s="345">
        <v>0</v>
      </c>
      <c r="OC20" s="345">
        <v>0</v>
      </c>
      <c r="OD20" s="345">
        <v>0</v>
      </c>
      <c r="OE20" s="345">
        <v>0</v>
      </c>
      <c r="OF20" s="345">
        <v>0</v>
      </c>
      <c r="OG20" s="349">
        <v>0</v>
      </c>
      <c r="OH20" s="350">
        <v>0</v>
      </c>
      <c r="OI20" s="348">
        <v>152327</v>
      </c>
      <c r="OJ20" s="345">
        <v>240383</v>
      </c>
      <c r="OK20" s="346">
        <v>392710</v>
      </c>
      <c r="OL20" s="351">
        <v>0</v>
      </c>
      <c r="OM20" s="345">
        <v>997927</v>
      </c>
      <c r="ON20" s="345">
        <v>1687166</v>
      </c>
      <c r="OO20" s="345">
        <v>1336702</v>
      </c>
      <c r="OP20" s="345">
        <v>1508873</v>
      </c>
      <c r="OQ20" s="345">
        <v>2381398</v>
      </c>
      <c r="OR20" s="349">
        <v>7912066</v>
      </c>
      <c r="OS20" s="354">
        <v>8304776</v>
      </c>
    </row>
    <row r="21" spans="2:409" s="70" customFormat="1" ht="21" customHeight="1" x14ac:dyDescent="0.2">
      <c r="B21" s="106" t="s">
        <v>16</v>
      </c>
      <c r="C21" s="326">
        <v>474762</v>
      </c>
      <c r="D21" s="327">
        <v>525200</v>
      </c>
      <c r="E21" s="328">
        <v>999962</v>
      </c>
      <c r="F21" s="329">
        <v>0</v>
      </c>
      <c r="G21" s="327">
        <v>2492799</v>
      </c>
      <c r="H21" s="327">
        <v>5879136</v>
      </c>
      <c r="I21" s="327">
        <v>3465998</v>
      </c>
      <c r="J21" s="327">
        <v>3977136</v>
      </c>
      <c r="K21" s="327">
        <v>3159849</v>
      </c>
      <c r="L21" s="329">
        <v>18974918</v>
      </c>
      <c r="M21" s="330">
        <v>19974880</v>
      </c>
      <c r="N21" s="326">
        <v>84607</v>
      </c>
      <c r="O21" s="327">
        <v>167443</v>
      </c>
      <c r="P21" s="328">
        <v>252050</v>
      </c>
      <c r="Q21" s="326">
        <v>0</v>
      </c>
      <c r="R21" s="327">
        <v>360182</v>
      </c>
      <c r="S21" s="327">
        <v>1898382</v>
      </c>
      <c r="T21" s="327">
        <v>724809</v>
      </c>
      <c r="U21" s="327">
        <v>1177427</v>
      </c>
      <c r="V21" s="327">
        <v>975202</v>
      </c>
      <c r="W21" s="328">
        <v>5136002</v>
      </c>
      <c r="X21" s="330">
        <v>5388052</v>
      </c>
      <c r="Y21" s="326">
        <v>0</v>
      </c>
      <c r="Z21" s="327">
        <v>0</v>
      </c>
      <c r="AA21" s="328">
        <v>0</v>
      </c>
      <c r="AB21" s="326">
        <v>0</v>
      </c>
      <c r="AC21" s="327">
        <v>68461</v>
      </c>
      <c r="AD21" s="327">
        <v>1116098</v>
      </c>
      <c r="AE21" s="327">
        <v>138399</v>
      </c>
      <c r="AF21" s="327">
        <v>510385</v>
      </c>
      <c r="AG21" s="327">
        <v>238191</v>
      </c>
      <c r="AH21" s="328">
        <v>2071534</v>
      </c>
      <c r="AI21" s="330">
        <v>2071534</v>
      </c>
      <c r="AJ21" s="326">
        <v>0</v>
      </c>
      <c r="AK21" s="327">
        <v>0</v>
      </c>
      <c r="AL21" s="328">
        <v>0</v>
      </c>
      <c r="AM21" s="326">
        <v>0</v>
      </c>
      <c r="AN21" s="327">
        <v>0</v>
      </c>
      <c r="AO21" s="327">
        <v>0</v>
      </c>
      <c r="AP21" s="327">
        <v>11699</v>
      </c>
      <c r="AQ21" s="327">
        <v>50510</v>
      </c>
      <c r="AR21" s="327">
        <v>143026</v>
      </c>
      <c r="AS21" s="328">
        <v>205235</v>
      </c>
      <c r="AT21" s="330">
        <v>205235</v>
      </c>
      <c r="AU21" s="326">
        <v>34732</v>
      </c>
      <c r="AV21" s="327">
        <v>167443</v>
      </c>
      <c r="AW21" s="328">
        <v>202175</v>
      </c>
      <c r="AX21" s="326">
        <v>0</v>
      </c>
      <c r="AY21" s="327">
        <v>180456</v>
      </c>
      <c r="AZ21" s="327">
        <v>577415</v>
      </c>
      <c r="BA21" s="327">
        <v>405812</v>
      </c>
      <c r="BB21" s="327">
        <v>469518</v>
      </c>
      <c r="BC21" s="327">
        <v>359643</v>
      </c>
      <c r="BD21" s="328">
        <v>1992844</v>
      </c>
      <c r="BE21" s="330">
        <v>2195019</v>
      </c>
      <c r="BF21" s="326">
        <v>11424</v>
      </c>
      <c r="BG21" s="327">
        <v>0</v>
      </c>
      <c r="BH21" s="331">
        <v>11424</v>
      </c>
      <c r="BI21" s="332">
        <v>0</v>
      </c>
      <c r="BJ21" s="327">
        <v>0</v>
      </c>
      <c r="BK21" s="327">
        <v>0</v>
      </c>
      <c r="BL21" s="327">
        <v>27737</v>
      </c>
      <c r="BM21" s="327">
        <v>0</v>
      </c>
      <c r="BN21" s="327">
        <v>85578</v>
      </c>
      <c r="BO21" s="328">
        <v>113315</v>
      </c>
      <c r="BP21" s="330">
        <v>124739</v>
      </c>
      <c r="BQ21" s="326">
        <v>38451</v>
      </c>
      <c r="BR21" s="327">
        <v>0</v>
      </c>
      <c r="BS21" s="328">
        <v>38451</v>
      </c>
      <c r="BT21" s="326">
        <v>0</v>
      </c>
      <c r="BU21" s="327">
        <v>111265</v>
      </c>
      <c r="BV21" s="327">
        <v>204869</v>
      </c>
      <c r="BW21" s="327">
        <v>141162</v>
      </c>
      <c r="BX21" s="327">
        <v>147014</v>
      </c>
      <c r="BY21" s="327">
        <v>148764</v>
      </c>
      <c r="BZ21" s="328">
        <v>753074</v>
      </c>
      <c r="CA21" s="330">
        <v>791525</v>
      </c>
      <c r="CB21" s="326">
        <v>56131</v>
      </c>
      <c r="CC21" s="327">
        <v>203590</v>
      </c>
      <c r="CD21" s="328">
        <v>259721</v>
      </c>
      <c r="CE21" s="326">
        <v>0</v>
      </c>
      <c r="CF21" s="327">
        <v>1104333</v>
      </c>
      <c r="CG21" s="327">
        <v>2146443</v>
      </c>
      <c r="CH21" s="327">
        <v>601502</v>
      </c>
      <c r="CI21" s="327">
        <v>723160</v>
      </c>
      <c r="CJ21" s="327">
        <v>201865</v>
      </c>
      <c r="CK21" s="328">
        <v>4777303</v>
      </c>
      <c r="CL21" s="330">
        <v>5037024</v>
      </c>
      <c r="CM21" s="326">
        <v>0</v>
      </c>
      <c r="CN21" s="327">
        <v>0</v>
      </c>
      <c r="CO21" s="328">
        <v>0</v>
      </c>
      <c r="CP21" s="332">
        <v>0</v>
      </c>
      <c r="CQ21" s="327">
        <v>615830</v>
      </c>
      <c r="CR21" s="327">
        <v>1208638</v>
      </c>
      <c r="CS21" s="327">
        <v>331741</v>
      </c>
      <c r="CT21" s="327">
        <v>660041</v>
      </c>
      <c r="CU21" s="327">
        <v>99243</v>
      </c>
      <c r="CV21" s="328">
        <v>2915493</v>
      </c>
      <c r="CW21" s="330">
        <v>2915493</v>
      </c>
      <c r="CX21" s="326">
        <v>56131</v>
      </c>
      <c r="CY21" s="327">
        <v>203590</v>
      </c>
      <c r="CZ21" s="328">
        <v>259721</v>
      </c>
      <c r="DA21" s="326">
        <v>0</v>
      </c>
      <c r="DB21" s="327">
        <v>488503</v>
      </c>
      <c r="DC21" s="327">
        <v>937805</v>
      </c>
      <c r="DD21" s="327">
        <v>269761</v>
      </c>
      <c r="DE21" s="327">
        <v>63119</v>
      </c>
      <c r="DF21" s="327">
        <v>102622</v>
      </c>
      <c r="DG21" s="328">
        <v>1861810</v>
      </c>
      <c r="DH21" s="330">
        <v>2121531</v>
      </c>
      <c r="DI21" s="326">
        <v>34831</v>
      </c>
      <c r="DJ21" s="327">
        <v>43371</v>
      </c>
      <c r="DK21" s="331">
        <v>78202</v>
      </c>
      <c r="DL21" s="332">
        <v>0</v>
      </c>
      <c r="DM21" s="327">
        <v>43631</v>
      </c>
      <c r="DN21" s="327">
        <v>271480</v>
      </c>
      <c r="DO21" s="327">
        <v>303054</v>
      </c>
      <c r="DP21" s="327">
        <v>109127</v>
      </c>
      <c r="DQ21" s="327">
        <v>24223</v>
      </c>
      <c r="DR21" s="328">
        <v>751515</v>
      </c>
      <c r="DS21" s="330">
        <v>829717</v>
      </c>
      <c r="DT21" s="326">
        <v>34831</v>
      </c>
      <c r="DU21" s="327">
        <v>43371</v>
      </c>
      <c r="DV21" s="328">
        <v>78202</v>
      </c>
      <c r="DW21" s="326">
        <v>0</v>
      </c>
      <c r="DX21" s="327">
        <v>43631</v>
      </c>
      <c r="DY21" s="327">
        <v>271480</v>
      </c>
      <c r="DZ21" s="327">
        <v>222416</v>
      </c>
      <c r="EA21" s="327">
        <v>109127</v>
      </c>
      <c r="EB21" s="327">
        <v>24223</v>
      </c>
      <c r="EC21" s="328">
        <v>670877</v>
      </c>
      <c r="ED21" s="330">
        <v>749079</v>
      </c>
      <c r="EE21" s="326">
        <v>0</v>
      </c>
      <c r="EF21" s="331">
        <v>0</v>
      </c>
      <c r="EG21" s="328">
        <v>0</v>
      </c>
      <c r="EH21" s="326">
        <v>0</v>
      </c>
      <c r="EI21" s="327">
        <v>0</v>
      </c>
      <c r="EJ21" s="327">
        <v>0</v>
      </c>
      <c r="EK21" s="327">
        <v>80638</v>
      </c>
      <c r="EL21" s="327">
        <v>0</v>
      </c>
      <c r="EM21" s="327">
        <v>0</v>
      </c>
      <c r="EN21" s="331">
        <v>80638</v>
      </c>
      <c r="EO21" s="330">
        <v>80638</v>
      </c>
      <c r="EP21" s="326">
        <v>0</v>
      </c>
      <c r="EQ21" s="327">
        <v>0</v>
      </c>
      <c r="ER21" s="331">
        <v>0</v>
      </c>
      <c r="ES21" s="332">
        <v>0</v>
      </c>
      <c r="ET21" s="327">
        <v>0</v>
      </c>
      <c r="EU21" s="327">
        <v>0</v>
      </c>
      <c r="EV21" s="327">
        <v>0</v>
      </c>
      <c r="EW21" s="327">
        <v>0</v>
      </c>
      <c r="EX21" s="327">
        <v>0</v>
      </c>
      <c r="EY21" s="328">
        <v>0</v>
      </c>
      <c r="EZ21" s="330">
        <v>0</v>
      </c>
      <c r="FA21" s="326">
        <v>0</v>
      </c>
      <c r="FB21" s="327">
        <v>0</v>
      </c>
      <c r="FC21" s="331">
        <v>0</v>
      </c>
      <c r="FD21" s="404">
        <v>0</v>
      </c>
      <c r="FE21" s="327">
        <v>0</v>
      </c>
      <c r="FF21" s="327">
        <v>0</v>
      </c>
      <c r="FG21" s="327">
        <v>0</v>
      </c>
      <c r="FH21" s="327">
        <v>0</v>
      </c>
      <c r="FI21" s="327">
        <v>0</v>
      </c>
      <c r="FJ21" s="328">
        <v>0</v>
      </c>
      <c r="FK21" s="330">
        <v>0</v>
      </c>
      <c r="FL21" s="326">
        <v>41678</v>
      </c>
      <c r="FM21" s="327">
        <v>110796</v>
      </c>
      <c r="FN21" s="328">
        <v>152474</v>
      </c>
      <c r="FO21" s="326">
        <v>0</v>
      </c>
      <c r="FP21" s="327">
        <v>95256</v>
      </c>
      <c r="FQ21" s="327">
        <v>435029</v>
      </c>
      <c r="FR21" s="327">
        <v>200998</v>
      </c>
      <c r="FS21" s="327">
        <v>264901</v>
      </c>
      <c r="FT21" s="327">
        <v>219093</v>
      </c>
      <c r="FU21" s="328">
        <v>1215277</v>
      </c>
      <c r="FV21" s="330">
        <v>1367751</v>
      </c>
      <c r="FW21" s="333">
        <v>41678</v>
      </c>
      <c r="FX21" s="327">
        <v>79296</v>
      </c>
      <c r="FY21" s="331">
        <v>120974</v>
      </c>
      <c r="FZ21" s="332">
        <v>0</v>
      </c>
      <c r="GA21" s="327">
        <v>68306</v>
      </c>
      <c r="GB21" s="327">
        <v>415009</v>
      </c>
      <c r="GC21" s="327">
        <v>200998</v>
      </c>
      <c r="GD21" s="327">
        <v>244573</v>
      </c>
      <c r="GE21" s="327">
        <v>219093</v>
      </c>
      <c r="GF21" s="328">
        <v>1147979</v>
      </c>
      <c r="GG21" s="334">
        <v>1268953</v>
      </c>
      <c r="GH21" s="333">
        <v>0</v>
      </c>
      <c r="GI21" s="327">
        <v>0</v>
      </c>
      <c r="GJ21" s="331">
        <v>0</v>
      </c>
      <c r="GK21" s="332">
        <v>0</v>
      </c>
      <c r="GL21" s="327">
        <v>0</v>
      </c>
      <c r="GM21" s="327">
        <v>20020</v>
      </c>
      <c r="GN21" s="327">
        <v>0</v>
      </c>
      <c r="GO21" s="327">
        <v>0</v>
      </c>
      <c r="GP21" s="327">
        <v>0</v>
      </c>
      <c r="GQ21" s="328">
        <v>20020</v>
      </c>
      <c r="GR21" s="330">
        <v>20020</v>
      </c>
      <c r="GS21" s="326">
        <v>0</v>
      </c>
      <c r="GT21" s="327">
        <v>31500</v>
      </c>
      <c r="GU21" s="328">
        <v>31500</v>
      </c>
      <c r="GV21" s="326">
        <v>0</v>
      </c>
      <c r="GW21" s="327">
        <v>26950</v>
      </c>
      <c r="GX21" s="327">
        <v>0</v>
      </c>
      <c r="GY21" s="327">
        <v>0</v>
      </c>
      <c r="GZ21" s="327">
        <v>20328</v>
      </c>
      <c r="HA21" s="327">
        <v>0</v>
      </c>
      <c r="HB21" s="331">
        <v>47278</v>
      </c>
      <c r="HC21" s="330">
        <v>78778</v>
      </c>
      <c r="HD21" s="326">
        <v>257515</v>
      </c>
      <c r="HE21" s="327">
        <v>0</v>
      </c>
      <c r="HF21" s="331">
        <v>257515</v>
      </c>
      <c r="HG21" s="332">
        <v>0</v>
      </c>
      <c r="HH21" s="327">
        <v>889397</v>
      </c>
      <c r="HI21" s="327">
        <v>1127802</v>
      </c>
      <c r="HJ21" s="327">
        <v>1635635</v>
      </c>
      <c r="HK21" s="327">
        <v>1702521</v>
      </c>
      <c r="HL21" s="327">
        <v>1739466</v>
      </c>
      <c r="HM21" s="328">
        <v>7094821</v>
      </c>
      <c r="HN21" s="329">
        <v>7352336</v>
      </c>
      <c r="HO21" s="333">
        <v>0</v>
      </c>
      <c r="HP21" s="327">
        <v>0</v>
      </c>
      <c r="HQ21" s="328">
        <v>0</v>
      </c>
      <c r="HR21" s="326">
        <v>0</v>
      </c>
      <c r="HS21" s="327">
        <v>0</v>
      </c>
      <c r="HT21" s="327">
        <v>0</v>
      </c>
      <c r="HU21" s="327">
        <v>0</v>
      </c>
      <c r="HV21" s="327">
        <v>0</v>
      </c>
      <c r="HW21" s="327">
        <v>0</v>
      </c>
      <c r="HX21" s="331">
        <v>0</v>
      </c>
      <c r="HY21" s="330">
        <v>0</v>
      </c>
      <c r="HZ21" s="335">
        <v>0</v>
      </c>
      <c r="IA21" s="336">
        <v>0</v>
      </c>
      <c r="IB21" s="337">
        <v>0</v>
      </c>
      <c r="IC21" s="338">
        <v>0</v>
      </c>
      <c r="ID21" s="336">
        <v>527553</v>
      </c>
      <c r="IE21" s="339">
        <v>901846</v>
      </c>
      <c r="IF21" s="337">
        <v>453605</v>
      </c>
      <c r="IG21" s="336">
        <v>433314</v>
      </c>
      <c r="IH21" s="337">
        <v>510232</v>
      </c>
      <c r="II21" s="340">
        <v>2826550</v>
      </c>
      <c r="IJ21" s="341">
        <v>2826550</v>
      </c>
      <c r="IK21" s="342">
        <v>0</v>
      </c>
      <c r="IL21" s="343">
        <v>0</v>
      </c>
      <c r="IM21" s="344">
        <v>0</v>
      </c>
      <c r="IN21" s="404">
        <v>0</v>
      </c>
      <c r="IO21" s="345">
        <v>0</v>
      </c>
      <c r="IP21" s="345">
        <v>0</v>
      </c>
      <c r="IQ21" s="345">
        <v>161686</v>
      </c>
      <c r="IR21" s="345">
        <v>167049</v>
      </c>
      <c r="IS21" s="345">
        <v>253843</v>
      </c>
      <c r="IT21" s="346">
        <v>582578</v>
      </c>
      <c r="IU21" s="347">
        <v>582578</v>
      </c>
      <c r="IV21" s="348">
        <v>0</v>
      </c>
      <c r="IW21" s="345">
        <v>0</v>
      </c>
      <c r="IX21" s="349">
        <v>0</v>
      </c>
      <c r="IY21" s="404">
        <v>0</v>
      </c>
      <c r="IZ21" s="345">
        <v>0</v>
      </c>
      <c r="JA21" s="345">
        <v>0</v>
      </c>
      <c r="JB21" s="345">
        <v>0</v>
      </c>
      <c r="JC21" s="345">
        <v>0</v>
      </c>
      <c r="JD21" s="345">
        <v>0</v>
      </c>
      <c r="JE21" s="349">
        <v>0</v>
      </c>
      <c r="JF21" s="350">
        <v>0</v>
      </c>
      <c r="JG21" s="348">
        <v>0</v>
      </c>
      <c r="JH21" s="345">
        <v>0</v>
      </c>
      <c r="JI21" s="346">
        <v>0</v>
      </c>
      <c r="JJ21" s="351">
        <v>0</v>
      </c>
      <c r="JK21" s="345">
        <v>171315</v>
      </c>
      <c r="JL21" s="345">
        <v>304633</v>
      </c>
      <c r="JM21" s="345">
        <v>291919</v>
      </c>
      <c r="JN21" s="345">
        <v>39302</v>
      </c>
      <c r="JO21" s="345">
        <v>0</v>
      </c>
      <c r="JP21" s="349">
        <v>807169</v>
      </c>
      <c r="JQ21" s="347">
        <v>807169</v>
      </c>
      <c r="JR21" s="348">
        <v>0</v>
      </c>
      <c r="JS21" s="345">
        <v>0</v>
      </c>
      <c r="JT21" s="346">
        <v>0</v>
      </c>
      <c r="JU21" s="351">
        <v>0</v>
      </c>
      <c r="JV21" s="345">
        <v>43551</v>
      </c>
      <c r="JW21" s="345">
        <v>0</v>
      </c>
      <c r="JX21" s="345">
        <v>0</v>
      </c>
      <c r="JY21" s="345">
        <v>0</v>
      </c>
      <c r="JZ21" s="345">
        <v>0</v>
      </c>
      <c r="KA21" s="349">
        <v>43551</v>
      </c>
      <c r="KB21" s="347">
        <v>43551</v>
      </c>
      <c r="KC21" s="352">
        <v>0</v>
      </c>
      <c r="KD21" s="353">
        <v>0</v>
      </c>
      <c r="KE21" s="349">
        <v>0</v>
      </c>
      <c r="KF21" s="351">
        <v>0</v>
      </c>
      <c r="KG21" s="345">
        <v>312687</v>
      </c>
      <c r="KH21" s="345">
        <v>162596</v>
      </c>
      <c r="KI21" s="345">
        <v>0</v>
      </c>
      <c r="KJ21" s="345">
        <v>0</v>
      </c>
      <c r="KK21" s="345">
        <v>256389</v>
      </c>
      <c r="KL21" s="349">
        <v>731672</v>
      </c>
      <c r="KM21" s="354">
        <v>731672</v>
      </c>
      <c r="KN21" s="342">
        <v>0</v>
      </c>
      <c r="KO21" s="343">
        <v>0</v>
      </c>
      <c r="KP21" s="344">
        <v>0</v>
      </c>
      <c r="KQ21" s="404">
        <v>0</v>
      </c>
      <c r="KR21" s="345">
        <v>0</v>
      </c>
      <c r="KS21" s="345">
        <v>434617</v>
      </c>
      <c r="KT21" s="345">
        <v>0</v>
      </c>
      <c r="KU21" s="345">
        <v>226963</v>
      </c>
      <c r="KV21" s="345">
        <v>0</v>
      </c>
      <c r="KW21" s="349">
        <v>661580</v>
      </c>
      <c r="KX21" s="347">
        <v>661580</v>
      </c>
      <c r="KY21" s="348">
        <v>0</v>
      </c>
      <c r="KZ21" s="345">
        <v>0</v>
      </c>
      <c r="LA21" s="349">
        <v>0</v>
      </c>
      <c r="LB21" s="404">
        <v>0</v>
      </c>
      <c r="LC21" s="345">
        <v>0</v>
      </c>
      <c r="LD21" s="345">
        <v>0</v>
      </c>
      <c r="LE21" s="345">
        <v>0</v>
      </c>
      <c r="LF21" s="345">
        <v>0</v>
      </c>
      <c r="LG21" s="345">
        <v>0</v>
      </c>
      <c r="LH21" s="349">
        <v>0</v>
      </c>
      <c r="LI21" s="350">
        <v>0</v>
      </c>
      <c r="LJ21" s="348">
        <v>0</v>
      </c>
      <c r="LK21" s="345">
        <v>0</v>
      </c>
      <c r="LL21" s="349">
        <v>0</v>
      </c>
      <c r="LM21" s="404">
        <v>0</v>
      </c>
      <c r="LN21" s="345">
        <v>0</v>
      </c>
      <c r="LO21" s="345">
        <v>0</v>
      </c>
      <c r="LP21" s="345">
        <v>0</v>
      </c>
      <c r="LQ21" s="345">
        <v>0</v>
      </c>
      <c r="LR21" s="345">
        <v>0</v>
      </c>
      <c r="LS21" s="349">
        <v>0</v>
      </c>
      <c r="LT21" s="347">
        <v>0</v>
      </c>
      <c r="LU21" s="348">
        <v>0</v>
      </c>
      <c r="LV21" s="345">
        <v>0</v>
      </c>
      <c r="LW21" s="349">
        <v>0</v>
      </c>
      <c r="LX21" s="404">
        <v>0</v>
      </c>
      <c r="LY21" s="345">
        <v>0</v>
      </c>
      <c r="LZ21" s="345">
        <v>0</v>
      </c>
      <c r="MA21" s="345">
        <v>0</v>
      </c>
      <c r="MB21" s="345">
        <v>0</v>
      </c>
      <c r="MC21" s="345">
        <v>0</v>
      </c>
      <c r="MD21" s="349">
        <v>0</v>
      </c>
      <c r="ME21" s="350">
        <v>0</v>
      </c>
      <c r="MF21" s="348">
        <v>0</v>
      </c>
      <c r="MG21" s="345">
        <v>0</v>
      </c>
      <c r="MH21" s="349">
        <v>0</v>
      </c>
      <c r="MI21" s="404">
        <v>0</v>
      </c>
      <c r="MJ21" s="345">
        <v>0</v>
      </c>
      <c r="MK21" s="345">
        <v>240112</v>
      </c>
      <c r="ML21" s="345">
        <v>2476864</v>
      </c>
      <c r="MM21" s="345">
        <v>2551212</v>
      </c>
      <c r="MN21" s="345">
        <v>1999343</v>
      </c>
      <c r="MO21" s="349">
        <v>7267531</v>
      </c>
      <c r="MP21" s="354">
        <v>7267531</v>
      </c>
      <c r="MQ21" s="348">
        <v>0</v>
      </c>
      <c r="MR21" s="345">
        <v>0</v>
      </c>
      <c r="MS21" s="349">
        <v>0</v>
      </c>
      <c r="MT21" s="404">
        <v>0</v>
      </c>
      <c r="MU21" s="345">
        <v>0</v>
      </c>
      <c r="MV21" s="345">
        <v>0</v>
      </c>
      <c r="MW21" s="345">
        <v>1498223</v>
      </c>
      <c r="MX21" s="345">
        <v>1821778</v>
      </c>
      <c r="MY21" s="345">
        <v>1426351</v>
      </c>
      <c r="MZ21" s="349">
        <v>4746352</v>
      </c>
      <c r="NA21" s="354">
        <v>4746352</v>
      </c>
      <c r="NB21" s="348">
        <v>0</v>
      </c>
      <c r="NC21" s="345">
        <v>0</v>
      </c>
      <c r="ND21" s="349">
        <v>0</v>
      </c>
      <c r="NE21" s="404">
        <v>0</v>
      </c>
      <c r="NF21" s="345">
        <v>0</v>
      </c>
      <c r="NG21" s="345">
        <v>240112</v>
      </c>
      <c r="NH21" s="345">
        <v>978641</v>
      </c>
      <c r="NI21" s="345">
        <v>729434</v>
      </c>
      <c r="NJ21" s="345">
        <v>250011</v>
      </c>
      <c r="NK21" s="349">
        <v>2198198</v>
      </c>
      <c r="NL21" s="347">
        <v>2198198</v>
      </c>
      <c r="NM21" s="348">
        <v>0</v>
      </c>
      <c r="NN21" s="345">
        <v>0</v>
      </c>
      <c r="NO21" s="349">
        <v>0</v>
      </c>
      <c r="NP21" s="404">
        <v>0</v>
      </c>
      <c r="NQ21" s="345">
        <v>0</v>
      </c>
      <c r="NR21" s="345">
        <v>0</v>
      </c>
      <c r="NS21" s="345">
        <v>0</v>
      </c>
      <c r="NT21" s="345">
        <v>0</v>
      </c>
      <c r="NU21" s="345">
        <v>0</v>
      </c>
      <c r="NV21" s="349">
        <v>0</v>
      </c>
      <c r="NW21" s="350">
        <v>0</v>
      </c>
      <c r="NX21" s="348">
        <v>0</v>
      </c>
      <c r="NY21" s="345">
        <v>0</v>
      </c>
      <c r="NZ21" s="349">
        <v>0</v>
      </c>
      <c r="OA21" s="404">
        <v>0</v>
      </c>
      <c r="OB21" s="345">
        <v>0</v>
      </c>
      <c r="OC21" s="345">
        <v>0</v>
      </c>
      <c r="OD21" s="345">
        <v>0</v>
      </c>
      <c r="OE21" s="345">
        <v>0</v>
      </c>
      <c r="OF21" s="345">
        <v>322981</v>
      </c>
      <c r="OG21" s="349">
        <v>322981</v>
      </c>
      <c r="OH21" s="350">
        <v>322981</v>
      </c>
      <c r="OI21" s="348">
        <v>474762</v>
      </c>
      <c r="OJ21" s="345">
        <v>525200</v>
      </c>
      <c r="OK21" s="346">
        <v>999962</v>
      </c>
      <c r="OL21" s="351">
        <v>0</v>
      </c>
      <c r="OM21" s="345">
        <v>3020352</v>
      </c>
      <c r="ON21" s="345">
        <v>7021094</v>
      </c>
      <c r="OO21" s="345">
        <v>6396467</v>
      </c>
      <c r="OP21" s="345">
        <v>6961662</v>
      </c>
      <c r="OQ21" s="345">
        <v>5669424</v>
      </c>
      <c r="OR21" s="349">
        <v>29068999</v>
      </c>
      <c r="OS21" s="354">
        <v>30068961</v>
      </c>
    </row>
    <row r="22" spans="2:409" s="70" customFormat="1" ht="21" customHeight="1" x14ac:dyDescent="0.2">
      <c r="B22" s="106" t="s">
        <v>17</v>
      </c>
      <c r="C22" s="326">
        <v>382750</v>
      </c>
      <c r="D22" s="327">
        <v>1128412</v>
      </c>
      <c r="E22" s="328">
        <v>1511162</v>
      </c>
      <c r="F22" s="329">
        <v>0</v>
      </c>
      <c r="G22" s="327">
        <v>4320697</v>
      </c>
      <c r="H22" s="327">
        <v>7797960</v>
      </c>
      <c r="I22" s="327">
        <v>8004108</v>
      </c>
      <c r="J22" s="327">
        <v>5834104</v>
      </c>
      <c r="K22" s="327">
        <v>3547852</v>
      </c>
      <c r="L22" s="329">
        <v>29504721</v>
      </c>
      <c r="M22" s="330">
        <v>31015883</v>
      </c>
      <c r="N22" s="326">
        <v>149402</v>
      </c>
      <c r="O22" s="327">
        <v>313356</v>
      </c>
      <c r="P22" s="328">
        <v>462758</v>
      </c>
      <c r="Q22" s="326">
        <v>0</v>
      </c>
      <c r="R22" s="327">
        <v>909939</v>
      </c>
      <c r="S22" s="327">
        <v>2937270</v>
      </c>
      <c r="T22" s="327">
        <v>2996672</v>
      </c>
      <c r="U22" s="327">
        <v>1717788</v>
      </c>
      <c r="V22" s="327">
        <v>1457504</v>
      </c>
      <c r="W22" s="328">
        <v>10019173</v>
      </c>
      <c r="X22" s="330">
        <v>10481931</v>
      </c>
      <c r="Y22" s="326">
        <v>0</v>
      </c>
      <c r="Z22" s="327">
        <v>0</v>
      </c>
      <c r="AA22" s="328">
        <v>0</v>
      </c>
      <c r="AB22" s="326">
        <v>0</v>
      </c>
      <c r="AC22" s="327">
        <v>236109</v>
      </c>
      <c r="AD22" s="327">
        <v>1370525</v>
      </c>
      <c r="AE22" s="327">
        <v>1517187</v>
      </c>
      <c r="AF22" s="327">
        <v>731419</v>
      </c>
      <c r="AG22" s="327">
        <v>631774</v>
      </c>
      <c r="AH22" s="328">
        <v>4487014</v>
      </c>
      <c r="AI22" s="330">
        <v>4487014</v>
      </c>
      <c r="AJ22" s="326">
        <v>0</v>
      </c>
      <c r="AK22" s="327">
        <v>0</v>
      </c>
      <c r="AL22" s="328">
        <v>0</v>
      </c>
      <c r="AM22" s="326">
        <v>0</v>
      </c>
      <c r="AN22" s="327">
        <v>0</v>
      </c>
      <c r="AO22" s="327">
        <v>0</v>
      </c>
      <c r="AP22" s="327">
        <v>43865</v>
      </c>
      <c r="AQ22" s="327">
        <v>235253</v>
      </c>
      <c r="AR22" s="327">
        <v>271208</v>
      </c>
      <c r="AS22" s="328">
        <v>550326</v>
      </c>
      <c r="AT22" s="330">
        <v>550326</v>
      </c>
      <c r="AU22" s="326">
        <v>40660</v>
      </c>
      <c r="AV22" s="327">
        <v>257636</v>
      </c>
      <c r="AW22" s="328">
        <v>298296</v>
      </c>
      <c r="AX22" s="326">
        <v>0</v>
      </c>
      <c r="AY22" s="327">
        <v>307722</v>
      </c>
      <c r="AZ22" s="327">
        <v>1088260</v>
      </c>
      <c r="BA22" s="327">
        <v>759268</v>
      </c>
      <c r="BB22" s="327">
        <v>401219</v>
      </c>
      <c r="BC22" s="327">
        <v>380495</v>
      </c>
      <c r="BD22" s="328">
        <v>2936964</v>
      </c>
      <c r="BE22" s="330">
        <v>3235260</v>
      </c>
      <c r="BF22" s="326">
        <v>54968</v>
      </c>
      <c r="BG22" s="327">
        <v>0</v>
      </c>
      <c r="BH22" s="331">
        <v>54968</v>
      </c>
      <c r="BI22" s="332">
        <v>0</v>
      </c>
      <c r="BJ22" s="327">
        <v>100318</v>
      </c>
      <c r="BK22" s="327">
        <v>177072</v>
      </c>
      <c r="BL22" s="327">
        <v>268658</v>
      </c>
      <c r="BM22" s="327">
        <v>62519</v>
      </c>
      <c r="BN22" s="327">
        <v>0</v>
      </c>
      <c r="BO22" s="328">
        <v>608567</v>
      </c>
      <c r="BP22" s="330">
        <v>663535</v>
      </c>
      <c r="BQ22" s="326">
        <v>53774</v>
      </c>
      <c r="BR22" s="327">
        <v>55720</v>
      </c>
      <c r="BS22" s="328">
        <v>109494</v>
      </c>
      <c r="BT22" s="326">
        <v>0</v>
      </c>
      <c r="BU22" s="327">
        <v>265790</v>
      </c>
      <c r="BV22" s="327">
        <v>301413</v>
      </c>
      <c r="BW22" s="327">
        <v>407694</v>
      </c>
      <c r="BX22" s="327">
        <v>287378</v>
      </c>
      <c r="BY22" s="327">
        <v>174027</v>
      </c>
      <c r="BZ22" s="328">
        <v>1436302</v>
      </c>
      <c r="CA22" s="330">
        <v>1545796</v>
      </c>
      <c r="CB22" s="326">
        <v>74861</v>
      </c>
      <c r="CC22" s="327">
        <v>246368</v>
      </c>
      <c r="CD22" s="328">
        <v>321229</v>
      </c>
      <c r="CE22" s="326">
        <v>0</v>
      </c>
      <c r="CF22" s="327">
        <v>1041454</v>
      </c>
      <c r="CG22" s="327">
        <v>2115498</v>
      </c>
      <c r="CH22" s="327">
        <v>1960055</v>
      </c>
      <c r="CI22" s="327">
        <v>1198453</v>
      </c>
      <c r="CJ22" s="327">
        <v>580158</v>
      </c>
      <c r="CK22" s="328">
        <v>6895618</v>
      </c>
      <c r="CL22" s="330">
        <v>7216847</v>
      </c>
      <c r="CM22" s="326">
        <v>0</v>
      </c>
      <c r="CN22" s="327">
        <v>0</v>
      </c>
      <c r="CO22" s="328">
        <v>0</v>
      </c>
      <c r="CP22" s="332">
        <v>0</v>
      </c>
      <c r="CQ22" s="327">
        <v>713554</v>
      </c>
      <c r="CR22" s="327">
        <v>1432579</v>
      </c>
      <c r="CS22" s="327">
        <v>1228451</v>
      </c>
      <c r="CT22" s="327">
        <v>721611</v>
      </c>
      <c r="CU22" s="327">
        <v>580158</v>
      </c>
      <c r="CV22" s="328">
        <v>4676353</v>
      </c>
      <c r="CW22" s="330">
        <v>4676353</v>
      </c>
      <c r="CX22" s="326">
        <v>74861</v>
      </c>
      <c r="CY22" s="327">
        <v>246368</v>
      </c>
      <c r="CZ22" s="328">
        <v>321229</v>
      </c>
      <c r="DA22" s="326">
        <v>0</v>
      </c>
      <c r="DB22" s="327">
        <v>327900</v>
      </c>
      <c r="DC22" s="327">
        <v>682919</v>
      </c>
      <c r="DD22" s="327">
        <v>731604</v>
      </c>
      <c r="DE22" s="327">
        <v>476842</v>
      </c>
      <c r="DF22" s="327">
        <v>0</v>
      </c>
      <c r="DG22" s="328">
        <v>2219265</v>
      </c>
      <c r="DH22" s="330">
        <v>2540494</v>
      </c>
      <c r="DI22" s="326">
        <v>23796</v>
      </c>
      <c r="DJ22" s="327">
        <v>0</v>
      </c>
      <c r="DK22" s="331">
        <v>23796</v>
      </c>
      <c r="DL22" s="332">
        <v>0</v>
      </c>
      <c r="DM22" s="327">
        <v>134779</v>
      </c>
      <c r="DN22" s="327">
        <v>902579</v>
      </c>
      <c r="DO22" s="327">
        <v>772783</v>
      </c>
      <c r="DP22" s="327">
        <v>562580</v>
      </c>
      <c r="DQ22" s="327">
        <v>0</v>
      </c>
      <c r="DR22" s="328">
        <v>2372721</v>
      </c>
      <c r="DS22" s="330">
        <v>2396517</v>
      </c>
      <c r="DT22" s="326">
        <v>23796</v>
      </c>
      <c r="DU22" s="327">
        <v>0</v>
      </c>
      <c r="DV22" s="328">
        <v>23796</v>
      </c>
      <c r="DW22" s="326">
        <v>0</v>
      </c>
      <c r="DX22" s="327">
        <v>134779</v>
      </c>
      <c r="DY22" s="327">
        <v>902579</v>
      </c>
      <c r="DZ22" s="327">
        <v>772783</v>
      </c>
      <c r="EA22" s="327">
        <v>499909</v>
      </c>
      <c r="EB22" s="327">
        <v>0</v>
      </c>
      <c r="EC22" s="328">
        <v>2310050</v>
      </c>
      <c r="ED22" s="330">
        <v>2333846</v>
      </c>
      <c r="EE22" s="326">
        <v>0</v>
      </c>
      <c r="EF22" s="331">
        <v>0</v>
      </c>
      <c r="EG22" s="328">
        <v>0</v>
      </c>
      <c r="EH22" s="326">
        <v>0</v>
      </c>
      <c r="EI22" s="327">
        <v>0</v>
      </c>
      <c r="EJ22" s="327">
        <v>0</v>
      </c>
      <c r="EK22" s="327">
        <v>0</v>
      </c>
      <c r="EL22" s="327">
        <v>62671</v>
      </c>
      <c r="EM22" s="327">
        <v>0</v>
      </c>
      <c r="EN22" s="331">
        <v>62671</v>
      </c>
      <c r="EO22" s="330">
        <v>62671</v>
      </c>
      <c r="EP22" s="326">
        <v>0</v>
      </c>
      <c r="EQ22" s="327">
        <v>0</v>
      </c>
      <c r="ER22" s="331">
        <v>0</v>
      </c>
      <c r="ES22" s="332">
        <v>0</v>
      </c>
      <c r="ET22" s="327">
        <v>0</v>
      </c>
      <c r="EU22" s="327">
        <v>0</v>
      </c>
      <c r="EV22" s="327">
        <v>0</v>
      </c>
      <c r="EW22" s="327">
        <v>0</v>
      </c>
      <c r="EX22" s="327">
        <v>0</v>
      </c>
      <c r="EY22" s="328">
        <v>0</v>
      </c>
      <c r="EZ22" s="330">
        <v>0</v>
      </c>
      <c r="FA22" s="326">
        <v>0</v>
      </c>
      <c r="FB22" s="327">
        <v>0</v>
      </c>
      <c r="FC22" s="331">
        <v>0</v>
      </c>
      <c r="FD22" s="404">
        <v>0</v>
      </c>
      <c r="FE22" s="327">
        <v>0</v>
      </c>
      <c r="FF22" s="327">
        <v>0</v>
      </c>
      <c r="FG22" s="327">
        <v>0</v>
      </c>
      <c r="FH22" s="327">
        <v>0</v>
      </c>
      <c r="FI22" s="327">
        <v>0</v>
      </c>
      <c r="FJ22" s="328">
        <v>0</v>
      </c>
      <c r="FK22" s="330">
        <v>0</v>
      </c>
      <c r="FL22" s="326">
        <v>36722</v>
      </c>
      <c r="FM22" s="327">
        <v>140098</v>
      </c>
      <c r="FN22" s="328">
        <v>176820</v>
      </c>
      <c r="FO22" s="326">
        <v>0</v>
      </c>
      <c r="FP22" s="327">
        <v>153118</v>
      </c>
      <c r="FQ22" s="327">
        <v>694351</v>
      </c>
      <c r="FR22" s="327">
        <v>700525</v>
      </c>
      <c r="FS22" s="327">
        <v>447566</v>
      </c>
      <c r="FT22" s="327">
        <v>192101</v>
      </c>
      <c r="FU22" s="328">
        <v>2187661</v>
      </c>
      <c r="FV22" s="330">
        <v>2364481</v>
      </c>
      <c r="FW22" s="333">
        <v>36722</v>
      </c>
      <c r="FX22" s="327">
        <v>126546</v>
      </c>
      <c r="FY22" s="331">
        <v>163268</v>
      </c>
      <c r="FZ22" s="332">
        <v>0</v>
      </c>
      <c r="GA22" s="327">
        <v>153118</v>
      </c>
      <c r="GB22" s="327">
        <v>652253</v>
      </c>
      <c r="GC22" s="327">
        <v>635250</v>
      </c>
      <c r="GD22" s="327">
        <v>447566</v>
      </c>
      <c r="GE22" s="327">
        <v>192101</v>
      </c>
      <c r="GF22" s="328">
        <v>2080288</v>
      </c>
      <c r="GG22" s="334">
        <v>2243556</v>
      </c>
      <c r="GH22" s="333">
        <v>0</v>
      </c>
      <c r="GI22" s="327">
        <v>13552</v>
      </c>
      <c r="GJ22" s="331">
        <v>13552</v>
      </c>
      <c r="GK22" s="332">
        <v>0</v>
      </c>
      <c r="GL22" s="327">
        <v>0</v>
      </c>
      <c r="GM22" s="327">
        <v>42098</v>
      </c>
      <c r="GN22" s="327">
        <v>65275</v>
      </c>
      <c r="GO22" s="327">
        <v>0</v>
      </c>
      <c r="GP22" s="327">
        <v>0</v>
      </c>
      <c r="GQ22" s="328">
        <v>107373</v>
      </c>
      <c r="GR22" s="330">
        <v>120925</v>
      </c>
      <c r="GS22" s="326">
        <v>0</v>
      </c>
      <c r="GT22" s="327">
        <v>0</v>
      </c>
      <c r="GU22" s="328">
        <v>0</v>
      </c>
      <c r="GV22" s="326">
        <v>0</v>
      </c>
      <c r="GW22" s="327">
        <v>0</v>
      </c>
      <c r="GX22" s="327">
        <v>0</v>
      </c>
      <c r="GY22" s="327">
        <v>0</v>
      </c>
      <c r="GZ22" s="327">
        <v>0</v>
      </c>
      <c r="HA22" s="327">
        <v>0</v>
      </c>
      <c r="HB22" s="331">
        <v>0</v>
      </c>
      <c r="HC22" s="330">
        <v>0</v>
      </c>
      <c r="HD22" s="326">
        <v>97969</v>
      </c>
      <c r="HE22" s="327">
        <v>428590</v>
      </c>
      <c r="HF22" s="331">
        <v>526559</v>
      </c>
      <c r="HG22" s="332">
        <v>0</v>
      </c>
      <c r="HH22" s="327">
        <v>2081407</v>
      </c>
      <c r="HI22" s="327">
        <v>1148262</v>
      </c>
      <c r="HJ22" s="327">
        <v>1574073</v>
      </c>
      <c r="HK22" s="327">
        <v>1907717</v>
      </c>
      <c r="HL22" s="327">
        <v>1318089</v>
      </c>
      <c r="HM22" s="328">
        <v>8029548</v>
      </c>
      <c r="HN22" s="329">
        <v>8556107</v>
      </c>
      <c r="HO22" s="333">
        <v>0</v>
      </c>
      <c r="HP22" s="327">
        <v>0</v>
      </c>
      <c r="HQ22" s="328">
        <v>0</v>
      </c>
      <c r="HR22" s="326">
        <v>0</v>
      </c>
      <c r="HS22" s="327">
        <v>0</v>
      </c>
      <c r="HT22" s="327">
        <v>0</v>
      </c>
      <c r="HU22" s="327">
        <v>0</v>
      </c>
      <c r="HV22" s="327">
        <v>0</v>
      </c>
      <c r="HW22" s="327">
        <v>0</v>
      </c>
      <c r="HX22" s="331">
        <v>0</v>
      </c>
      <c r="HY22" s="330">
        <v>0</v>
      </c>
      <c r="HZ22" s="358">
        <v>27056</v>
      </c>
      <c r="IA22" s="356">
        <v>0</v>
      </c>
      <c r="IB22" s="358">
        <v>27056</v>
      </c>
      <c r="IC22" s="355">
        <v>0</v>
      </c>
      <c r="ID22" s="356">
        <v>1418838</v>
      </c>
      <c r="IE22" s="357">
        <v>1333316</v>
      </c>
      <c r="IF22" s="358">
        <v>2248179</v>
      </c>
      <c r="IG22" s="356">
        <v>1319436</v>
      </c>
      <c r="IH22" s="358">
        <v>1043837</v>
      </c>
      <c r="II22" s="359">
        <v>7363606</v>
      </c>
      <c r="IJ22" s="358">
        <v>7390662</v>
      </c>
      <c r="IK22" s="342">
        <v>0</v>
      </c>
      <c r="IL22" s="343">
        <v>0</v>
      </c>
      <c r="IM22" s="344">
        <v>0</v>
      </c>
      <c r="IN22" s="404">
        <v>0</v>
      </c>
      <c r="IO22" s="345">
        <v>0</v>
      </c>
      <c r="IP22" s="345">
        <v>0</v>
      </c>
      <c r="IQ22" s="345">
        <v>0</v>
      </c>
      <c r="IR22" s="345">
        <v>0</v>
      </c>
      <c r="IS22" s="345">
        <v>0</v>
      </c>
      <c r="IT22" s="346">
        <v>0</v>
      </c>
      <c r="IU22" s="347">
        <v>0</v>
      </c>
      <c r="IV22" s="348">
        <v>0</v>
      </c>
      <c r="IW22" s="345">
        <v>0</v>
      </c>
      <c r="IX22" s="349">
        <v>0</v>
      </c>
      <c r="IY22" s="404">
        <v>0</v>
      </c>
      <c r="IZ22" s="345">
        <v>0</v>
      </c>
      <c r="JA22" s="345">
        <v>0</v>
      </c>
      <c r="JB22" s="345">
        <v>0</v>
      </c>
      <c r="JC22" s="345">
        <v>0</v>
      </c>
      <c r="JD22" s="345">
        <v>0</v>
      </c>
      <c r="JE22" s="349">
        <v>0</v>
      </c>
      <c r="JF22" s="350">
        <v>0</v>
      </c>
      <c r="JG22" s="348">
        <v>0</v>
      </c>
      <c r="JH22" s="345">
        <v>0</v>
      </c>
      <c r="JI22" s="346">
        <v>0</v>
      </c>
      <c r="JJ22" s="351">
        <v>0</v>
      </c>
      <c r="JK22" s="345">
        <v>990037</v>
      </c>
      <c r="JL22" s="345">
        <v>658503</v>
      </c>
      <c r="JM22" s="345">
        <v>629163</v>
      </c>
      <c r="JN22" s="345">
        <v>43592</v>
      </c>
      <c r="JO22" s="345">
        <v>278853</v>
      </c>
      <c r="JP22" s="349">
        <v>2600148</v>
      </c>
      <c r="JQ22" s="347">
        <v>2600148</v>
      </c>
      <c r="JR22" s="348">
        <v>27056</v>
      </c>
      <c r="JS22" s="345">
        <v>0</v>
      </c>
      <c r="JT22" s="346">
        <v>27056</v>
      </c>
      <c r="JU22" s="351">
        <v>0</v>
      </c>
      <c r="JV22" s="345">
        <v>93981</v>
      </c>
      <c r="JW22" s="345">
        <v>162239</v>
      </c>
      <c r="JX22" s="345">
        <v>0</v>
      </c>
      <c r="JY22" s="345">
        <v>0</v>
      </c>
      <c r="JZ22" s="345">
        <v>0</v>
      </c>
      <c r="KA22" s="349">
        <v>256220</v>
      </c>
      <c r="KB22" s="347">
        <v>283276</v>
      </c>
      <c r="KC22" s="352">
        <v>0</v>
      </c>
      <c r="KD22" s="353">
        <v>0</v>
      </c>
      <c r="KE22" s="349">
        <v>0</v>
      </c>
      <c r="KF22" s="351">
        <v>0</v>
      </c>
      <c r="KG22" s="345">
        <v>118794</v>
      </c>
      <c r="KH22" s="345">
        <v>0</v>
      </c>
      <c r="KI22" s="345">
        <v>455253</v>
      </c>
      <c r="KJ22" s="345">
        <v>247230</v>
      </c>
      <c r="KK22" s="345">
        <v>271399</v>
      </c>
      <c r="KL22" s="349">
        <v>1092676</v>
      </c>
      <c r="KM22" s="354">
        <v>1092676</v>
      </c>
      <c r="KN22" s="342">
        <v>0</v>
      </c>
      <c r="KO22" s="343">
        <v>0</v>
      </c>
      <c r="KP22" s="344">
        <v>0</v>
      </c>
      <c r="KQ22" s="404">
        <v>0</v>
      </c>
      <c r="KR22" s="345">
        <v>216026</v>
      </c>
      <c r="KS22" s="345">
        <v>512574</v>
      </c>
      <c r="KT22" s="345">
        <v>935469</v>
      </c>
      <c r="KU22" s="345">
        <v>237034</v>
      </c>
      <c r="KV22" s="345">
        <v>493585</v>
      </c>
      <c r="KW22" s="349">
        <v>2394688</v>
      </c>
      <c r="KX22" s="347">
        <v>2394688</v>
      </c>
      <c r="KY22" s="348">
        <v>0</v>
      </c>
      <c r="KZ22" s="345">
        <v>0</v>
      </c>
      <c r="LA22" s="349">
        <v>0</v>
      </c>
      <c r="LB22" s="404">
        <v>0</v>
      </c>
      <c r="LC22" s="345">
        <v>0</v>
      </c>
      <c r="LD22" s="345">
        <v>0</v>
      </c>
      <c r="LE22" s="345">
        <v>0</v>
      </c>
      <c r="LF22" s="345">
        <v>0</v>
      </c>
      <c r="LG22" s="345">
        <v>0</v>
      </c>
      <c r="LH22" s="349">
        <v>0</v>
      </c>
      <c r="LI22" s="350">
        <v>0</v>
      </c>
      <c r="LJ22" s="348">
        <v>0</v>
      </c>
      <c r="LK22" s="345">
        <v>0</v>
      </c>
      <c r="LL22" s="349">
        <v>0</v>
      </c>
      <c r="LM22" s="404">
        <v>0</v>
      </c>
      <c r="LN22" s="345">
        <v>0</v>
      </c>
      <c r="LO22" s="345">
        <v>0</v>
      </c>
      <c r="LP22" s="345">
        <v>228294</v>
      </c>
      <c r="LQ22" s="345">
        <v>494640</v>
      </c>
      <c r="LR22" s="345">
        <v>0</v>
      </c>
      <c r="LS22" s="349">
        <v>722934</v>
      </c>
      <c r="LT22" s="347">
        <v>722934</v>
      </c>
      <c r="LU22" s="348">
        <v>0</v>
      </c>
      <c r="LV22" s="345">
        <v>0</v>
      </c>
      <c r="LW22" s="349">
        <v>0</v>
      </c>
      <c r="LX22" s="404">
        <v>0</v>
      </c>
      <c r="LY22" s="345">
        <v>0</v>
      </c>
      <c r="LZ22" s="345">
        <v>0</v>
      </c>
      <c r="MA22" s="345">
        <v>0</v>
      </c>
      <c r="MB22" s="345">
        <v>296940</v>
      </c>
      <c r="MC22" s="345">
        <v>0</v>
      </c>
      <c r="MD22" s="349">
        <v>296940</v>
      </c>
      <c r="ME22" s="350">
        <v>296940</v>
      </c>
      <c r="MF22" s="348">
        <v>0</v>
      </c>
      <c r="MG22" s="345">
        <v>0</v>
      </c>
      <c r="MH22" s="349">
        <v>0</v>
      </c>
      <c r="MI22" s="404">
        <v>0</v>
      </c>
      <c r="MJ22" s="345">
        <v>248173</v>
      </c>
      <c r="MK22" s="345">
        <v>1443700</v>
      </c>
      <c r="ML22" s="345">
        <v>2595031</v>
      </c>
      <c r="MM22" s="345">
        <v>3865731</v>
      </c>
      <c r="MN22" s="345">
        <v>3315573</v>
      </c>
      <c r="MO22" s="349">
        <v>11468208</v>
      </c>
      <c r="MP22" s="354">
        <v>11468208</v>
      </c>
      <c r="MQ22" s="348">
        <v>0</v>
      </c>
      <c r="MR22" s="345">
        <v>0</v>
      </c>
      <c r="MS22" s="349">
        <v>0</v>
      </c>
      <c r="MT22" s="404">
        <v>0</v>
      </c>
      <c r="MU22" s="345">
        <v>0</v>
      </c>
      <c r="MV22" s="345">
        <v>224892</v>
      </c>
      <c r="MW22" s="345">
        <v>-1019525</v>
      </c>
      <c r="MX22" s="345">
        <v>1484680</v>
      </c>
      <c r="MY22" s="345">
        <v>1838918</v>
      </c>
      <c r="MZ22" s="349">
        <v>2528965</v>
      </c>
      <c r="NA22" s="354">
        <v>2528965</v>
      </c>
      <c r="NB22" s="348">
        <v>0</v>
      </c>
      <c r="NC22" s="345">
        <v>0</v>
      </c>
      <c r="ND22" s="349">
        <v>0</v>
      </c>
      <c r="NE22" s="404">
        <v>0</v>
      </c>
      <c r="NF22" s="345">
        <v>248173</v>
      </c>
      <c r="NG22" s="345">
        <v>1218808</v>
      </c>
      <c r="NH22" s="345">
        <v>3614556</v>
      </c>
      <c r="NI22" s="345">
        <v>2381051</v>
      </c>
      <c r="NJ22" s="345">
        <v>1118116</v>
      </c>
      <c r="NK22" s="349">
        <v>8580704</v>
      </c>
      <c r="NL22" s="347">
        <v>8580704</v>
      </c>
      <c r="NM22" s="348">
        <v>0</v>
      </c>
      <c r="NN22" s="345">
        <v>0</v>
      </c>
      <c r="NO22" s="349">
        <v>0</v>
      </c>
      <c r="NP22" s="404">
        <v>0</v>
      </c>
      <c r="NQ22" s="345">
        <v>0</v>
      </c>
      <c r="NR22" s="345">
        <v>0</v>
      </c>
      <c r="NS22" s="345">
        <v>0</v>
      </c>
      <c r="NT22" s="345">
        <v>0</v>
      </c>
      <c r="NU22" s="345">
        <v>0</v>
      </c>
      <c r="NV22" s="349">
        <v>0</v>
      </c>
      <c r="NW22" s="350">
        <v>0</v>
      </c>
      <c r="NX22" s="348">
        <v>0</v>
      </c>
      <c r="NY22" s="345">
        <v>0</v>
      </c>
      <c r="NZ22" s="349">
        <v>0</v>
      </c>
      <c r="OA22" s="404">
        <v>0</v>
      </c>
      <c r="OB22" s="345">
        <v>0</v>
      </c>
      <c r="OC22" s="345">
        <v>0</v>
      </c>
      <c r="OD22" s="345">
        <v>0</v>
      </c>
      <c r="OE22" s="345">
        <v>0</v>
      </c>
      <c r="OF22" s="345">
        <v>358539</v>
      </c>
      <c r="OG22" s="349">
        <v>358539</v>
      </c>
      <c r="OH22" s="350">
        <v>358539</v>
      </c>
      <c r="OI22" s="348">
        <v>409806</v>
      </c>
      <c r="OJ22" s="345">
        <v>1128412</v>
      </c>
      <c r="OK22" s="346">
        <v>1538218</v>
      </c>
      <c r="OL22" s="351">
        <v>0</v>
      </c>
      <c r="OM22" s="345">
        <v>5987708</v>
      </c>
      <c r="ON22" s="345">
        <v>10574976</v>
      </c>
      <c r="OO22" s="345">
        <v>12847318</v>
      </c>
      <c r="OP22" s="345">
        <v>11019271</v>
      </c>
      <c r="OQ22" s="345">
        <v>7907262</v>
      </c>
      <c r="OR22" s="349">
        <v>48336535</v>
      </c>
      <c r="OS22" s="354">
        <v>49874753</v>
      </c>
    </row>
    <row r="23" spans="2:409" s="70" customFormat="1" ht="21" customHeight="1" x14ac:dyDescent="0.2">
      <c r="B23" s="106" t="s">
        <v>18</v>
      </c>
      <c r="C23" s="326">
        <v>489579</v>
      </c>
      <c r="D23" s="327">
        <v>838571</v>
      </c>
      <c r="E23" s="328">
        <v>1328150</v>
      </c>
      <c r="F23" s="329">
        <v>0</v>
      </c>
      <c r="G23" s="327">
        <v>6840784</v>
      </c>
      <c r="H23" s="327">
        <v>7736798</v>
      </c>
      <c r="I23" s="327">
        <v>7942167</v>
      </c>
      <c r="J23" s="327">
        <v>7729998</v>
      </c>
      <c r="K23" s="327">
        <v>7777388</v>
      </c>
      <c r="L23" s="329">
        <v>38027135</v>
      </c>
      <c r="M23" s="330">
        <v>39355285</v>
      </c>
      <c r="N23" s="326">
        <v>217567</v>
      </c>
      <c r="O23" s="327">
        <v>103383</v>
      </c>
      <c r="P23" s="328">
        <v>320950</v>
      </c>
      <c r="Q23" s="326">
        <v>0</v>
      </c>
      <c r="R23" s="327">
        <v>2219964</v>
      </c>
      <c r="S23" s="327">
        <v>2319373</v>
      </c>
      <c r="T23" s="327">
        <v>2990445</v>
      </c>
      <c r="U23" s="327">
        <v>2681783</v>
      </c>
      <c r="V23" s="327">
        <v>2739155</v>
      </c>
      <c r="W23" s="328">
        <v>12950720</v>
      </c>
      <c r="X23" s="330">
        <v>13271670</v>
      </c>
      <c r="Y23" s="326">
        <v>0</v>
      </c>
      <c r="Z23" s="327">
        <v>0</v>
      </c>
      <c r="AA23" s="328">
        <v>0</v>
      </c>
      <c r="AB23" s="326">
        <v>0</v>
      </c>
      <c r="AC23" s="327">
        <v>868179</v>
      </c>
      <c r="AD23" s="327">
        <v>952891</v>
      </c>
      <c r="AE23" s="327">
        <v>1814335</v>
      </c>
      <c r="AF23" s="327">
        <v>1498510</v>
      </c>
      <c r="AG23" s="327">
        <v>1714071</v>
      </c>
      <c r="AH23" s="328">
        <v>6847986</v>
      </c>
      <c r="AI23" s="330">
        <v>6847986</v>
      </c>
      <c r="AJ23" s="326">
        <v>0</v>
      </c>
      <c r="AK23" s="327">
        <v>0</v>
      </c>
      <c r="AL23" s="328">
        <v>0</v>
      </c>
      <c r="AM23" s="326">
        <v>0</v>
      </c>
      <c r="AN23" s="327">
        <v>0</v>
      </c>
      <c r="AO23" s="327">
        <v>0</v>
      </c>
      <c r="AP23" s="327">
        <v>84658</v>
      </c>
      <c r="AQ23" s="327">
        <v>167046</v>
      </c>
      <c r="AR23" s="327">
        <v>93052</v>
      </c>
      <c r="AS23" s="328">
        <v>344756</v>
      </c>
      <c r="AT23" s="330">
        <v>344756</v>
      </c>
      <c r="AU23" s="326">
        <v>139084</v>
      </c>
      <c r="AV23" s="327">
        <v>23747</v>
      </c>
      <c r="AW23" s="328">
        <v>162831</v>
      </c>
      <c r="AX23" s="326">
        <v>0</v>
      </c>
      <c r="AY23" s="327">
        <v>952021</v>
      </c>
      <c r="AZ23" s="327">
        <v>805801</v>
      </c>
      <c r="BA23" s="327">
        <v>605343</v>
      </c>
      <c r="BB23" s="327">
        <v>489420</v>
      </c>
      <c r="BC23" s="327">
        <v>443906</v>
      </c>
      <c r="BD23" s="328">
        <v>3296491</v>
      </c>
      <c r="BE23" s="330">
        <v>3459322</v>
      </c>
      <c r="BF23" s="326">
        <v>47144</v>
      </c>
      <c r="BG23" s="327">
        <v>17959</v>
      </c>
      <c r="BH23" s="331">
        <v>65103</v>
      </c>
      <c r="BI23" s="332">
        <v>0</v>
      </c>
      <c r="BJ23" s="327">
        <v>21246</v>
      </c>
      <c r="BK23" s="327">
        <v>184333</v>
      </c>
      <c r="BL23" s="327">
        <v>70260</v>
      </c>
      <c r="BM23" s="327">
        <v>67306</v>
      </c>
      <c r="BN23" s="327">
        <v>45306</v>
      </c>
      <c r="BO23" s="328">
        <v>388451</v>
      </c>
      <c r="BP23" s="330">
        <v>453554</v>
      </c>
      <c r="BQ23" s="326">
        <v>31339</v>
      </c>
      <c r="BR23" s="327">
        <v>61677</v>
      </c>
      <c r="BS23" s="328">
        <v>93016</v>
      </c>
      <c r="BT23" s="326">
        <v>0</v>
      </c>
      <c r="BU23" s="327">
        <v>378518</v>
      </c>
      <c r="BV23" s="327">
        <v>376348</v>
      </c>
      <c r="BW23" s="327">
        <v>415849</v>
      </c>
      <c r="BX23" s="327">
        <v>459501</v>
      </c>
      <c r="BY23" s="327">
        <v>442820</v>
      </c>
      <c r="BZ23" s="328">
        <v>2073036</v>
      </c>
      <c r="CA23" s="330">
        <v>2166052</v>
      </c>
      <c r="CB23" s="326">
        <v>75685</v>
      </c>
      <c r="CC23" s="327">
        <v>175671</v>
      </c>
      <c r="CD23" s="328">
        <v>251356</v>
      </c>
      <c r="CE23" s="326">
        <v>0</v>
      </c>
      <c r="CF23" s="327">
        <v>1949949</v>
      </c>
      <c r="CG23" s="327">
        <v>2647855</v>
      </c>
      <c r="CH23" s="327">
        <v>1905727</v>
      </c>
      <c r="CI23" s="327">
        <v>1731334</v>
      </c>
      <c r="CJ23" s="327">
        <v>1054344</v>
      </c>
      <c r="CK23" s="328">
        <v>9289209</v>
      </c>
      <c r="CL23" s="330">
        <v>9540565</v>
      </c>
      <c r="CM23" s="326">
        <v>0</v>
      </c>
      <c r="CN23" s="327">
        <v>0</v>
      </c>
      <c r="CO23" s="328">
        <v>0</v>
      </c>
      <c r="CP23" s="332">
        <v>0</v>
      </c>
      <c r="CQ23" s="327">
        <v>1412431</v>
      </c>
      <c r="CR23" s="327">
        <v>2059313</v>
      </c>
      <c r="CS23" s="327">
        <v>1396976</v>
      </c>
      <c r="CT23" s="327">
        <v>1318410</v>
      </c>
      <c r="CU23" s="327">
        <v>926461</v>
      </c>
      <c r="CV23" s="328">
        <v>7113591</v>
      </c>
      <c r="CW23" s="330">
        <v>7113591</v>
      </c>
      <c r="CX23" s="326">
        <v>75685</v>
      </c>
      <c r="CY23" s="327">
        <v>175671</v>
      </c>
      <c r="CZ23" s="328">
        <v>251356</v>
      </c>
      <c r="DA23" s="326">
        <v>0</v>
      </c>
      <c r="DB23" s="327">
        <v>537518</v>
      </c>
      <c r="DC23" s="327">
        <v>588542</v>
      </c>
      <c r="DD23" s="327">
        <v>508751</v>
      </c>
      <c r="DE23" s="327">
        <v>412924</v>
      </c>
      <c r="DF23" s="327">
        <v>127883</v>
      </c>
      <c r="DG23" s="328">
        <v>2175618</v>
      </c>
      <c r="DH23" s="330">
        <v>2426974</v>
      </c>
      <c r="DI23" s="326">
        <v>0</v>
      </c>
      <c r="DJ23" s="327">
        <v>39679</v>
      </c>
      <c r="DK23" s="331">
        <v>39679</v>
      </c>
      <c r="DL23" s="332">
        <v>0</v>
      </c>
      <c r="DM23" s="327">
        <v>96048</v>
      </c>
      <c r="DN23" s="327">
        <v>563795</v>
      </c>
      <c r="DO23" s="327">
        <v>894263</v>
      </c>
      <c r="DP23" s="327">
        <v>717109</v>
      </c>
      <c r="DQ23" s="327">
        <v>681749</v>
      </c>
      <c r="DR23" s="328">
        <v>2952964</v>
      </c>
      <c r="DS23" s="330">
        <v>2992643</v>
      </c>
      <c r="DT23" s="326">
        <v>0</v>
      </c>
      <c r="DU23" s="327">
        <v>39679</v>
      </c>
      <c r="DV23" s="328">
        <v>39679</v>
      </c>
      <c r="DW23" s="326">
        <v>0</v>
      </c>
      <c r="DX23" s="327">
        <v>96048</v>
      </c>
      <c r="DY23" s="327">
        <v>446685</v>
      </c>
      <c r="DZ23" s="327">
        <v>894263</v>
      </c>
      <c r="EA23" s="327">
        <v>717109</v>
      </c>
      <c r="EB23" s="327">
        <v>681749</v>
      </c>
      <c r="EC23" s="328">
        <v>2835854</v>
      </c>
      <c r="ED23" s="330">
        <v>2875533</v>
      </c>
      <c r="EE23" s="326">
        <v>0</v>
      </c>
      <c r="EF23" s="331">
        <v>0</v>
      </c>
      <c r="EG23" s="328">
        <v>0</v>
      </c>
      <c r="EH23" s="326">
        <v>0</v>
      </c>
      <c r="EI23" s="327">
        <v>0</v>
      </c>
      <c r="EJ23" s="327">
        <v>117110</v>
      </c>
      <c r="EK23" s="327">
        <v>0</v>
      </c>
      <c r="EL23" s="327">
        <v>0</v>
      </c>
      <c r="EM23" s="327">
        <v>0</v>
      </c>
      <c r="EN23" s="331">
        <v>117110</v>
      </c>
      <c r="EO23" s="330">
        <v>117110</v>
      </c>
      <c r="EP23" s="326">
        <v>0</v>
      </c>
      <c r="EQ23" s="327">
        <v>0</v>
      </c>
      <c r="ER23" s="331">
        <v>0</v>
      </c>
      <c r="ES23" s="332">
        <v>0</v>
      </c>
      <c r="ET23" s="327">
        <v>0</v>
      </c>
      <c r="EU23" s="327">
        <v>0</v>
      </c>
      <c r="EV23" s="327">
        <v>0</v>
      </c>
      <c r="EW23" s="327">
        <v>0</v>
      </c>
      <c r="EX23" s="327">
        <v>0</v>
      </c>
      <c r="EY23" s="328">
        <v>0</v>
      </c>
      <c r="EZ23" s="330">
        <v>0</v>
      </c>
      <c r="FA23" s="326">
        <v>0</v>
      </c>
      <c r="FB23" s="327">
        <v>0</v>
      </c>
      <c r="FC23" s="331">
        <v>0</v>
      </c>
      <c r="FD23" s="404">
        <v>0</v>
      </c>
      <c r="FE23" s="327">
        <v>0</v>
      </c>
      <c r="FF23" s="327">
        <v>0</v>
      </c>
      <c r="FG23" s="327">
        <v>0</v>
      </c>
      <c r="FH23" s="327">
        <v>0</v>
      </c>
      <c r="FI23" s="327">
        <v>0</v>
      </c>
      <c r="FJ23" s="328">
        <v>0</v>
      </c>
      <c r="FK23" s="330">
        <v>0</v>
      </c>
      <c r="FL23" s="326">
        <v>97174</v>
      </c>
      <c r="FM23" s="327">
        <v>268842</v>
      </c>
      <c r="FN23" s="328">
        <v>366016</v>
      </c>
      <c r="FO23" s="326">
        <v>0</v>
      </c>
      <c r="FP23" s="327">
        <v>346156</v>
      </c>
      <c r="FQ23" s="327">
        <v>577087</v>
      </c>
      <c r="FR23" s="327">
        <v>617596</v>
      </c>
      <c r="FS23" s="327">
        <v>457296</v>
      </c>
      <c r="FT23" s="327">
        <v>387002</v>
      </c>
      <c r="FU23" s="328">
        <v>2385137</v>
      </c>
      <c r="FV23" s="330">
        <v>2751153</v>
      </c>
      <c r="FW23" s="333">
        <v>28574</v>
      </c>
      <c r="FX23" s="327">
        <v>113442</v>
      </c>
      <c r="FY23" s="331">
        <v>142016</v>
      </c>
      <c r="FZ23" s="332">
        <v>0</v>
      </c>
      <c r="GA23" s="327">
        <v>202446</v>
      </c>
      <c r="GB23" s="327">
        <v>527317</v>
      </c>
      <c r="GC23" s="327">
        <v>545034</v>
      </c>
      <c r="GD23" s="327">
        <v>437584</v>
      </c>
      <c r="GE23" s="327">
        <v>342902</v>
      </c>
      <c r="GF23" s="328">
        <v>2055283</v>
      </c>
      <c r="GG23" s="334">
        <v>2197299</v>
      </c>
      <c r="GH23" s="333">
        <v>0</v>
      </c>
      <c r="GI23" s="327">
        <v>0</v>
      </c>
      <c r="GJ23" s="331">
        <v>0</v>
      </c>
      <c r="GK23" s="332">
        <v>0</v>
      </c>
      <c r="GL23" s="327">
        <v>25410</v>
      </c>
      <c r="GM23" s="327">
        <v>49770</v>
      </c>
      <c r="GN23" s="327">
        <v>72562</v>
      </c>
      <c r="GO23" s="327">
        <v>19712</v>
      </c>
      <c r="GP23" s="327">
        <v>0</v>
      </c>
      <c r="GQ23" s="328">
        <v>167454</v>
      </c>
      <c r="GR23" s="330">
        <v>167454</v>
      </c>
      <c r="GS23" s="326">
        <v>68600</v>
      </c>
      <c r="GT23" s="327">
        <v>155400</v>
      </c>
      <c r="GU23" s="328">
        <v>224000</v>
      </c>
      <c r="GV23" s="326">
        <v>0</v>
      </c>
      <c r="GW23" s="327">
        <v>118300</v>
      </c>
      <c r="GX23" s="327">
        <v>0</v>
      </c>
      <c r="GY23" s="327">
        <v>0</v>
      </c>
      <c r="GZ23" s="327">
        <v>0</v>
      </c>
      <c r="HA23" s="327">
        <v>44100</v>
      </c>
      <c r="HB23" s="331">
        <v>162400</v>
      </c>
      <c r="HC23" s="330">
        <v>386400</v>
      </c>
      <c r="HD23" s="326">
        <v>99153</v>
      </c>
      <c r="HE23" s="327">
        <v>250996</v>
      </c>
      <c r="HF23" s="331">
        <v>350149</v>
      </c>
      <c r="HG23" s="332">
        <v>0</v>
      </c>
      <c r="HH23" s="327">
        <v>2228667</v>
      </c>
      <c r="HI23" s="327">
        <v>1628688</v>
      </c>
      <c r="HJ23" s="327">
        <v>1534136</v>
      </c>
      <c r="HK23" s="327">
        <v>2142476</v>
      </c>
      <c r="HL23" s="327">
        <v>2915138</v>
      </c>
      <c r="HM23" s="328">
        <v>10449105</v>
      </c>
      <c r="HN23" s="329">
        <v>10799254</v>
      </c>
      <c r="HO23" s="333">
        <v>0</v>
      </c>
      <c r="HP23" s="327">
        <v>0</v>
      </c>
      <c r="HQ23" s="328">
        <v>0</v>
      </c>
      <c r="HR23" s="326">
        <v>0</v>
      </c>
      <c r="HS23" s="327">
        <v>0</v>
      </c>
      <c r="HT23" s="327">
        <v>0</v>
      </c>
      <c r="HU23" s="327">
        <v>0</v>
      </c>
      <c r="HV23" s="327">
        <v>0</v>
      </c>
      <c r="HW23" s="327">
        <v>0</v>
      </c>
      <c r="HX23" s="331">
        <v>0</v>
      </c>
      <c r="HY23" s="330">
        <v>0</v>
      </c>
      <c r="HZ23" s="335">
        <v>0</v>
      </c>
      <c r="IA23" s="336">
        <v>0</v>
      </c>
      <c r="IB23" s="337">
        <v>0</v>
      </c>
      <c r="IC23" s="338">
        <v>0</v>
      </c>
      <c r="ID23" s="336">
        <v>413319</v>
      </c>
      <c r="IE23" s="339">
        <v>1393036</v>
      </c>
      <c r="IF23" s="337">
        <v>2080505</v>
      </c>
      <c r="IG23" s="336">
        <v>618677</v>
      </c>
      <c r="IH23" s="337">
        <v>928671</v>
      </c>
      <c r="II23" s="340">
        <v>5434208</v>
      </c>
      <c r="IJ23" s="341">
        <v>5434208</v>
      </c>
      <c r="IK23" s="342">
        <v>0</v>
      </c>
      <c r="IL23" s="343">
        <v>0</v>
      </c>
      <c r="IM23" s="344">
        <v>0</v>
      </c>
      <c r="IN23" s="404">
        <v>0</v>
      </c>
      <c r="IO23" s="345">
        <v>63814</v>
      </c>
      <c r="IP23" s="345">
        <v>216162</v>
      </c>
      <c r="IQ23" s="345">
        <v>0</v>
      </c>
      <c r="IR23" s="345">
        <v>0</v>
      </c>
      <c r="IS23" s="345">
        <v>0</v>
      </c>
      <c r="IT23" s="346">
        <v>279976</v>
      </c>
      <c r="IU23" s="347">
        <v>279976</v>
      </c>
      <c r="IV23" s="348">
        <v>0</v>
      </c>
      <c r="IW23" s="345">
        <v>0</v>
      </c>
      <c r="IX23" s="349">
        <v>0</v>
      </c>
      <c r="IY23" s="404">
        <v>0</v>
      </c>
      <c r="IZ23" s="345">
        <v>0</v>
      </c>
      <c r="JA23" s="345">
        <v>0</v>
      </c>
      <c r="JB23" s="345">
        <v>0</v>
      </c>
      <c r="JC23" s="345">
        <v>0</v>
      </c>
      <c r="JD23" s="345">
        <v>0</v>
      </c>
      <c r="JE23" s="349">
        <v>0</v>
      </c>
      <c r="JF23" s="350">
        <v>0</v>
      </c>
      <c r="JG23" s="348">
        <v>0</v>
      </c>
      <c r="JH23" s="345">
        <v>0</v>
      </c>
      <c r="JI23" s="346">
        <v>0</v>
      </c>
      <c r="JJ23" s="351">
        <v>0</v>
      </c>
      <c r="JK23" s="345">
        <v>-196879</v>
      </c>
      <c r="JL23" s="345">
        <v>276003</v>
      </c>
      <c r="JM23" s="345">
        <v>187149</v>
      </c>
      <c r="JN23" s="345">
        <v>119803</v>
      </c>
      <c r="JO23" s="345">
        <v>64678</v>
      </c>
      <c r="JP23" s="349">
        <v>450754</v>
      </c>
      <c r="JQ23" s="347">
        <v>450754</v>
      </c>
      <c r="JR23" s="348">
        <v>0</v>
      </c>
      <c r="JS23" s="345">
        <v>0</v>
      </c>
      <c r="JT23" s="346">
        <v>0</v>
      </c>
      <c r="JU23" s="351">
        <v>0</v>
      </c>
      <c r="JV23" s="345">
        <v>0</v>
      </c>
      <c r="JW23" s="345">
        <v>10464</v>
      </c>
      <c r="JX23" s="345">
        <v>50062</v>
      </c>
      <c r="JY23" s="345">
        <v>0</v>
      </c>
      <c r="JZ23" s="345">
        <v>0</v>
      </c>
      <c r="KA23" s="349">
        <v>60526</v>
      </c>
      <c r="KB23" s="347">
        <v>60526</v>
      </c>
      <c r="KC23" s="352">
        <v>0</v>
      </c>
      <c r="KD23" s="353">
        <v>0</v>
      </c>
      <c r="KE23" s="349">
        <v>0</v>
      </c>
      <c r="KF23" s="351">
        <v>0</v>
      </c>
      <c r="KG23" s="345">
        <v>335010</v>
      </c>
      <c r="KH23" s="345">
        <v>0</v>
      </c>
      <c r="KI23" s="345">
        <v>0</v>
      </c>
      <c r="KJ23" s="345">
        <v>0</v>
      </c>
      <c r="KK23" s="345">
        <v>0</v>
      </c>
      <c r="KL23" s="349">
        <v>335010</v>
      </c>
      <c r="KM23" s="354">
        <v>335010</v>
      </c>
      <c r="KN23" s="342">
        <v>0</v>
      </c>
      <c r="KO23" s="343">
        <v>0</v>
      </c>
      <c r="KP23" s="344">
        <v>0</v>
      </c>
      <c r="KQ23" s="404">
        <v>0</v>
      </c>
      <c r="KR23" s="345">
        <v>211374</v>
      </c>
      <c r="KS23" s="345">
        <v>890407</v>
      </c>
      <c r="KT23" s="345">
        <v>1352135</v>
      </c>
      <c r="KU23" s="345">
        <v>233867</v>
      </c>
      <c r="KV23" s="345">
        <v>235952</v>
      </c>
      <c r="KW23" s="349">
        <v>2923735</v>
      </c>
      <c r="KX23" s="347">
        <v>2923735</v>
      </c>
      <c r="KY23" s="348">
        <v>0</v>
      </c>
      <c r="KZ23" s="345">
        <v>0</v>
      </c>
      <c r="LA23" s="349">
        <v>0</v>
      </c>
      <c r="LB23" s="404">
        <v>0</v>
      </c>
      <c r="LC23" s="345">
        <v>0</v>
      </c>
      <c r="LD23" s="345">
        <v>0</v>
      </c>
      <c r="LE23" s="345">
        <v>0</v>
      </c>
      <c r="LF23" s="345">
        <v>0</v>
      </c>
      <c r="LG23" s="345">
        <v>0</v>
      </c>
      <c r="LH23" s="349">
        <v>0</v>
      </c>
      <c r="LI23" s="350">
        <v>0</v>
      </c>
      <c r="LJ23" s="348">
        <v>0</v>
      </c>
      <c r="LK23" s="345">
        <v>0</v>
      </c>
      <c r="LL23" s="349">
        <v>0</v>
      </c>
      <c r="LM23" s="404">
        <v>0</v>
      </c>
      <c r="LN23" s="345">
        <v>0</v>
      </c>
      <c r="LO23" s="345">
        <v>0</v>
      </c>
      <c r="LP23" s="345">
        <v>0</v>
      </c>
      <c r="LQ23" s="345">
        <v>265007</v>
      </c>
      <c r="LR23" s="345">
        <v>0</v>
      </c>
      <c r="LS23" s="349">
        <v>265007</v>
      </c>
      <c r="LT23" s="347">
        <v>265007</v>
      </c>
      <c r="LU23" s="348">
        <v>0</v>
      </c>
      <c r="LV23" s="345">
        <v>0</v>
      </c>
      <c r="LW23" s="349">
        <v>0</v>
      </c>
      <c r="LX23" s="404">
        <v>0</v>
      </c>
      <c r="LY23" s="345">
        <v>0</v>
      </c>
      <c r="LZ23" s="345">
        <v>0</v>
      </c>
      <c r="MA23" s="345">
        <v>491159</v>
      </c>
      <c r="MB23" s="345">
        <v>0</v>
      </c>
      <c r="MC23" s="345">
        <v>628041</v>
      </c>
      <c r="MD23" s="349">
        <v>1119200</v>
      </c>
      <c r="ME23" s="350">
        <v>1119200</v>
      </c>
      <c r="MF23" s="348">
        <v>0</v>
      </c>
      <c r="MG23" s="345">
        <v>0</v>
      </c>
      <c r="MH23" s="349">
        <v>0</v>
      </c>
      <c r="MI23" s="404">
        <v>0</v>
      </c>
      <c r="MJ23" s="345">
        <v>399611</v>
      </c>
      <c r="MK23" s="345">
        <v>205856</v>
      </c>
      <c r="ML23" s="345">
        <v>3039031</v>
      </c>
      <c r="MM23" s="345">
        <v>2694977</v>
      </c>
      <c r="MN23" s="345">
        <v>3549176</v>
      </c>
      <c r="MO23" s="349">
        <v>9888651</v>
      </c>
      <c r="MP23" s="354">
        <v>9888651</v>
      </c>
      <c r="MQ23" s="348">
        <v>0</v>
      </c>
      <c r="MR23" s="345">
        <v>0</v>
      </c>
      <c r="MS23" s="349">
        <v>0</v>
      </c>
      <c r="MT23" s="404">
        <v>0</v>
      </c>
      <c r="MU23" s="345">
        <v>0</v>
      </c>
      <c r="MV23" s="345">
        <v>205856</v>
      </c>
      <c r="MW23" s="345">
        <v>1789069</v>
      </c>
      <c r="MX23" s="345">
        <v>1735721</v>
      </c>
      <c r="MY23" s="345">
        <v>2636215</v>
      </c>
      <c r="MZ23" s="349">
        <v>6366861</v>
      </c>
      <c r="NA23" s="354">
        <v>6366861</v>
      </c>
      <c r="NB23" s="348">
        <v>0</v>
      </c>
      <c r="NC23" s="345">
        <v>0</v>
      </c>
      <c r="ND23" s="349">
        <v>0</v>
      </c>
      <c r="NE23" s="404">
        <v>0</v>
      </c>
      <c r="NF23" s="345">
        <v>399611</v>
      </c>
      <c r="NG23" s="345">
        <v>0</v>
      </c>
      <c r="NH23" s="345">
        <v>1249962</v>
      </c>
      <c r="NI23" s="345">
        <v>959256</v>
      </c>
      <c r="NJ23" s="345">
        <v>796886</v>
      </c>
      <c r="NK23" s="349">
        <v>3405715</v>
      </c>
      <c r="NL23" s="347">
        <v>3405715</v>
      </c>
      <c r="NM23" s="348">
        <v>0</v>
      </c>
      <c r="NN23" s="345">
        <v>0</v>
      </c>
      <c r="NO23" s="349">
        <v>0</v>
      </c>
      <c r="NP23" s="404">
        <v>0</v>
      </c>
      <c r="NQ23" s="345">
        <v>0</v>
      </c>
      <c r="NR23" s="345">
        <v>0</v>
      </c>
      <c r="NS23" s="345">
        <v>0</v>
      </c>
      <c r="NT23" s="345">
        <v>0</v>
      </c>
      <c r="NU23" s="345">
        <v>0</v>
      </c>
      <c r="NV23" s="349">
        <v>0</v>
      </c>
      <c r="NW23" s="350">
        <v>0</v>
      </c>
      <c r="NX23" s="348">
        <v>0</v>
      </c>
      <c r="NY23" s="345">
        <v>0</v>
      </c>
      <c r="NZ23" s="349">
        <v>0</v>
      </c>
      <c r="OA23" s="404">
        <v>0</v>
      </c>
      <c r="OB23" s="345">
        <v>0</v>
      </c>
      <c r="OC23" s="345">
        <v>0</v>
      </c>
      <c r="OD23" s="345">
        <v>0</v>
      </c>
      <c r="OE23" s="345">
        <v>0</v>
      </c>
      <c r="OF23" s="345">
        <v>116075</v>
      </c>
      <c r="OG23" s="349">
        <v>116075</v>
      </c>
      <c r="OH23" s="350">
        <v>116075</v>
      </c>
      <c r="OI23" s="348">
        <v>489579</v>
      </c>
      <c r="OJ23" s="345">
        <v>838571</v>
      </c>
      <c r="OK23" s="346">
        <v>1328150</v>
      </c>
      <c r="OL23" s="351">
        <v>0</v>
      </c>
      <c r="OM23" s="345">
        <v>7653714</v>
      </c>
      <c r="ON23" s="345">
        <v>9335690</v>
      </c>
      <c r="OO23" s="345">
        <v>13061703</v>
      </c>
      <c r="OP23" s="345">
        <v>11043652</v>
      </c>
      <c r="OQ23" s="345">
        <v>12255235</v>
      </c>
      <c r="OR23" s="349">
        <v>53349994</v>
      </c>
      <c r="OS23" s="354">
        <v>54678144</v>
      </c>
    </row>
    <row r="24" spans="2:409" s="70" customFormat="1" ht="21" customHeight="1" x14ac:dyDescent="0.2">
      <c r="B24" s="106" t="s">
        <v>19</v>
      </c>
      <c r="C24" s="326">
        <v>273401</v>
      </c>
      <c r="D24" s="327">
        <v>275834</v>
      </c>
      <c r="E24" s="328">
        <v>549235</v>
      </c>
      <c r="F24" s="329">
        <v>0</v>
      </c>
      <c r="G24" s="327">
        <v>2812152</v>
      </c>
      <c r="H24" s="327">
        <v>3430916</v>
      </c>
      <c r="I24" s="327">
        <v>2840826</v>
      </c>
      <c r="J24" s="327">
        <v>1692966</v>
      </c>
      <c r="K24" s="327">
        <v>1085492</v>
      </c>
      <c r="L24" s="329">
        <v>11862352</v>
      </c>
      <c r="M24" s="330">
        <v>12411587</v>
      </c>
      <c r="N24" s="326">
        <v>82158</v>
      </c>
      <c r="O24" s="327">
        <v>94469</v>
      </c>
      <c r="P24" s="328">
        <v>176627</v>
      </c>
      <c r="Q24" s="326">
        <v>0</v>
      </c>
      <c r="R24" s="327">
        <v>1035371</v>
      </c>
      <c r="S24" s="327">
        <v>1001583</v>
      </c>
      <c r="T24" s="327">
        <v>1123239</v>
      </c>
      <c r="U24" s="327">
        <v>930426</v>
      </c>
      <c r="V24" s="327">
        <v>297005</v>
      </c>
      <c r="W24" s="328">
        <v>4387624</v>
      </c>
      <c r="X24" s="330">
        <v>4564251</v>
      </c>
      <c r="Y24" s="326">
        <v>0</v>
      </c>
      <c r="Z24" s="327">
        <v>0</v>
      </c>
      <c r="AA24" s="328">
        <v>0</v>
      </c>
      <c r="AB24" s="326">
        <v>0</v>
      </c>
      <c r="AC24" s="327">
        <v>190961</v>
      </c>
      <c r="AD24" s="327">
        <v>509594</v>
      </c>
      <c r="AE24" s="327">
        <v>740862</v>
      </c>
      <c r="AF24" s="327">
        <v>441747</v>
      </c>
      <c r="AG24" s="327">
        <v>193728</v>
      </c>
      <c r="AH24" s="328">
        <v>2076892</v>
      </c>
      <c r="AI24" s="330">
        <v>2076892</v>
      </c>
      <c r="AJ24" s="326">
        <v>0</v>
      </c>
      <c r="AK24" s="327">
        <v>0</v>
      </c>
      <c r="AL24" s="328">
        <v>0</v>
      </c>
      <c r="AM24" s="326">
        <v>0</v>
      </c>
      <c r="AN24" s="327">
        <v>0</v>
      </c>
      <c r="AO24" s="327">
        <v>0</v>
      </c>
      <c r="AP24" s="327">
        <v>20747</v>
      </c>
      <c r="AQ24" s="327">
        <v>80817</v>
      </c>
      <c r="AR24" s="327">
        <v>0</v>
      </c>
      <c r="AS24" s="328">
        <v>101564</v>
      </c>
      <c r="AT24" s="330">
        <v>101564</v>
      </c>
      <c r="AU24" s="326">
        <v>54753</v>
      </c>
      <c r="AV24" s="327">
        <v>75191</v>
      </c>
      <c r="AW24" s="328">
        <v>129944</v>
      </c>
      <c r="AX24" s="326">
        <v>0</v>
      </c>
      <c r="AY24" s="327">
        <v>619973</v>
      </c>
      <c r="AZ24" s="327">
        <v>267604</v>
      </c>
      <c r="BA24" s="327">
        <v>221819</v>
      </c>
      <c r="BB24" s="327">
        <v>314321</v>
      </c>
      <c r="BC24" s="327">
        <v>53927</v>
      </c>
      <c r="BD24" s="328">
        <v>1477644</v>
      </c>
      <c r="BE24" s="330">
        <v>1607588</v>
      </c>
      <c r="BF24" s="326">
        <v>0</v>
      </c>
      <c r="BG24" s="327">
        <v>0</v>
      </c>
      <c r="BH24" s="331">
        <v>0</v>
      </c>
      <c r="BI24" s="332">
        <v>0</v>
      </c>
      <c r="BJ24" s="327">
        <v>110834</v>
      </c>
      <c r="BK24" s="327">
        <v>8204</v>
      </c>
      <c r="BL24" s="327">
        <v>0</v>
      </c>
      <c r="BM24" s="327">
        <v>55475</v>
      </c>
      <c r="BN24" s="327">
        <v>0</v>
      </c>
      <c r="BO24" s="328">
        <v>174513</v>
      </c>
      <c r="BP24" s="330">
        <v>174513</v>
      </c>
      <c r="BQ24" s="326">
        <v>27405</v>
      </c>
      <c r="BR24" s="327">
        <v>19278</v>
      </c>
      <c r="BS24" s="328">
        <v>46683</v>
      </c>
      <c r="BT24" s="326">
        <v>0</v>
      </c>
      <c r="BU24" s="327">
        <v>113603</v>
      </c>
      <c r="BV24" s="327">
        <v>216181</v>
      </c>
      <c r="BW24" s="327">
        <v>139811</v>
      </c>
      <c r="BX24" s="327">
        <v>38066</v>
      </c>
      <c r="BY24" s="327">
        <v>49350</v>
      </c>
      <c r="BZ24" s="328">
        <v>557011</v>
      </c>
      <c r="CA24" s="330">
        <v>603694</v>
      </c>
      <c r="CB24" s="326">
        <v>56529</v>
      </c>
      <c r="CC24" s="327">
        <v>67571</v>
      </c>
      <c r="CD24" s="328">
        <v>124100</v>
      </c>
      <c r="CE24" s="326">
        <v>0</v>
      </c>
      <c r="CF24" s="327">
        <v>1140584</v>
      </c>
      <c r="CG24" s="327">
        <v>918992</v>
      </c>
      <c r="CH24" s="327">
        <v>380055</v>
      </c>
      <c r="CI24" s="327">
        <v>319433</v>
      </c>
      <c r="CJ24" s="327">
        <v>305541</v>
      </c>
      <c r="CK24" s="328">
        <v>3064605</v>
      </c>
      <c r="CL24" s="330">
        <v>3188705</v>
      </c>
      <c r="CM24" s="326">
        <v>0</v>
      </c>
      <c r="CN24" s="327">
        <v>0</v>
      </c>
      <c r="CO24" s="328">
        <v>0</v>
      </c>
      <c r="CP24" s="332">
        <v>0</v>
      </c>
      <c r="CQ24" s="327">
        <v>610941</v>
      </c>
      <c r="CR24" s="327">
        <v>624390</v>
      </c>
      <c r="CS24" s="327">
        <v>177281</v>
      </c>
      <c r="CT24" s="327">
        <v>46910</v>
      </c>
      <c r="CU24" s="327">
        <v>181142</v>
      </c>
      <c r="CV24" s="328">
        <v>1640664</v>
      </c>
      <c r="CW24" s="330">
        <v>1640664</v>
      </c>
      <c r="CX24" s="326">
        <v>56529</v>
      </c>
      <c r="CY24" s="327">
        <v>67571</v>
      </c>
      <c r="CZ24" s="328">
        <v>124100</v>
      </c>
      <c r="DA24" s="326">
        <v>0</v>
      </c>
      <c r="DB24" s="327">
        <v>529643</v>
      </c>
      <c r="DC24" s="327">
        <v>294602</v>
      </c>
      <c r="DD24" s="327">
        <v>202774</v>
      </c>
      <c r="DE24" s="327">
        <v>272523</v>
      </c>
      <c r="DF24" s="327">
        <v>124399</v>
      </c>
      <c r="DG24" s="328">
        <v>1423941</v>
      </c>
      <c r="DH24" s="330">
        <v>1548041</v>
      </c>
      <c r="DI24" s="326">
        <v>0</v>
      </c>
      <c r="DJ24" s="327">
        <v>0</v>
      </c>
      <c r="DK24" s="331">
        <v>0</v>
      </c>
      <c r="DL24" s="332">
        <v>0</v>
      </c>
      <c r="DM24" s="327">
        <v>169330</v>
      </c>
      <c r="DN24" s="327">
        <v>100111</v>
      </c>
      <c r="DO24" s="327">
        <v>33712</v>
      </c>
      <c r="DP24" s="327">
        <v>210609</v>
      </c>
      <c r="DQ24" s="327">
        <v>0</v>
      </c>
      <c r="DR24" s="328">
        <v>513762</v>
      </c>
      <c r="DS24" s="330">
        <v>513762</v>
      </c>
      <c r="DT24" s="326">
        <v>0</v>
      </c>
      <c r="DU24" s="327">
        <v>0</v>
      </c>
      <c r="DV24" s="328">
        <v>0</v>
      </c>
      <c r="DW24" s="326">
        <v>0</v>
      </c>
      <c r="DX24" s="327">
        <v>19776</v>
      </c>
      <c r="DY24" s="327">
        <v>100111</v>
      </c>
      <c r="DZ24" s="327">
        <v>33712</v>
      </c>
      <c r="EA24" s="327">
        <v>14707</v>
      </c>
      <c r="EB24" s="327">
        <v>0</v>
      </c>
      <c r="EC24" s="328">
        <v>168306</v>
      </c>
      <c r="ED24" s="330">
        <v>168306</v>
      </c>
      <c r="EE24" s="326">
        <v>0</v>
      </c>
      <c r="EF24" s="331">
        <v>0</v>
      </c>
      <c r="EG24" s="328">
        <v>0</v>
      </c>
      <c r="EH24" s="326">
        <v>0</v>
      </c>
      <c r="EI24" s="327">
        <v>149554</v>
      </c>
      <c r="EJ24" s="327">
        <v>0</v>
      </c>
      <c r="EK24" s="327">
        <v>0</v>
      </c>
      <c r="EL24" s="327">
        <v>195902</v>
      </c>
      <c r="EM24" s="327">
        <v>0</v>
      </c>
      <c r="EN24" s="331">
        <v>345456</v>
      </c>
      <c r="EO24" s="330">
        <v>345456</v>
      </c>
      <c r="EP24" s="326">
        <v>0</v>
      </c>
      <c r="EQ24" s="327">
        <v>0</v>
      </c>
      <c r="ER24" s="331">
        <v>0</v>
      </c>
      <c r="ES24" s="332">
        <v>0</v>
      </c>
      <c r="ET24" s="327">
        <v>0</v>
      </c>
      <c r="EU24" s="327">
        <v>0</v>
      </c>
      <c r="EV24" s="327">
        <v>0</v>
      </c>
      <c r="EW24" s="327">
        <v>0</v>
      </c>
      <c r="EX24" s="327">
        <v>0</v>
      </c>
      <c r="EY24" s="328">
        <v>0</v>
      </c>
      <c r="EZ24" s="330">
        <v>0</v>
      </c>
      <c r="FA24" s="326">
        <v>0</v>
      </c>
      <c r="FB24" s="327">
        <v>0</v>
      </c>
      <c r="FC24" s="331">
        <v>0</v>
      </c>
      <c r="FD24" s="404">
        <v>0</v>
      </c>
      <c r="FE24" s="327">
        <v>0</v>
      </c>
      <c r="FF24" s="327">
        <v>0</v>
      </c>
      <c r="FG24" s="327">
        <v>0</v>
      </c>
      <c r="FH24" s="327">
        <v>0</v>
      </c>
      <c r="FI24" s="327">
        <v>0</v>
      </c>
      <c r="FJ24" s="328">
        <v>0</v>
      </c>
      <c r="FK24" s="330">
        <v>0</v>
      </c>
      <c r="FL24" s="326">
        <v>32970</v>
      </c>
      <c r="FM24" s="327">
        <v>30660</v>
      </c>
      <c r="FN24" s="328">
        <v>63630</v>
      </c>
      <c r="FO24" s="326">
        <v>0</v>
      </c>
      <c r="FP24" s="327">
        <v>174244</v>
      </c>
      <c r="FQ24" s="327">
        <v>263907</v>
      </c>
      <c r="FR24" s="327">
        <v>206640</v>
      </c>
      <c r="FS24" s="327">
        <v>232498</v>
      </c>
      <c r="FT24" s="327">
        <v>51289</v>
      </c>
      <c r="FU24" s="328">
        <v>928578</v>
      </c>
      <c r="FV24" s="330">
        <v>992208</v>
      </c>
      <c r="FW24" s="333">
        <v>32970</v>
      </c>
      <c r="FX24" s="327">
        <v>30660</v>
      </c>
      <c r="FY24" s="331">
        <v>63630</v>
      </c>
      <c r="FZ24" s="332">
        <v>0</v>
      </c>
      <c r="GA24" s="327">
        <v>174244</v>
      </c>
      <c r="GB24" s="327">
        <v>263907</v>
      </c>
      <c r="GC24" s="327">
        <v>206640</v>
      </c>
      <c r="GD24" s="327">
        <v>232498</v>
      </c>
      <c r="GE24" s="327">
        <v>51289</v>
      </c>
      <c r="GF24" s="328">
        <v>928578</v>
      </c>
      <c r="GG24" s="334">
        <v>992208</v>
      </c>
      <c r="GH24" s="333">
        <v>0</v>
      </c>
      <c r="GI24" s="327">
        <v>0</v>
      </c>
      <c r="GJ24" s="331">
        <v>0</v>
      </c>
      <c r="GK24" s="332">
        <v>0</v>
      </c>
      <c r="GL24" s="327">
        <v>0</v>
      </c>
      <c r="GM24" s="327">
        <v>0</v>
      </c>
      <c r="GN24" s="327">
        <v>0</v>
      </c>
      <c r="GO24" s="327">
        <v>0</v>
      </c>
      <c r="GP24" s="327">
        <v>0</v>
      </c>
      <c r="GQ24" s="328">
        <v>0</v>
      </c>
      <c r="GR24" s="330">
        <v>0</v>
      </c>
      <c r="GS24" s="326">
        <v>0</v>
      </c>
      <c r="GT24" s="327">
        <v>0</v>
      </c>
      <c r="GU24" s="328">
        <v>0</v>
      </c>
      <c r="GV24" s="326">
        <v>0</v>
      </c>
      <c r="GW24" s="327">
        <v>0</v>
      </c>
      <c r="GX24" s="327">
        <v>0</v>
      </c>
      <c r="GY24" s="327">
        <v>0</v>
      </c>
      <c r="GZ24" s="327">
        <v>0</v>
      </c>
      <c r="HA24" s="327">
        <v>0</v>
      </c>
      <c r="HB24" s="331">
        <v>0</v>
      </c>
      <c r="HC24" s="330">
        <v>0</v>
      </c>
      <c r="HD24" s="326">
        <v>101744</v>
      </c>
      <c r="HE24" s="327">
        <v>83134</v>
      </c>
      <c r="HF24" s="331">
        <v>184878</v>
      </c>
      <c r="HG24" s="332">
        <v>0</v>
      </c>
      <c r="HH24" s="327">
        <v>292623</v>
      </c>
      <c r="HI24" s="327">
        <v>1146323</v>
      </c>
      <c r="HJ24" s="327">
        <v>1097180</v>
      </c>
      <c r="HK24" s="327">
        <v>0</v>
      </c>
      <c r="HL24" s="327">
        <v>431657</v>
      </c>
      <c r="HM24" s="328">
        <v>2967783</v>
      </c>
      <c r="HN24" s="329">
        <v>3152661</v>
      </c>
      <c r="HO24" s="333">
        <v>0</v>
      </c>
      <c r="HP24" s="327">
        <v>0</v>
      </c>
      <c r="HQ24" s="328">
        <v>0</v>
      </c>
      <c r="HR24" s="326">
        <v>0</v>
      </c>
      <c r="HS24" s="327">
        <v>0</v>
      </c>
      <c r="HT24" s="327">
        <v>0</v>
      </c>
      <c r="HU24" s="327">
        <v>0</v>
      </c>
      <c r="HV24" s="327">
        <v>0</v>
      </c>
      <c r="HW24" s="327">
        <v>0</v>
      </c>
      <c r="HX24" s="331">
        <v>0</v>
      </c>
      <c r="HY24" s="330">
        <v>0</v>
      </c>
      <c r="HZ24" s="358">
        <v>25817</v>
      </c>
      <c r="IA24" s="356">
        <v>0</v>
      </c>
      <c r="IB24" s="358">
        <v>25817</v>
      </c>
      <c r="IC24" s="355">
        <v>0</v>
      </c>
      <c r="ID24" s="356">
        <v>593489</v>
      </c>
      <c r="IE24" s="357">
        <v>604432</v>
      </c>
      <c r="IF24" s="358">
        <v>553840</v>
      </c>
      <c r="IG24" s="356">
        <v>810481</v>
      </c>
      <c r="IH24" s="358">
        <v>-130956</v>
      </c>
      <c r="II24" s="359">
        <v>2431286</v>
      </c>
      <c r="IJ24" s="358">
        <v>2457103</v>
      </c>
      <c r="IK24" s="342">
        <v>0</v>
      </c>
      <c r="IL24" s="343">
        <v>0</v>
      </c>
      <c r="IM24" s="344">
        <v>0</v>
      </c>
      <c r="IN24" s="404">
        <v>0</v>
      </c>
      <c r="IO24" s="345">
        <v>0</v>
      </c>
      <c r="IP24" s="345">
        <v>182096</v>
      </c>
      <c r="IQ24" s="345">
        <v>0</v>
      </c>
      <c r="IR24" s="345">
        <v>178950</v>
      </c>
      <c r="IS24" s="345">
        <v>56219</v>
      </c>
      <c r="IT24" s="346">
        <v>417265</v>
      </c>
      <c r="IU24" s="347">
        <v>417265</v>
      </c>
      <c r="IV24" s="348">
        <v>0</v>
      </c>
      <c r="IW24" s="345">
        <v>0</v>
      </c>
      <c r="IX24" s="349">
        <v>0</v>
      </c>
      <c r="IY24" s="404">
        <v>0</v>
      </c>
      <c r="IZ24" s="345">
        <v>0</v>
      </c>
      <c r="JA24" s="345">
        <v>9069</v>
      </c>
      <c r="JB24" s="345">
        <v>0</v>
      </c>
      <c r="JC24" s="345">
        <v>19466</v>
      </c>
      <c r="JD24" s="345">
        <v>0</v>
      </c>
      <c r="JE24" s="349">
        <v>28535</v>
      </c>
      <c r="JF24" s="350">
        <v>28535</v>
      </c>
      <c r="JG24" s="348">
        <v>0</v>
      </c>
      <c r="JH24" s="345">
        <v>0</v>
      </c>
      <c r="JI24" s="346">
        <v>0</v>
      </c>
      <c r="JJ24" s="351">
        <v>0</v>
      </c>
      <c r="JK24" s="345">
        <v>343132</v>
      </c>
      <c r="JL24" s="345">
        <v>106851</v>
      </c>
      <c r="JM24" s="345">
        <v>9245</v>
      </c>
      <c r="JN24" s="345">
        <v>371359</v>
      </c>
      <c r="JO24" s="345">
        <v>0</v>
      </c>
      <c r="JP24" s="349">
        <v>830587</v>
      </c>
      <c r="JQ24" s="347">
        <v>830587</v>
      </c>
      <c r="JR24" s="348">
        <v>25817</v>
      </c>
      <c r="JS24" s="345">
        <v>0</v>
      </c>
      <c r="JT24" s="346">
        <v>25817</v>
      </c>
      <c r="JU24" s="351">
        <v>0</v>
      </c>
      <c r="JV24" s="345">
        <v>35794</v>
      </c>
      <c r="JW24" s="345">
        <v>143415</v>
      </c>
      <c r="JX24" s="345">
        <v>103212</v>
      </c>
      <c r="JY24" s="345">
        <v>0</v>
      </c>
      <c r="JZ24" s="345">
        <v>0</v>
      </c>
      <c r="KA24" s="349">
        <v>282421</v>
      </c>
      <c r="KB24" s="347">
        <v>308238</v>
      </c>
      <c r="KC24" s="352">
        <v>0</v>
      </c>
      <c r="KD24" s="353">
        <v>0</v>
      </c>
      <c r="KE24" s="349">
        <v>0</v>
      </c>
      <c r="KF24" s="351">
        <v>0</v>
      </c>
      <c r="KG24" s="345">
        <v>0</v>
      </c>
      <c r="KH24" s="345">
        <v>163001</v>
      </c>
      <c r="KI24" s="345">
        <v>214246</v>
      </c>
      <c r="KJ24" s="345">
        <v>240706</v>
      </c>
      <c r="KK24" s="345">
        <v>0</v>
      </c>
      <c r="KL24" s="349">
        <v>617953</v>
      </c>
      <c r="KM24" s="354">
        <v>617953</v>
      </c>
      <c r="KN24" s="342">
        <v>0</v>
      </c>
      <c r="KO24" s="343">
        <v>0</v>
      </c>
      <c r="KP24" s="344">
        <v>0</v>
      </c>
      <c r="KQ24" s="404">
        <v>0</v>
      </c>
      <c r="KR24" s="345">
        <v>214563</v>
      </c>
      <c r="KS24" s="345">
        <v>0</v>
      </c>
      <c r="KT24" s="345">
        <v>227137</v>
      </c>
      <c r="KU24" s="345">
        <v>0</v>
      </c>
      <c r="KV24" s="345">
        <v>-187175</v>
      </c>
      <c r="KW24" s="349">
        <v>254525</v>
      </c>
      <c r="KX24" s="347">
        <v>254525</v>
      </c>
      <c r="KY24" s="348">
        <v>0</v>
      </c>
      <c r="KZ24" s="345">
        <v>0</v>
      </c>
      <c r="LA24" s="349">
        <v>0</v>
      </c>
      <c r="LB24" s="404">
        <v>0</v>
      </c>
      <c r="LC24" s="345">
        <v>0</v>
      </c>
      <c r="LD24" s="345">
        <v>0</v>
      </c>
      <c r="LE24" s="345">
        <v>0</v>
      </c>
      <c r="LF24" s="345">
        <v>0</v>
      </c>
      <c r="LG24" s="345">
        <v>0</v>
      </c>
      <c r="LH24" s="349">
        <v>0</v>
      </c>
      <c r="LI24" s="350">
        <v>0</v>
      </c>
      <c r="LJ24" s="348">
        <v>0</v>
      </c>
      <c r="LK24" s="345">
        <v>0</v>
      </c>
      <c r="LL24" s="349">
        <v>0</v>
      </c>
      <c r="LM24" s="404">
        <v>0</v>
      </c>
      <c r="LN24" s="345">
        <v>0</v>
      </c>
      <c r="LO24" s="345">
        <v>0</v>
      </c>
      <c r="LP24" s="345">
        <v>0</v>
      </c>
      <c r="LQ24" s="345">
        <v>0</v>
      </c>
      <c r="LR24" s="345">
        <v>0</v>
      </c>
      <c r="LS24" s="349">
        <v>0</v>
      </c>
      <c r="LT24" s="347">
        <v>0</v>
      </c>
      <c r="LU24" s="348">
        <v>0</v>
      </c>
      <c r="LV24" s="345">
        <v>0</v>
      </c>
      <c r="LW24" s="349">
        <v>0</v>
      </c>
      <c r="LX24" s="404">
        <v>0</v>
      </c>
      <c r="LY24" s="345">
        <v>0</v>
      </c>
      <c r="LZ24" s="345">
        <v>0</v>
      </c>
      <c r="MA24" s="345">
        <v>0</v>
      </c>
      <c r="MB24" s="345">
        <v>0</v>
      </c>
      <c r="MC24" s="345">
        <v>0</v>
      </c>
      <c r="MD24" s="349">
        <v>0</v>
      </c>
      <c r="ME24" s="350">
        <v>0</v>
      </c>
      <c r="MF24" s="348">
        <v>0</v>
      </c>
      <c r="MG24" s="345">
        <v>0</v>
      </c>
      <c r="MH24" s="349">
        <v>0</v>
      </c>
      <c r="MI24" s="404">
        <v>0</v>
      </c>
      <c r="MJ24" s="345">
        <v>0</v>
      </c>
      <c r="MK24" s="345">
        <v>334056</v>
      </c>
      <c r="ML24" s="345">
        <v>1892610</v>
      </c>
      <c r="MM24" s="345">
        <v>990879</v>
      </c>
      <c r="MN24" s="345">
        <v>787142</v>
      </c>
      <c r="MO24" s="349">
        <v>4004687</v>
      </c>
      <c r="MP24" s="354">
        <v>4004687</v>
      </c>
      <c r="MQ24" s="348">
        <v>0</v>
      </c>
      <c r="MR24" s="345">
        <v>0</v>
      </c>
      <c r="MS24" s="349">
        <v>0</v>
      </c>
      <c r="MT24" s="404">
        <v>0</v>
      </c>
      <c r="MU24" s="345">
        <v>0</v>
      </c>
      <c r="MV24" s="345">
        <v>0</v>
      </c>
      <c r="MW24" s="345">
        <v>856086</v>
      </c>
      <c r="MX24" s="345">
        <v>503379</v>
      </c>
      <c r="MY24" s="345">
        <v>508215</v>
      </c>
      <c r="MZ24" s="349">
        <v>1867680</v>
      </c>
      <c r="NA24" s="354">
        <v>1867680</v>
      </c>
      <c r="NB24" s="348">
        <v>0</v>
      </c>
      <c r="NC24" s="345">
        <v>0</v>
      </c>
      <c r="ND24" s="349">
        <v>0</v>
      </c>
      <c r="NE24" s="404">
        <v>0</v>
      </c>
      <c r="NF24" s="345">
        <v>0</v>
      </c>
      <c r="NG24" s="345">
        <v>334056</v>
      </c>
      <c r="NH24" s="345">
        <v>1036524</v>
      </c>
      <c r="NI24" s="345">
        <v>487500</v>
      </c>
      <c r="NJ24" s="345">
        <v>278927</v>
      </c>
      <c r="NK24" s="349">
        <v>2137007</v>
      </c>
      <c r="NL24" s="347">
        <v>2137007</v>
      </c>
      <c r="NM24" s="348">
        <v>0</v>
      </c>
      <c r="NN24" s="345">
        <v>0</v>
      </c>
      <c r="NO24" s="349">
        <v>0</v>
      </c>
      <c r="NP24" s="404">
        <v>0</v>
      </c>
      <c r="NQ24" s="345">
        <v>0</v>
      </c>
      <c r="NR24" s="345">
        <v>0</v>
      </c>
      <c r="NS24" s="345">
        <v>0</v>
      </c>
      <c r="NT24" s="345">
        <v>0</v>
      </c>
      <c r="NU24" s="345">
        <v>0</v>
      </c>
      <c r="NV24" s="349">
        <v>0</v>
      </c>
      <c r="NW24" s="350">
        <v>0</v>
      </c>
      <c r="NX24" s="348">
        <v>0</v>
      </c>
      <c r="NY24" s="345">
        <v>0</v>
      </c>
      <c r="NZ24" s="349">
        <v>0</v>
      </c>
      <c r="OA24" s="404">
        <v>0</v>
      </c>
      <c r="OB24" s="345">
        <v>0</v>
      </c>
      <c r="OC24" s="345">
        <v>0</v>
      </c>
      <c r="OD24" s="345">
        <v>0</v>
      </c>
      <c r="OE24" s="345">
        <v>0</v>
      </c>
      <c r="OF24" s="345">
        <v>0</v>
      </c>
      <c r="OG24" s="349">
        <v>0</v>
      </c>
      <c r="OH24" s="350">
        <v>0</v>
      </c>
      <c r="OI24" s="348">
        <v>299218</v>
      </c>
      <c r="OJ24" s="345">
        <v>275834</v>
      </c>
      <c r="OK24" s="346">
        <v>575052</v>
      </c>
      <c r="OL24" s="351">
        <v>0</v>
      </c>
      <c r="OM24" s="345">
        <v>3405641</v>
      </c>
      <c r="ON24" s="345">
        <v>4369404</v>
      </c>
      <c r="OO24" s="345">
        <v>5287276</v>
      </c>
      <c r="OP24" s="345">
        <v>3494326</v>
      </c>
      <c r="OQ24" s="345">
        <v>1741678</v>
      </c>
      <c r="OR24" s="349">
        <v>18298325</v>
      </c>
      <c r="OS24" s="354">
        <v>18873377</v>
      </c>
    </row>
    <row r="25" spans="2:409" s="70" customFormat="1" ht="21" customHeight="1" x14ac:dyDescent="0.2">
      <c r="B25" s="106" t="s">
        <v>20</v>
      </c>
      <c r="C25" s="326">
        <v>307282</v>
      </c>
      <c r="D25" s="327">
        <v>499008</v>
      </c>
      <c r="E25" s="328">
        <v>806290</v>
      </c>
      <c r="F25" s="326">
        <v>0</v>
      </c>
      <c r="G25" s="327">
        <v>3576926</v>
      </c>
      <c r="H25" s="327">
        <v>4549720</v>
      </c>
      <c r="I25" s="327">
        <v>4109243</v>
      </c>
      <c r="J25" s="327">
        <v>3047193</v>
      </c>
      <c r="K25" s="327">
        <v>1937796</v>
      </c>
      <c r="L25" s="367">
        <v>17220878</v>
      </c>
      <c r="M25" s="330">
        <v>18027168</v>
      </c>
      <c r="N25" s="326">
        <v>99316</v>
      </c>
      <c r="O25" s="327">
        <v>207656</v>
      </c>
      <c r="P25" s="328">
        <v>306972</v>
      </c>
      <c r="Q25" s="326">
        <v>0</v>
      </c>
      <c r="R25" s="327">
        <v>1313019</v>
      </c>
      <c r="S25" s="327">
        <v>1694718</v>
      </c>
      <c r="T25" s="327">
        <v>1070831</v>
      </c>
      <c r="U25" s="327">
        <v>1126678</v>
      </c>
      <c r="V25" s="327">
        <v>692066</v>
      </c>
      <c r="W25" s="328">
        <v>5897312</v>
      </c>
      <c r="X25" s="330">
        <v>6204284</v>
      </c>
      <c r="Y25" s="326">
        <v>0</v>
      </c>
      <c r="Z25" s="327">
        <v>0</v>
      </c>
      <c r="AA25" s="328">
        <v>0</v>
      </c>
      <c r="AB25" s="326">
        <v>0</v>
      </c>
      <c r="AC25" s="327">
        <v>534851</v>
      </c>
      <c r="AD25" s="327">
        <v>775834</v>
      </c>
      <c r="AE25" s="327">
        <v>460307</v>
      </c>
      <c r="AF25" s="327">
        <v>720211</v>
      </c>
      <c r="AG25" s="327">
        <v>427463</v>
      </c>
      <c r="AH25" s="328">
        <v>2918666</v>
      </c>
      <c r="AI25" s="330">
        <v>2918666</v>
      </c>
      <c r="AJ25" s="326">
        <v>0</v>
      </c>
      <c r="AK25" s="327">
        <v>0</v>
      </c>
      <c r="AL25" s="328">
        <v>0</v>
      </c>
      <c r="AM25" s="326">
        <v>0</v>
      </c>
      <c r="AN25" s="327">
        <v>0</v>
      </c>
      <c r="AO25" s="327">
        <v>0</v>
      </c>
      <c r="AP25" s="327">
        <v>12170</v>
      </c>
      <c r="AQ25" s="327">
        <v>85703</v>
      </c>
      <c r="AR25" s="327">
        <v>92081</v>
      </c>
      <c r="AS25" s="328">
        <v>189954</v>
      </c>
      <c r="AT25" s="330">
        <v>189954</v>
      </c>
      <c r="AU25" s="326">
        <v>75796</v>
      </c>
      <c r="AV25" s="327">
        <v>73409</v>
      </c>
      <c r="AW25" s="328">
        <v>149205</v>
      </c>
      <c r="AX25" s="326">
        <v>0</v>
      </c>
      <c r="AY25" s="327">
        <v>500222</v>
      </c>
      <c r="AZ25" s="327">
        <v>638136</v>
      </c>
      <c r="BA25" s="327">
        <v>372497</v>
      </c>
      <c r="BB25" s="327">
        <v>192209</v>
      </c>
      <c r="BC25" s="327">
        <v>25092</v>
      </c>
      <c r="BD25" s="328">
        <v>1728156</v>
      </c>
      <c r="BE25" s="330">
        <v>1877361</v>
      </c>
      <c r="BF25" s="326">
        <v>0</v>
      </c>
      <c r="BG25" s="327">
        <v>113926</v>
      </c>
      <c r="BH25" s="331">
        <v>113926</v>
      </c>
      <c r="BI25" s="332">
        <v>0</v>
      </c>
      <c r="BJ25" s="327">
        <v>144939</v>
      </c>
      <c r="BK25" s="327">
        <v>97131</v>
      </c>
      <c r="BL25" s="327">
        <v>61896</v>
      </c>
      <c r="BM25" s="327">
        <v>0</v>
      </c>
      <c r="BN25" s="327">
        <v>36830</v>
      </c>
      <c r="BO25" s="328">
        <v>340796</v>
      </c>
      <c r="BP25" s="330">
        <v>454722</v>
      </c>
      <c r="BQ25" s="326">
        <v>23520</v>
      </c>
      <c r="BR25" s="327">
        <v>20321</v>
      </c>
      <c r="BS25" s="328">
        <v>43841</v>
      </c>
      <c r="BT25" s="326">
        <v>0</v>
      </c>
      <c r="BU25" s="327">
        <v>133007</v>
      </c>
      <c r="BV25" s="327">
        <v>183617</v>
      </c>
      <c r="BW25" s="327">
        <v>163961</v>
      </c>
      <c r="BX25" s="327">
        <v>128555</v>
      </c>
      <c r="BY25" s="327">
        <v>110600</v>
      </c>
      <c r="BZ25" s="328">
        <v>719740</v>
      </c>
      <c r="CA25" s="330">
        <v>763581</v>
      </c>
      <c r="CB25" s="326">
        <v>0</v>
      </c>
      <c r="CC25" s="327">
        <v>73076</v>
      </c>
      <c r="CD25" s="328">
        <v>73076</v>
      </c>
      <c r="CE25" s="326">
        <v>0</v>
      </c>
      <c r="CF25" s="327">
        <v>948398</v>
      </c>
      <c r="CG25" s="327">
        <v>1272390</v>
      </c>
      <c r="CH25" s="327">
        <v>1470121</v>
      </c>
      <c r="CI25" s="327">
        <v>504769</v>
      </c>
      <c r="CJ25" s="327">
        <v>245303</v>
      </c>
      <c r="CK25" s="328">
        <v>4440981</v>
      </c>
      <c r="CL25" s="330">
        <v>4514057</v>
      </c>
      <c r="CM25" s="326">
        <v>0</v>
      </c>
      <c r="CN25" s="327">
        <v>0</v>
      </c>
      <c r="CO25" s="328">
        <v>0</v>
      </c>
      <c r="CP25" s="332">
        <v>0</v>
      </c>
      <c r="CQ25" s="327">
        <v>710142</v>
      </c>
      <c r="CR25" s="327">
        <v>656301</v>
      </c>
      <c r="CS25" s="327">
        <v>1238118</v>
      </c>
      <c r="CT25" s="327">
        <v>345140</v>
      </c>
      <c r="CU25" s="327">
        <v>245303</v>
      </c>
      <c r="CV25" s="328">
        <v>3195004</v>
      </c>
      <c r="CW25" s="330">
        <v>3195004</v>
      </c>
      <c r="CX25" s="326">
        <v>0</v>
      </c>
      <c r="CY25" s="327">
        <v>73076</v>
      </c>
      <c r="CZ25" s="328">
        <v>73076</v>
      </c>
      <c r="DA25" s="326">
        <v>0</v>
      </c>
      <c r="DB25" s="327">
        <v>238256</v>
      </c>
      <c r="DC25" s="327">
        <v>616089</v>
      </c>
      <c r="DD25" s="327">
        <v>232003</v>
      </c>
      <c r="DE25" s="327">
        <v>159629</v>
      </c>
      <c r="DF25" s="327">
        <v>0</v>
      </c>
      <c r="DG25" s="328">
        <v>1245977</v>
      </c>
      <c r="DH25" s="330">
        <v>1319053</v>
      </c>
      <c r="DI25" s="326">
        <v>0</v>
      </c>
      <c r="DJ25" s="327">
        <v>0</v>
      </c>
      <c r="DK25" s="331">
        <v>0</v>
      </c>
      <c r="DL25" s="332">
        <v>0</v>
      </c>
      <c r="DM25" s="327">
        <v>162986</v>
      </c>
      <c r="DN25" s="327">
        <v>354547</v>
      </c>
      <c r="DO25" s="327">
        <v>435637</v>
      </c>
      <c r="DP25" s="327">
        <v>212070</v>
      </c>
      <c r="DQ25" s="327">
        <v>0</v>
      </c>
      <c r="DR25" s="328">
        <v>1165240</v>
      </c>
      <c r="DS25" s="330">
        <v>1165240</v>
      </c>
      <c r="DT25" s="326">
        <v>0</v>
      </c>
      <c r="DU25" s="327">
        <v>0</v>
      </c>
      <c r="DV25" s="328">
        <v>0</v>
      </c>
      <c r="DW25" s="326">
        <v>0</v>
      </c>
      <c r="DX25" s="327">
        <v>104368</v>
      </c>
      <c r="DY25" s="327">
        <v>247257</v>
      </c>
      <c r="DZ25" s="327">
        <v>435637</v>
      </c>
      <c r="EA25" s="327">
        <v>212070</v>
      </c>
      <c r="EB25" s="327">
        <v>0</v>
      </c>
      <c r="EC25" s="328">
        <v>999332</v>
      </c>
      <c r="ED25" s="330">
        <v>999332</v>
      </c>
      <c r="EE25" s="326">
        <v>0</v>
      </c>
      <c r="EF25" s="331">
        <v>0</v>
      </c>
      <c r="EG25" s="328">
        <v>0</v>
      </c>
      <c r="EH25" s="326">
        <v>0</v>
      </c>
      <c r="EI25" s="327">
        <v>58618</v>
      </c>
      <c r="EJ25" s="327">
        <v>107290</v>
      </c>
      <c r="EK25" s="327">
        <v>0</v>
      </c>
      <c r="EL25" s="327">
        <v>0</v>
      </c>
      <c r="EM25" s="327">
        <v>0</v>
      </c>
      <c r="EN25" s="331">
        <v>165908</v>
      </c>
      <c r="EO25" s="330">
        <v>165908</v>
      </c>
      <c r="EP25" s="326">
        <v>0</v>
      </c>
      <c r="EQ25" s="327">
        <v>0</v>
      </c>
      <c r="ER25" s="331">
        <v>0</v>
      </c>
      <c r="ES25" s="332">
        <v>0</v>
      </c>
      <c r="ET25" s="327">
        <v>0</v>
      </c>
      <c r="EU25" s="327">
        <v>0</v>
      </c>
      <c r="EV25" s="327">
        <v>0</v>
      </c>
      <c r="EW25" s="327">
        <v>0</v>
      </c>
      <c r="EX25" s="327">
        <v>0</v>
      </c>
      <c r="EY25" s="328">
        <v>0</v>
      </c>
      <c r="EZ25" s="330">
        <v>0</v>
      </c>
      <c r="FA25" s="326">
        <v>0</v>
      </c>
      <c r="FB25" s="327">
        <v>0</v>
      </c>
      <c r="FC25" s="331">
        <v>0</v>
      </c>
      <c r="FD25" s="404">
        <v>0</v>
      </c>
      <c r="FE25" s="327">
        <v>0</v>
      </c>
      <c r="FF25" s="327">
        <v>0</v>
      </c>
      <c r="FG25" s="327">
        <v>0</v>
      </c>
      <c r="FH25" s="327">
        <v>0</v>
      </c>
      <c r="FI25" s="327">
        <v>0</v>
      </c>
      <c r="FJ25" s="328">
        <v>0</v>
      </c>
      <c r="FK25" s="330">
        <v>0</v>
      </c>
      <c r="FL25" s="326">
        <v>55335</v>
      </c>
      <c r="FM25" s="327">
        <v>137739</v>
      </c>
      <c r="FN25" s="328">
        <v>193074</v>
      </c>
      <c r="FO25" s="326">
        <v>0</v>
      </c>
      <c r="FP25" s="327">
        <v>144319</v>
      </c>
      <c r="FQ25" s="327">
        <v>285404</v>
      </c>
      <c r="FR25" s="327">
        <v>397166</v>
      </c>
      <c r="FS25" s="327">
        <v>202216</v>
      </c>
      <c r="FT25" s="327">
        <v>127365</v>
      </c>
      <c r="FU25" s="328">
        <v>1156470</v>
      </c>
      <c r="FV25" s="330">
        <v>1349544</v>
      </c>
      <c r="FW25" s="333">
        <v>55335</v>
      </c>
      <c r="FX25" s="327">
        <v>114639</v>
      </c>
      <c r="FY25" s="331">
        <v>169974</v>
      </c>
      <c r="FZ25" s="332">
        <v>0</v>
      </c>
      <c r="GA25" s="327">
        <v>125419</v>
      </c>
      <c r="GB25" s="327">
        <v>254954</v>
      </c>
      <c r="GC25" s="327">
        <v>339766</v>
      </c>
      <c r="GD25" s="327">
        <v>202216</v>
      </c>
      <c r="GE25" s="327">
        <v>127365</v>
      </c>
      <c r="GF25" s="328">
        <v>1049720</v>
      </c>
      <c r="GG25" s="334">
        <v>1219694</v>
      </c>
      <c r="GH25" s="333">
        <v>0</v>
      </c>
      <c r="GI25" s="327">
        <v>23100</v>
      </c>
      <c r="GJ25" s="331">
        <v>23100</v>
      </c>
      <c r="GK25" s="332">
        <v>0</v>
      </c>
      <c r="GL25" s="327">
        <v>0</v>
      </c>
      <c r="GM25" s="327">
        <v>30450</v>
      </c>
      <c r="GN25" s="327">
        <v>57400</v>
      </c>
      <c r="GO25" s="327">
        <v>0</v>
      </c>
      <c r="GP25" s="327">
        <v>0</v>
      </c>
      <c r="GQ25" s="328">
        <v>87850</v>
      </c>
      <c r="GR25" s="330">
        <v>110950</v>
      </c>
      <c r="GS25" s="326">
        <v>0</v>
      </c>
      <c r="GT25" s="327">
        <v>0</v>
      </c>
      <c r="GU25" s="328">
        <v>0</v>
      </c>
      <c r="GV25" s="326">
        <v>0</v>
      </c>
      <c r="GW25" s="327">
        <v>18900</v>
      </c>
      <c r="GX25" s="327">
        <v>0</v>
      </c>
      <c r="GY25" s="327">
        <v>0</v>
      </c>
      <c r="GZ25" s="327">
        <v>0</v>
      </c>
      <c r="HA25" s="327">
        <v>0</v>
      </c>
      <c r="HB25" s="331">
        <v>18900</v>
      </c>
      <c r="HC25" s="330">
        <v>18900</v>
      </c>
      <c r="HD25" s="326">
        <v>152631</v>
      </c>
      <c r="HE25" s="327">
        <v>80537</v>
      </c>
      <c r="HF25" s="331">
        <v>233168</v>
      </c>
      <c r="HG25" s="332">
        <v>0</v>
      </c>
      <c r="HH25" s="327">
        <v>1008204</v>
      </c>
      <c r="HI25" s="327">
        <v>942661</v>
      </c>
      <c r="HJ25" s="327">
        <v>735488</v>
      </c>
      <c r="HK25" s="327">
        <v>1001460</v>
      </c>
      <c r="HL25" s="327">
        <v>873062</v>
      </c>
      <c r="HM25" s="328">
        <v>4560875</v>
      </c>
      <c r="HN25" s="329">
        <v>4794043</v>
      </c>
      <c r="HO25" s="333">
        <v>0</v>
      </c>
      <c r="HP25" s="327">
        <v>0</v>
      </c>
      <c r="HQ25" s="328">
        <v>0</v>
      </c>
      <c r="HR25" s="326">
        <v>0</v>
      </c>
      <c r="HS25" s="327">
        <v>0</v>
      </c>
      <c r="HT25" s="327">
        <v>0</v>
      </c>
      <c r="HU25" s="327">
        <v>0</v>
      </c>
      <c r="HV25" s="327">
        <v>0</v>
      </c>
      <c r="HW25" s="327">
        <v>0</v>
      </c>
      <c r="HX25" s="331">
        <v>0</v>
      </c>
      <c r="HY25" s="330">
        <v>0</v>
      </c>
      <c r="HZ25" s="335">
        <v>0</v>
      </c>
      <c r="IA25" s="336">
        <v>0</v>
      </c>
      <c r="IB25" s="337">
        <v>0</v>
      </c>
      <c r="IC25" s="338">
        <v>0</v>
      </c>
      <c r="ID25" s="336">
        <v>526336</v>
      </c>
      <c r="IE25" s="339">
        <v>793889</v>
      </c>
      <c r="IF25" s="337">
        <v>1025845</v>
      </c>
      <c r="IG25" s="336">
        <v>44259</v>
      </c>
      <c r="IH25" s="337">
        <v>259527</v>
      </c>
      <c r="II25" s="340">
        <v>2649856</v>
      </c>
      <c r="IJ25" s="341">
        <v>2649856</v>
      </c>
      <c r="IK25" s="342">
        <v>0</v>
      </c>
      <c r="IL25" s="343">
        <v>0</v>
      </c>
      <c r="IM25" s="344">
        <v>0</v>
      </c>
      <c r="IN25" s="404">
        <v>0</v>
      </c>
      <c r="IO25" s="345">
        <v>0</v>
      </c>
      <c r="IP25" s="345">
        <v>0</v>
      </c>
      <c r="IQ25" s="345">
        <v>0</v>
      </c>
      <c r="IR25" s="345">
        <v>0</v>
      </c>
      <c r="IS25" s="345">
        <v>0</v>
      </c>
      <c r="IT25" s="346">
        <v>0</v>
      </c>
      <c r="IU25" s="347">
        <v>0</v>
      </c>
      <c r="IV25" s="348">
        <v>0</v>
      </c>
      <c r="IW25" s="345">
        <v>0</v>
      </c>
      <c r="IX25" s="349">
        <v>0</v>
      </c>
      <c r="IY25" s="404">
        <v>0</v>
      </c>
      <c r="IZ25" s="345">
        <v>0</v>
      </c>
      <c r="JA25" s="345">
        <v>0</v>
      </c>
      <c r="JB25" s="345">
        <v>0</v>
      </c>
      <c r="JC25" s="345">
        <v>0</v>
      </c>
      <c r="JD25" s="345">
        <v>0</v>
      </c>
      <c r="JE25" s="349">
        <v>0</v>
      </c>
      <c r="JF25" s="350">
        <v>0</v>
      </c>
      <c r="JG25" s="348">
        <v>0</v>
      </c>
      <c r="JH25" s="345">
        <v>0</v>
      </c>
      <c r="JI25" s="346">
        <v>0</v>
      </c>
      <c r="JJ25" s="351">
        <v>0</v>
      </c>
      <c r="JK25" s="345">
        <v>312013</v>
      </c>
      <c r="JL25" s="345">
        <v>344615</v>
      </c>
      <c r="JM25" s="345">
        <v>67344</v>
      </c>
      <c r="JN25" s="345">
        <v>44259</v>
      </c>
      <c r="JO25" s="345">
        <v>0</v>
      </c>
      <c r="JP25" s="349">
        <v>768231</v>
      </c>
      <c r="JQ25" s="347">
        <v>768231</v>
      </c>
      <c r="JR25" s="348">
        <v>0</v>
      </c>
      <c r="JS25" s="345">
        <v>0</v>
      </c>
      <c r="JT25" s="346">
        <v>0</v>
      </c>
      <c r="JU25" s="351">
        <v>0</v>
      </c>
      <c r="JV25" s="345">
        <v>0</v>
      </c>
      <c r="JW25" s="345">
        <v>0</v>
      </c>
      <c r="JX25" s="345">
        <v>55464</v>
      </c>
      <c r="JY25" s="345">
        <v>0</v>
      </c>
      <c r="JZ25" s="345">
        <v>0</v>
      </c>
      <c r="KA25" s="349">
        <v>55464</v>
      </c>
      <c r="KB25" s="347">
        <v>55464</v>
      </c>
      <c r="KC25" s="352">
        <v>0</v>
      </c>
      <c r="KD25" s="353">
        <v>0</v>
      </c>
      <c r="KE25" s="349">
        <v>0</v>
      </c>
      <c r="KF25" s="351">
        <v>0</v>
      </c>
      <c r="KG25" s="345">
        <v>0</v>
      </c>
      <c r="KH25" s="345">
        <v>0</v>
      </c>
      <c r="KI25" s="345">
        <v>209338</v>
      </c>
      <c r="KJ25" s="345">
        <v>0</v>
      </c>
      <c r="KK25" s="345">
        <v>259527</v>
      </c>
      <c r="KL25" s="349">
        <v>468865</v>
      </c>
      <c r="KM25" s="354">
        <v>468865</v>
      </c>
      <c r="KN25" s="342">
        <v>0</v>
      </c>
      <c r="KO25" s="343">
        <v>0</v>
      </c>
      <c r="KP25" s="344">
        <v>0</v>
      </c>
      <c r="KQ25" s="404">
        <v>0</v>
      </c>
      <c r="KR25" s="345">
        <v>214323</v>
      </c>
      <c r="KS25" s="345">
        <v>449274</v>
      </c>
      <c r="KT25" s="345">
        <v>693699</v>
      </c>
      <c r="KU25" s="345">
        <v>0</v>
      </c>
      <c r="KV25" s="345">
        <v>0</v>
      </c>
      <c r="KW25" s="349">
        <v>1357296</v>
      </c>
      <c r="KX25" s="347">
        <v>1357296</v>
      </c>
      <c r="KY25" s="348">
        <v>0</v>
      </c>
      <c r="KZ25" s="345">
        <v>0</v>
      </c>
      <c r="LA25" s="349">
        <v>0</v>
      </c>
      <c r="LB25" s="404">
        <v>0</v>
      </c>
      <c r="LC25" s="345">
        <v>0</v>
      </c>
      <c r="LD25" s="345">
        <v>0</v>
      </c>
      <c r="LE25" s="345">
        <v>0</v>
      </c>
      <c r="LF25" s="345">
        <v>0</v>
      </c>
      <c r="LG25" s="345">
        <v>0</v>
      </c>
      <c r="LH25" s="349">
        <v>0</v>
      </c>
      <c r="LI25" s="350">
        <v>0</v>
      </c>
      <c r="LJ25" s="348">
        <v>0</v>
      </c>
      <c r="LK25" s="345">
        <v>0</v>
      </c>
      <c r="LL25" s="349">
        <v>0</v>
      </c>
      <c r="LM25" s="404">
        <v>0</v>
      </c>
      <c r="LN25" s="345">
        <v>0</v>
      </c>
      <c r="LO25" s="345">
        <v>0</v>
      </c>
      <c r="LP25" s="345">
        <v>0</v>
      </c>
      <c r="LQ25" s="345">
        <v>0</v>
      </c>
      <c r="LR25" s="345">
        <v>0</v>
      </c>
      <c r="LS25" s="349">
        <v>0</v>
      </c>
      <c r="LT25" s="347">
        <v>0</v>
      </c>
      <c r="LU25" s="348">
        <v>0</v>
      </c>
      <c r="LV25" s="345">
        <v>0</v>
      </c>
      <c r="LW25" s="349">
        <v>0</v>
      </c>
      <c r="LX25" s="404">
        <v>0</v>
      </c>
      <c r="LY25" s="345">
        <v>0</v>
      </c>
      <c r="LZ25" s="345">
        <v>0</v>
      </c>
      <c r="MA25" s="345">
        <v>0</v>
      </c>
      <c r="MB25" s="345">
        <v>0</v>
      </c>
      <c r="MC25" s="345">
        <v>0</v>
      </c>
      <c r="MD25" s="349">
        <v>0</v>
      </c>
      <c r="ME25" s="350">
        <v>0</v>
      </c>
      <c r="MF25" s="348">
        <v>0</v>
      </c>
      <c r="MG25" s="345">
        <v>0</v>
      </c>
      <c r="MH25" s="349">
        <v>0</v>
      </c>
      <c r="MI25" s="404">
        <v>0</v>
      </c>
      <c r="MJ25" s="345">
        <v>205300</v>
      </c>
      <c r="MK25" s="345">
        <v>685731</v>
      </c>
      <c r="ML25" s="345">
        <v>467092</v>
      </c>
      <c r="MM25" s="345">
        <v>2752775</v>
      </c>
      <c r="MN25" s="345">
        <v>1630970</v>
      </c>
      <c r="MO25" s="349">
        <v>5741868</v>
      </c>
      <c r="MP25" s="354">
        <v>5741868</v>
      </c>
      <c r="MQ25" s="348">
        <v>0</v>
      </c>
      <c r="MR25" s="345">
        <v>0</v>
      </c>
      <c r="MS25" s="349">
        <v>0</v>
      </c>
      <c r="MT25" s="404">
        <v>0</v>
      </c>
      <c r="MU25" s="345">
        <v>0</v>
      </c>
      <c r="MV25" s="345">
        <v>444242</v>
      </c>
      <c r="MW25" s="345">
        <v>467092</v>
      </c>
      <c r="MX25" s="345">
        <v>1717372</v>
      </c>
      <c r="MY25" s="345">
        <v>1630970</v>
      </c>
      <c r="MZ25" s="349">
        <v>4259676</v>
      </c>
      <c r="NA25" s="354">
        <v>4259676</v>
      </c>
      <c r="NB25" s="348">
        <v>0</v>
      </c>
      <c r="NC25" s="345">
        <v>0</v>
      </c>
      <c r="ND25" s="349">
        <v>0</v>
      </c>
      <c r="NE25" s="404">
        <v>0</v>
      </c>
      <c r="NF25" s="345">
        <v>205300</v>
      </c>
      <c r="NG25" s="345">
        <v>241489</v>
      </c>
      <c r="NH25" s="345">
        <v>0</v>
      </c>
      <c r="NI25" s="345">
        <v>1035403</v>
      </c>
      <c r="NJ25" s="345">
        <v>0</v>
      </c>
      <c r="NK25" s="349">
        <v>1482192</v>
      </c>
      <c r="NL25" s="347">
        <v>1482192</v>
      </c>
      <c r="NM25" s="348">
        <v>0</v>
      </c>
      <c r="NN25" s="345">
        <v>0</v>
      </c>
      <c r="NO25" s="349">
        <v>0</v>
      </c>
      <c r="NP25" s="404">
        <v>0</v>
      </c>
      <c r="NQ25" s="345">
        <v>0</v>
      </c>
      <c r="NR25" s="345">
        <v>0</v>
      </c>
      <c r="NS25" s="345">
        <v>0</v>
      </c>
      <c r="NT25" s="345">
        <v>0</v>
      </c>
      <c r="NU25" s="345">
        <v>0</v>
      </c>
      <c r="NV25" s="349">
        <v>0</v>
      </c>
      <c r="NW25" s="350">
        <v>0</v>
      </c>
      <c r="NX25" s="348">
        <v>0</v>
      </c>
      <c r="NY25" s="345">
        <v>0</v>
      </c>
      <c r="NZ25" s="349">
        <v>0</v>
      </c>
      <c r="OA25" s="404">
        <v>0</v>
      </c>
      <c r="OB25" s="345">
        <v>0</v>
      </c>
      <c r="OC25" s="345">
        <v>0</v>
      </c>
      <c r="OD25" s="345">
        <v>0</v>
      </c>
      <c r="OE25" s="345">
        <v>0</v>
      </c>
      <c r="OF25" s="345">
        <v>0</v>
      </c>
      <c r="OG25" s="349">
        <v>0</v>
      </c>
      <c r="OH25" s="350">
        <v>0</v>
      </c>
      <c r="OI25" s="348">
        <v>307282</v>
      </c>
      <c r="OJ25" s="345">
        <v>499008</v>
      </c>
      <c r="OK25" s="346">
        <v>806290</v>
      </c>
      <c r="OL25" s="351">
        <v>0</v>
      </c>
      <c r="OM25" s="345">
        <v>4308562</v>
      </c>
      <c r="ON25" s="345">
        <v>6029340</v>
      </c>
      <c r="OO25" s="345">
        <v>5602180</v>
      </c>
      <c r="OP25" s="345">
        <v>5844227</v>
      </c>
      <c r="OQ25" s="345">
        <v>3828293</v>
      </c>
      <c r="OR25" s="349">
        <v>25612602</v>
      </c>
      <c r="OS25" s="354">
        <v>26418892</v>
      </c>
    </row>
    <row r="26" spans="2:409" s="70" customFormat="1" ht="21" customHeight="1" x14ac:dyDescent="0.2">
      <c r="B26" s="106" t="s">
        <v>21</v>
      </c>
      <c r="C26" s="326">
        <v>438769</v>
      </c>
      <c r="D26" s="327">
        <v>259173</v>
      </c>
      <c r="E26" s="328">
        <v>697942</v>
      </c>
      <c r="F26" s="329">
        <v>0</v>
      </c>
      <c r="G26" s="327">
        <v>2925970</v>
      </c>
      <c r="H26" s="327">
        <v>1717580</v>
      </c>
      <c r="I26" s="327">
        <v>2367873</v>
      </c>
      <c r="J26" s="327">
        <v>2567244</v>
      </c>
      <c r="K26" s="327">
        <v>2096217</v>
      </c>
      <c r="L26" s="367">
        <v>11674884</v>
      </c>
      <c r="M26" s="330">
        <v>12372826</v>
      </c>
      <c r="N26" s="326">
        <v>97473</v>
      </c>
      <c r="O26" s="327">
        <v>112409</v>
      </c>
      <c r="P26" s="328">
        <v>209882</v>
      </c>
      <c r="Q26" s="326">
        <v>0</v>
      </c>
      <c r="R26" s="327">
        <v>1136046</v>
      </c>
      <c r="S26" s="327">
        <v>885502</v>
      </c>
      <c r="T26" s="327">
        <v>90443</v>
      </c>
      <c r="U26" s="327">
        <v>1041688</v>
      </c>
      <c r="V26" s="327">
        <v>797113</v>
      </c>
      <c r="W26" s="328">
        <v>3950792</v>
      </c>
      <c r="X26" s="330">
        <v>4160674</v>
      </c>
      <c r="Y26" s="326">
        <v>0</v>
      </c>
      <c r="Z26" s="327">
        <v>0</v>
      </c>
      <c r="AA26" s="328">
        <v>0</v>
      </c>
      <c r="AB26" s="326">
        <v>0</v>
      </c>
      <c r="AC26" s="327">
        <v>488016</v>
      </c>
      <c r="AD26" s="327">
        <v>273394</v>
      </c>
      <c r="AE26" s="327">
        <v>-307643</v>
      </c>
      <c r="AF26" s="327">
        <v>567658</v>
      </c>
      <c r="AG26" s="327">
        <v>360978</v>
      </c>
      <c r="AH26" s="328">
        <v>1382403</v>
      </c>
      <c r="AI26" s="330">
        <v>1382403</v>
      </c>
      <c r="AJ26" s="326">
        <v>0</v>
      </c>
      <c r="AK26" s="327">
        <v>0</v>
      </c>
      <c r="AL26" s="328">
        <v>0</v>
      </c>
      <c r="AM26" s="326">
        <v>0</v>
      </c>
      <c r="AN26" s="327">
        <v>0</v>
      </c>
      <c r="AO26" s="327">
        <v>0</v>
      </c>
      <c r="AP26" s="327">
        <v>22387</v>
      </c>
      <c r="AQ26" s="327">
        <v>118034</v>
      </c>
      <c r="AR26" s="327">
        <v>146333</v>
      </c>
      <c r="AS26" s="328">
        <v>286754</v>
      </c>
      <c r="AT26" s="330">
        <v>286754</v>
      </c>
      <c r="AU26" s="326">
        <v>16753</v>
      </c>
      <c r="AV26" s="327">
        <v>22095</v>
      </c>
      <c r="AW26" s="328">
        <v>38848</v>
      </c>
      <c r="AX26" s="326">
        <v>0</v>
      </c>
      <c r="AY26" s="327">
        <v>488228</v>
      </c>
      <c r="AZ26" s="327">
        <v>374388</v>
      </c>
      <c r="BA26" s="327">
        <v>167402</v>
      </c>
      <c r="BB26" s="327">
        <v>167780</v>
      </c>
      <c r="BC26" s="327">
        <v>152650</v>
      </c>
      <c r="BD26" s="328">
        <v>1350448</v>
      </c>
      <c r="BE26" s="330">
        <v>1389296</v>
      </c>
      <c r="BF26" s="326">
        <v>35920</v>
      </c>
      <c r="BG26" s="327">
        <v>47145</v>
      </c>
      <c r="BH26" s="331">
        <v>83065</v>
      </c>
      <c r="BI26" s="332">
        <v>0</v>
      </c>
      <c r="BJ26" s="327">
        <v>2253</v>
      </c>
      <c r="BK26" s="327">
        <v>0</v>
      </c>
      <c r="BL26" s="327">
        <v>36909</v>
      </c>
      <c r="BM26" s="327">
        <v>0</v>
      </c>
      <c r="BN26" s="327">
        <v>27294</v>
      </c>
      <c r="BO26" s="328">
        <v>66456</v>
      </c>
      <c r="BP26" s="330">
        <v>149521</v>
      </c>
      <c r="BQ26" s="326">
        <v>44800</v>
      </c>
      <c r="BR26" s="327">
        <v>43169</v>
      </c>
      <c r="BS26" s="328">
        <v>87969</v>
      </c>
      <c r="BT26" s="326">
        <v>0</v>
      </c>
      <c r="BU26" s="327">
        <v>157549</v>
      </c>
      <c r="BV26" s="327">
        <v>237720</v>
      </c>
      <c r="BW26" s="327">
        <v>171388</v>
      </c>
      <c r="BX26" s="327">
        <v>188216</v>
      </c>
      <c r="BY26" s="327">
        <v>109858</v>
      </c>
      <c r="BZ26" s="328">
        <v>864731</v>
      </c>
      <c r="CA26" s="330">
        <v>952700</v>
      </c>
      <c r="CB26" s="326">
        <v>0</v>
      </c>
      <c r="CC26" s="327">
        <v>0</v>
      </c>
      <c r="CD26" s="328">
        <v>0</v>
      </c>
      <c r="CE26" s="326">
        <v>0</v>
      </c>
      <c r="CF26" s="327">
        <v>718341</v>
      </c>
      <c r="CG26" s="327">
        <v>78336</v>
      </c>
      <c r="CH26" s="327">
        <v>217036</v>
      </c>
      <c r="CI26" s="327">
        <v>140800</v>
      </c>
      <c r="CJ26" s="327">
        <v>344619</v>
      </c>
      <c r="CK26" s="328">
        <v>1499132</v>
      </c>
      <c r="CL26" s="330">
        <v>1499132</v>
      </c>
      <c r="CM26" s="326">
        <v>0</v>
      </c>
      <c r="CN26" s="327">
        <v>0</v>
      </c>
      <c r="CO26" s="328">
        <v>0</v>
      </c>
      <c r="CP26" s="332">
        <v>0</v>
      </c>
      <c r="CQ26" s="327">
        <v>627470</v>
      </c>
      <c r="CR26" s="327">
        <v>-70264</v>
      </c>
      <c r="CS26" s="327">
        <v>167307</v>
      </c>
      <c r="CT26" s="327">
        <v>140800</v>
      </c>
      <c r="CU26" s="327">
        <v>166352</v>
      </c>
      <c r="CV26" s="328">
        <v>1031665</v>
      </c>
      <c r="CW26" s="330">
        <v>1031665</v>
      </c>
      <c r="CX26" s="326">
        <v>0</v>
      </c>
      <c r="CY26" s="327">
        <v>0</v>
      </c>
      <c r="CZ26" s="328">
        <v>0</v>
      </c>
      <c r="DA26" s="326">
        <v>0</v>
      </c>
      <c r="DB26" s="327">
        <v>90871</v>
      </c>
      <c r="DC26" s="327">
        <v>148600</v>
      </c>
      <c r="DD26" s="327">
        <v>49729</v>
      </c>
      <c r="DE26" s="327">
        <v>0</v>
      </c>
      <c r="DF26" s="327">
        <v>178267</v>
      </c>
      <c r="DG26" s="328">
        <v>467467</v>
      </c>
      <c r="DH26" s="330">
        <v>467467</v>
      </c>
      <c r="DI26" s="326">
        <v>0</v>
      </c>
      <c r="DJ26" s="327">
        <v>0</v>
      </c>
      <c r="DK26" s="331">
        <v>0</v>
      </c>
      <c r="DL26" s="332">
        <v>0</v>
      </c>
      <c r="DM26" s="327">
        <v>187378</v>
      </c>
      <c r="DN26" s="327">
        <v>128461</v>
      </c>
      <c r="DO26" s="327">
        <v>433085</v>
      </c>
      <c r="DP26" s="327">
        <v>7864</v>
      </c>
      <c r="DQ26" s="327">
        <v>250565</v>
      </c>
      <c r="DR26" s="328">
        <v>1007353</v>
      </c>
      <c r="DS26" s="330">
        <v>1007353</v>
      </c>
      <c r="DT26" s="326">
        <v>0</v>
      </c>
      <c r="DU26" s="327">
        <v>0</v>
      </c>
      <c r="DV26" s="328">
        <v>0</v>
      </c>
      <c r="DW26" s="326">
        <v>0</v>
      </c>
      <c r="DX26" s="327">
        <v>187378</v>
      </c>
      <c r="DY26" s="327">
        <v>107014</v>
      </c>
      <c r="DZ26" s="327">
        <v>351765</v>
      </c>
      <c r="EA26" s="327">
        <v>7864</v>
      </c>
      <c r="EB26" s="327">
        <v>250565</v>
      </c>
      <c r="EC26" s="328">
        <v>904586</v>
      </c>
      <c r="ED26" s="330">
        <v>904586</v>
      </c>
      <c r="EE26" s="326">
        <v>0</v>
      </c>
      <c r="EF26" s="331">
        <v>0</v>
      </c>
      <c r="EG26" s="328">
        <v>0</v>
      </c>
      <c r="EH26" s="326">
        <v>0</v>
      </c>
      <c r="EI26" s="327">
        <v>0</v>
      </c>
      <c r="EJ26" s="327">
        <v>21447</v>
      </c>
      <c r="EK26" s="327">
        <v>81320</v>
      </c>
      <c r="EL26" s="327">
        <v>0</v>
      </c>
      <c r="EM26" s="327">
        <v>0</v>
      </c>
      <c r="EN26" s="331">
        <v>102767</v>
      </c>
      <c r="EO26" s="330">
        <v>102767</v>
      </c>
      <c r="EP26" s="326">
        <v>0</v>
      </c>
      <c r="EQ26" s="327">
        <v>0</v>
      </c>
      <c r="ER26" s="331">
        <v>0</v>
      </c>
      <c r="ES26" s="332">
        <v>0</v>
      </c>
      <c r="ET26" s="327">
        <v>0</v>
      </c>
      <c r="EU26" s="327">
        <v>0</v>
      </c>
      <c r="EV26" s="327">
        <v>0</v>
      </c>
      <c r="EW26" s="327">
        <v>0</v>
      </c>
      <c r="EX26" s="327">
        <v>0</v>
      </c>
      <c r="EY26" s="328">
        <v>0</v>
      </c>
      <c r="EZ26" s="330">
        <v>0</v>
      </c>
      <c r="FA26" s="326">
        <v>0</v>
      </c>
      <c r="FB26" s="327">
        <v>0</v>
      </c>
      <c r="FC26" s="331">
        <v>0</v>
      </c>
      <c r="FD26" s="404">
        <v>0</v>
      </c>
      <c r="FE26" s="327">
        <v>0</v>
      </c>
      <c r="FF26" s="327">
        <v>0</v>
      </c>
      <c r="FG26" s="327">
        <v>0</v>
      </c>
      <c r="FH26" s="327">
        <v>0</v>
      </c>
      <c r="FI26" s="327">
        <v>0</v>
      </c>
      <c r="FJ26" s="328">
        <v>0</v>
      </c>
      <c r="FK26" s="330">
        <v>0</v>
      </c>
      <c r="FL26" s="326">
        <v>191730</v>
      </c>
      <c r="FM26" s="327">
        <v>63630</v>
      </c>
      <c r="FN26" s="328">
        <v>255360</v>
      </c>
      <c r="FO26" s="326">
        <v>0</v>
      </c>
      <c r="FP26" s="327">
        <v>185899</v>
      </c>
      <c r="FQ26" s="327">
        <v>-45783</v>
      </c>
      <c r="FR26" s="327">
        <v>40400</v>
      </c>
      <c r="FS26" s="327">
        <v>129976</v>
      </c>
      <c r="FT26" s="327">
        <v>233975</v>
      </c>
      <c r="FU26" s="328">
        <v>544467</v>
      </c>
      <c r="FV26" s="330">
        <v>799827</v>
      </c>
      <c r="FW26" s="333">
        <v>25536</v>
      </c>
      <c r="FX26" s="327">
        <v>63630</v>
      </c>
      <c r="FY26" s="331">
        <v>89166</v>
      </c>
      <c r="FZ26" s="332">
        <v>0</v>
      </c>
      <c r="GA26" s="327">
        <v>101094</v>
      </c>
      <c r="GB26" s="327">
        <v>-45783</v>
      </c>
      <c r="GC26" s="327">
        <v>-17700</v>
      </c>
      <c r="GD26" s="327">
        <v>129976</v>
      </c>
      <c r="GE26" s="327">
        <v>93975</v>
      </c>
      <c r="GF26" s="328">
        <v>261562</v>
      </c>
      <c r="GG26" s="334">
        <v>350728</v>
      </c>
      <c r="GH26" s="333">
        <v>0</v>
      </c>
      <c r="GI26" s="327">
        <v>0</v>
      </c>
      <c r="GJ26" s="331">
        <v>0</v>
      </c>
      <c r="GK26" s="332">
        <v>0</v>
      </c>
      <c r="GL26" s="327">
        <v>12705</v>
      </c>
      <c r="GM26" s="327">
        <v>0</v>
      </c>
      <c r="GN26" s="327">
        <v>0</v>
      </c>
      <c r="GO26" s="327">
        <v>0</v>
      </c>
      <c r="GP26" s="327">
        <v>0</v>
      </c>
      <c r="GQ26" s="328">
        <v>12705</v>
      </c>
      <c r="GR26" s="330">
        <v>12705</v>
      </c>
      <c r="GS26" s="326">
        <v>166194</v>
      </c>
      <c r="GT26" s="327">
        <v>0</v>
      </c>
      <c r="GU26" s="328">
        <v>166194</v>
      </c>
      <c r="GV26" s="326">
        <v>0</v>
      </c>
      <c r="GW26" s="327">
        <v>72100</v>
      </c>
      <c r="GX26" s="327">
        <v>0</v>
      </c>
      <c r="GY26" s="327">
        <v>58100</v>
      </c>
      <c r="GZ26" s="327">
        <v>0</v>
      </c>
      <c r="HA26" s="327">
        <v>140000</v>
      </c>
      <c r="HB26" s="331">
        <v>270200</v>
      </c>
      <c r="HC26" s="330">
        <v>436394</v>
      </c>
      <c r="HD26" s="326">
        <v>149566</v>
      </c>
      <c r="HE26" s="327">
        <v>83134</v>
      </c>
      <c r="HF26" s="331">
        <v>232700</v>
      </c>
      <c r="HG26" s="332">
        <v>0</v>
      </c>
      <c r="HH26" s="327">
        <v>698306</v>
      </c>
      <c r="HI26" s="327">
        <v>671064</v>
      </c>
      <c r="HJ26" s="327">
        <v>1586909</v>
      </c>
      <c r="HK26" s="327">
        <v>1246916</v>
      </c>
      <c r="HL26" s="327">
        <v>469945</v>
      </c>
      <c r="HM26" s="328">
        <v>4673140</v>
      </c>
      <c r="HN26" s="329">
        <v>4905840</v>
      </c>
      <c r="HO26" s="333">
        <v>0</v>
      </c>
      <c r="HP26" s="327">
        <v>0</v>
      </c>
      <c r="HQ26" s="328">
        <v>0</v>
      </c>
      <c r="HR26" s="326">
        <v>0</v>
      </c>
      <c r="HS26" s="327">
        <v>0</v>
      </c>
      <c r="HT26" s="327">
        <v>0</v>
      </c>
      <c r="HU26" s="327">
        <v>0</v>
      </c>
      <c r="HV26" s="327">
        <v>0</v>
      </c>
      <c r="HW26" s="327">
        <v>0</v>
      </c>
      <c r="HX26" s="331">
        <v>0</v>
      </c>
      <c r="HY26" s="330">
        <v>0</v>
      </c>
      <c r="HZ26" s="358">
        <v>0</v>
      </c>
      <c r="IA26" s="356">
        <v>0</v>
      </c>
      <c r="IB26" s="358">
        <v>0</v>
      </c>
      <c r="IC26" s="355">
        <v>0</v>
      </c>
      <c r="ID26" s="356">
        <v>469854</v>
      </c>
      <c r="IE26" s="357">
        <v>620134</v>
      </c>
      <c r="IF26" s="358">
        <v>357497</v>
      </c>
      <c r="IG26" s="356">
        <v>524431</v>
      </c>
      <c r="IH26" s="358">
        <v>0</v>
      </c>
      <c r="II26" s="359">
        <v>1971916</v>
      </c>
      <c r="IJ26" s="358">
        <v>1971916</v>
      </c>
      <c r="IK26" s="342">
        <v>0</v>
      </c>
      <c r="IL26" s="343">
        <v>0</v>
      </c>
      <c r="IM26" s="344">
        <v>0</v>
      </c>
      <c r="IN26" s="404">
        <v>0</v>
      </c>
      <c r="IO26" s="345">
        <v>0</v>
      </c>
      <c r="IP26" s="345">
        <v>0</v>
      </c>
      <c r="IQ26" s="345">
        <v>0</v>
      </c>
      <c r="IR26" s="345">
        <v>0</v>
      </c>
      <c r="IS26" s="345">
        <v>0</v>
      </c>
      <c r="IT26" s="346">
        <v>0</v>
      </c>
      <c r="IU26" s="347">
        <v>0</v>
      </c>
      <c r="IV26" s="348">
        <v>0</v>
      </c>
      <c r="IW26" s="345">
        <v>0</v>
      </c>
      <c r="IX26" s="349">
        <v>0</v>
      </c>
      <c r="IY26" s="404">
        <v>0</v>
      </c>
      <c r="IZ26" s="345">
        <v>0</v>
      </c>
      <c r="JA26" s="345">
        <v>0</v>
      </c>
      <c r="JB26" s="345">
        <v>0</v>
      </c>
      <c r="JC26" s="345">
        <v>0</v>
      </c>
      <c r="JD26" s="345">
        <v>0</v>
      </c>
      <c r="JE26" s="349">
        <v>0</v>
      </c>
      <c r="JF26" s="350">
        <v>0</v>
      </c>
      <c r="JG26" s="348">
        <v>0</v>
      </c>
      <c r="JH26" s="345">
        <v>0</v>
      </c>
      <c r="JI26" s="346">
        <v>0</v>
      </c>
      <c r="JJ26" s="351">
        <v>0</v>
      </c>
      <c r="JK26" s="345">
        <v>362728</v>
      </c>
      <c r="JL26" s="345">
        <v>394620</v>
      </c>
      <c r="JM26" s="345">
        <v>149647</v>
      </c>
      <c r="JN26" s="345">
        <v>59155</v>
      </c>
      <c r="JO26" s="345">
        <v>0</v>
      </c>
      <c r="JP26" s="349">
        <v>966150</v>
      </c>
      <c r="JQ26" s="347">
        <v>966150</v>
      </c>
      <c r="JR26" s="348">
        <v>0</v>
      </c>
      <c r="JS26" s="345">
        <v>0</v>
      </c>
      <c r="JT26" s="346">
        <v>0</v>
      </c>
      <c r="JU26" s="351">
        <v>0</v>
      </c>
      <c r="JV26" s="345">
        <v>0</v>
      </c>
      <c r="JW26" s="345">
        <v>0</v>
      </c>
      <c r="JX26" s="345">
        <v>0</v>
      </c>
      <c r="JY26" s="345">
        <v>0</v>
      </c>
      <c r="JZ26" s="345">
        <v>0</v>
      </c>
      <c r="KA26" s="349">
        <v>0</v>
      </c>
      <c r="KB26" s="347">
        <v>0</v>
      </c>
      <c r="KC26" s="352">
        <v>0</v>
      </c>
      <c r="KD26" s="353">
        <v>0</v>
      </c>
      <c r="KE26" s="349">
        <v>0</v>
      </c>
      <c r="KF26" s="351">
        <v>0</v>
      </c>
      <c r="KG26" s="345">
        <v>107126</v>
      </c>
      <c r="KH26" s="345">
        <v>0</v>
      </c>
      <c r="KI26" s="345">
        <v>207850</v>
      </c>
      <c r="KJ26" s="345">
        <v>0</v>
      </c>
      <c r="KK26" s="345">
        <v>0</v>
      </c>
      <c r="KL26" s="349">
        <v>314976</v>
      </c>
      <c r="KM26" s="354">
        <v>314976</v>
      </c>
      <c r="KN26" s="342">
        <v>0</v>
      </c>
      <c r="KO26" s="343">
        <v>0</v>
      </c>
      <c r="KP26" s="344">
        <v>0</v>
      </c>
      <c r="KQ26" s="404">
        <v>0</v>
      </c>
      <c r="KR26" s="345">
        <v>0</v>
      </c>
      <c r="KS26" s="345">
        <v>225514</v>
      </c>
      <c r="KT26" s="345">
        <v>0</v>
      </c>
      <c r="KU26" s="345">
        <v>465276</v>
      </c>
      <c r="KV26" s="345">
        <v>0</v>
      </c>
      <c r="KW26" s="349">
        <v>690790</v>
      </c>
      <c r="KX26" s="347">
        <v>690790</v>
      </c>
      <c r="KY26" s="348">
        <v>0</v>
      </c>
      <c r="KZ26" s="345">
        <v>0</v>
      </c>
      <c r="LA26" s="349">
        <v>0</v>
      </c>
      <c r="LB26" s="404">
        <v>0</v>
      </c>
      <c r="LC26" s="345">
        <v>0</v>
      </c>
      <c r="LD26" s="345">
        <v>0</v>
      </c>
      <c r="LE26" s="345">
        <v>0</v>
      </c>
      <c r="LF26" s="345">
        <v>0</v>
      </c>
      <c r="LG26" s="345">
        <v>0</v>
      </c>
      <c r="LH26" s="349">
        <v>0</v>
      </c>
      <c r="LI26" s="350">
        <v>0</v>
      </c>
      <c r="LJ26" s="348">
        <v>0</v>
      </c>
      <c r="LK26" s="345">
        <v>0</v>
      </c>
      <c r="LL26" s="349">
        <v>0</v>
      </c>
      <c r="LM26" s="404">
        <v>0</v>
      </c>
      <c r="LN26" s="345">
        <v>0</v>
      </c>
      <c r="LO26" s="345">
        <v>0</v>
      </c>
      <c r="LP26" s="345">
        <v>0</v>
      </c>
      <c r="LQ26" s="345">
        <v>0</v>
      </c>
      <c r="LR26" s="345">
        <v>0</v>
      </c>
      <c r="LS26" s="349">
        <v>0</v>
      </c>
      <c r="LT26" s="347">
        <v>0</v>
      </c>
      <c r="LU26" s="348">
        <v>0</v>
      </c>
      <c r="LV26" s="345">
        <v>0</v>
      </c>
      <c r="LW26" s="349">
        <v>0</v>
      </c>
      <c r="LX26" s="404">
        <v>0</v>
      </c>
      <c r="LY26" s="345">
        <v>0</v>
      </c>
      <c r="LZ26" s="345">
        <v>0</v>
      </c>
      <c r="MA26" s="345">
        <v>0</v>
      </c>
      <c r="MB26" s="345">
        <v>0</v>
      </c>
      <c r="MC26" s="345">
        <v>0</v>
      </c>
      <c r="MD26" s="349">
        <v>0</v>
      </c>
      <c r="ME26" s="350">
        <v>0</v>
      </c>
      <c r="MF26" s="348">
        <v>0</v>
      </c>
      <c r="MG26" s="345">
        <v>0</v>
      </c>
      <c r="MH26" s="349">
        <v>0</v>
      </c>
      <c r="MI26" s="404">
        <v>0</v>
      </c>
      <c r="MJ26" s="345">
        <v>0</v>
      </c>
      <c r="MK26" s="345">
        <v>908368</v>
      </c>
      <c r="ML26" s="345">
        <v>1390773</v>
      </c>
      <c r="MM26" s="345">
        <v>2380147</v>
      </c>
      <c r="MN26" s="345">
        <v>268423</v>
      </c>
      <c r="MO26" s="349">
        <v>4947711</v>
      </c>
      <c r="MP26" s="354">
        <v>4947711</v>
      </c>
      <c r="MQ26" s="348">
        <v>0</v>
      </c>
      <c r="MR26" s="345">
        <v>0</v>
      </c>
      <c r="MS26" s="349">
        <v>0</v>
      </c>
      <c r="MT26" s="404">
        <v>0</v>
      </c>
      <c r="MU26" s="345">
        <v>0</v>
      </c>
      <c r="MV26" s="345">
        <v>0</v>
      </c>
      <c r="MW26" s="345">
        <v>1112601</v>
      </c>
      <c r="MX26" s="345">
        <v>1752947</v>
      </c>
      <c r="MY26" s="345">
        <v>268423</v>
      </c>
      <c r="MZ26" s="349">
        <v>3133971</v>
      </c>
      <c r="NA26" s="354">
        <v>3133971</v>
      </c>
      <c r="NB26" s="348">
        <v>0</v>
      </c>
      <c r="NC26" s="345">
        <v>0</v>
      </c>
      <c r="ND26" s="349">
        <v>0</v>
      </c>
      <c r="NE26" s="404">
        <v>0</v>
      </c>
      <c r="NF26" s="345">
        <v>0</v>
      </c>
      <c r="NG26" s="345">
        <v>908368</v>
      </c>
      <c r="NH26" s="345">
        <v>278172</v>
      </c>
      <c r="NI26" s="345">
        <v>303349</v>
      </c>
      <c r="NJ26" s="345">
        <v>0</v>
      </c>
      <c r="NK26" s="349">
        <v>1489889</v>
      </c>
      <c r="NL26" s="347">
        <v>1489889</v>
      </c>
      <c r="NM26" s="348">
        <v>0</v>
      </c>
      <c r="NN26" s="345">
        <v>0</v>
      </c>
      <c r="NO26" s="349">
        <v>0</v>
      </c>
      <c r="NP26" s="404">
        <v>0</v>
      </c>
      <c r="NQ26" s="345">
        <v>0</v>
      </c>
      <c r="NR26" s="345">
        <v>0</v>
      </c>
      <c r="NS26" s="345">
        <v>0</v>
      </c>
      <c r="NT26" s="345">
        <v>0</v>
      </c>
      <c r="NU26" s="345">
        <v>0</v>
      </c>
      <c r="NV26" s="349">
        <v>0</v>
      </c>
      <c r="NW26" s="350">
        <v>0</v>
      </c>
      <c r="NX26" s="348">
        <v>0</v>
      </c>
      <c r="NY26" s="345">
        <v>0</v>
      </c>
      <c r="NZ26" s="349">
        <v>0</v>
      </c>
      <c r="OA26" s="404">
        <v>0</v>
      </c>
      <c r="OB26" s="345">
        <v>0</v>
      </c>
      <c r="OC26" s="345">
        <v>0</v>
      </c>
      <c r="OD26" s="345">
        <v>0</v>
      </c>
      <c r="OE26" s="345">
        <v>323851</v>
      </c>
      <c r="OF26" s="345">
        <v>0</v>
      </c>
      <c r="OG26" s="349">
        <v>323851</v>
      </c>
      <c r="OH26" s="350">
        <v>323851</v>
      </c>
      <c r="OI26" s="348">
        <v>438769</v>
      </c>
      <c r="OJ26" s="345">
        <v>259173</v>
      </c>
      <c r="OK26" s="346">
        <v>697942</v>
      </c>
      <c r="OL26" s="351">
        <v>0</v>
      </c>
      <c r="OM26" s="345">
        <v>3395824</v>
      </c>
      <c r="ON26" s="345">
        <v>3246082</v>
      </c>
      <c r="OO26" s="345">
        <v>4116143</v>
      </c>
      <c r="OP26" s="345">
        <v>5471822</v>
      </c>
      <c r="OQ26" s="345">
        <v>2364640</v>
      </c>
      <c r="OR26" s="349">
        <v>18594511</v>
      </c>
      <c r="OS26" s="354">
        <v>19292453</v>
      </c>
    </row>
    <row r="27" spans="2:409" s="70" customFormat="1" ht="21" customHeight="1" x14ac:dyDescent="0.2">
      <c r="B27" s="106" t="s">
        <v>22</v>
      </c>
      <c r="C27" s="326">
        <v>30954</v>
      </c>
      <c r="D27" s="327">
        <v>56748</v>
      </c>
      <c r="E27" s="328">
        <v>87702</v>
      </c>
      <c r="F27" s="329">
        <v>0</v>
      </c>
      <c r="G27" s="327">
        <v>917611</v>
      </c>
      <c r="H27" s="327">
        <v>924885</v>
      </c>
      <c r="I27" s="327">
        <v>562566</v>
      </c>
      <c r="J27" s="327">
        <v>1874875</v>
      </c>
      <c r="K27" s="327">
        <v>1353341</v>
      </c>
      <c r="L27" s="367">
        <v>5633278</v>
      </c>
      <c r="M27" s="330">
        <v>5720980</v>
      </c>
      <c r="N27" s="326">
        <v>0</v>
      </c>
      <c r="O27" s="327">
        <v>10268</v>
      </c>
      <c r="P27" s="328">
        <v>10268</v>
      </c>
      <c r="Q27" s="326">
        <v>0</v>
      </c>
      <c r="R27" s="327">
        <v>323589</v>
      </c>
      <c r="S27" s="327">
        <v>185767</v>
      </c>
      <c r="T27" s="327">
        <v>126159</v>
      </c>
      <c r="U27" s="327">
        <v>299637</v>
      </c>
      <c r="V27" s="327">
        <v>902929</v>
      </c>
      <c r="W27" s="328">
        <v>1838081</v>
      </c>
      <c r="X27" s="330">
        <v>1848349</v>
      </c>
      <c r="Y27" s="326">
        <v>0</v>
      </c>
      <c r="Z27" s="327">
        <v>0</v>
      </c>
      <c r="AA27" s="328">
        <v>0</v>
      </c>
      <c r="AB27" s="326">
        <v>0</v>
      </c>
      <c r="AC27" s="327">
        <v>71387</v>
      </c>
      <c r="AD27" s="327">
        <v>30474</v>
      </c>
      <c r="AE27" s="327">
        <v>79003</v>
      </c>
      <c r="AF27" s="327">
        <v>37442</v>
      </c>
      <c r="AG27" s="327">
        <v>324312</v>
      </c>
      <c r="AH27" s="328">
        <v>542618</v>
      </c>
      <c r="AI27" s="330">
        <v>542618</v>
      </c>
      <c r="AJ27" s="326">
        <v>0</v>
      </c>
      <c r="AK27" s="327">
        <v>0</v>
      </c>
      <c r="AL27" s="328">
        <v>0</v>
      </c>
      <c r="AM27" s="326">
        <v>0</v>
      </c>
      <c r="AN27" s="327">
        <v>0</v>
      </c>
      <c r="AO27" s="327">
        <v>0</v>
      </c>
      <c r="AP27" s="327">
        <v>0</v>
      </c>
      <c r="AQ27" s="327">
        <v>91058</v>
      </c>
      <c r="AR27" s="327">
        <v>359372</v>
      </c>
      <c r="AS27" s="328">
        <v>450430</v>
      </c>
      <c r="AT27" s="330">
        <v>450430</v>
      </c>
      <c r="AU27" s="326">
        <v>0</v>
      </c>
      <c r="AV27" s="327">
        <v>10268</v>
      </c>
      <c r="AW27" s="328">
        <v>10268</v>
      </c>
      <c r="AX27" s="326">
        <v>0</v>
      </c>
      <c r="AY27" s="327">
        <v>215747</v>
      </c>
      <c r="AZ27" s="327">
        <v>104999</v>
      </c>
      <c r="BA27" s="327">
        <v>17091</v>
      </c>
      <c r="BB27" s="327">
        <v>36197</v>
      </c>
      <c r="BC27" s="327">
        <v>210817</v>
      </c>
      <c r="BD27" s="328">
        <v>584851</v>
      </c>
      <c r="BE27" s="330">
        <v>595119</v>
      </c>
      <c r="BF27" s="326">
        <v>0</v>
      </c>
      <c r="BG27" s="327">
        <v>0</v>
      </c>
      <c r="BH27" s="331">
        <v>0</v>
      </c>
      <c r="BI27" s="332">
        <v>0</v>
      </c>
      <c r="BJ27" s="327">
        <v>20481</v>
      </c>
      <c r="BK27" s="327">
        <v>20481</v>
      </c>
      <c r="BL27" s="327">
        <v>0</v>
      </c>
      <c r="BM27" s="327">
        <v>52634</v>
      </c>
      <c r="BN27" s="327">
        <v>0</v>
      </c>
      <c r="BO27" s="328">
        <v>93596</v>
      </c>
      <c r="BP27" s="330">
        <v>93596</v>
      </c>
      <c r="BQ27" s="326">
        <v>0</v>
      </c>
      <c r="BR27" s="327">
        <v>0</v>
      </c>
      <c r="BS27" s="328">
        <v>0</v>
      </c>
      <c r="BT27" s="326">
        <v>0</v>
      </c>
      <c r="BU27" s="327">
        <v>15974</v>
      </c>
      <c r="BV27" s="327">
        <v>29813</v>
      </c>
      <c r="BW27" s="327">
        <v>30065</v>
      </c>
      <c r="BX27" s="327">
        <v>82306</v>
      </c>
      <c r="BY27" s="327">
        <v>8428</v>
      </c>
      <c r="BZ27" s="328">
        <v>166586</v>
      </c>
      <c r="CA27" s="330">
        <v>166586</v>
      </c>
      <c r="CB27" s="326">
        <v>18214</v>
      </c>
      <c r="CC27" s="327">
        <v>0</v>
      </c>
      <c r="CD27" s="328">
        <v>18214</v>
      </c>
      <c r="CE27" s="326">
        <v>0</v>
      </c>
      <c r="CF27" s="327">
        <v>88602</v>
      </c>
      <c r="CG27" s="327">
        <v>330014</v>
      </c>
      <c r="CH27" s="327">
        <v>191761</v>
      </c>
      <c r="CI27" s="327">
        <v>660702</v>
      </c>
      <c r="CJ27" s="327">
        <v>101903</v>
      </c>
      <c r="CK27" s="328">
        <v>1372982</v>
      </c>
      <c r="CL27" s="330">
        <v>1391196</v>
      </c>
      <c r="CM27" s="326">
        <v>0</v>
      </c>
      <c r="CN27" s="327">
        <v>0</v>
      </c>
      <c r="CO27" s="328">
        <v>0</v>
      </c>
      <c r="CP27" s="332">
        <v>0</v>
      </c>
      <c r="CQ27" s="327">
        <v>14606</v>
      </c>
      <c r="CR27" s="327">
        <v>249823</v>
      </c>
      <c r="CS27" s="327">
        <v>191761</v>
      </c>
      <c r="CT27" s="327">
        <v>660702</v>
      </c>
      <c r="CU27" s="327">
        <v>101903</v>
      </c>
      <c r="CV27" s="328">
        <v>1218795</v>
      </c>
      <c r="CW27" s="330">
        <v>1218795</v>
      </c>
      <c r="CX27" s="326">
        <v>18214</v>
      </c>
      <c r="CY27" s="327">
        <v>0</v>
      </c>
      <c r="CZ27" s="328">
        <v>18214</v>
      </c>
      <c r="DA27" s="326">
        <v>0</v>
      </c>
      <c r="DB27" s="327">
        <v>73996</v>
      </c>
      <c r="DC27" s="327">
        <v>80191</v>
      </c>
      <c r="DD27" s="327">
        <v>0</v>
      </c>
      <c r="DE27" s="327">
        <v>0</v>
      </c>
      <c r="DF27" s="327">
        <v>0</v>
      </c>
      <c r="DG27" s="328">
        <v>154187</v>
      </c>
      <c r="DH27" s="330">
        <v>172401</v>
      </c>
      <c r="DI27" s="326">
        <v>0</v>
      </c>
      <c r="DJ27" s="327">
        <v>0</v>
      </c>
      <c r="DK27" s="331">
        <v>0</v>
      </c>
      <c r="DL27" s="332">
        <v>0</v>
      </c>
      <c r="DM27" s="327">
        <v>21578</v>
      </c>
      <c r="DN27" s="327">
        <v>162889</v>
      </c>
      <c r="DO27" s="327">
        <v>43364</v>
      </c>
      <c r="DP27" s="327">
        <v>45779</v>
      </c>
      <c r="DQ27" s="327">
        <v>0</v>
      </c>
      <c r="DR27" s="328">
        <v>273610</v>
      </c>
      <c r="DS27" s="330">
        <v>273610</v>
      </c>
      <c r="DT27" s="326">
        <v>0</v>
      </c>
      <c r="DU27" s="327">
        <v>0</v>
      </c>
      <c r="DV27" s="328">
        <v>0</v>
      </c>
      <c r="DW27" s="326">
        <v>0</v>
      </c>
      <c r="DX27" s="327">
        <v>0</v>
      </c>
      <c r="DY27" s="327">
        <v>162889</v>
      </c>
      <c r="DZ27" s="327">
        <v>43364</v>
      </c>
      <c r="EA27" s="327">
        <v>45779</v>
      </c>
      <c r="EB27" s="327">
        <v>0</v>
      </c>
      <c r="EC27" s="328">
        <v>252032</v>
      </c>
      <c r="ED27" s="330">
        <v>252032</v>
      </c>
      <c r="EE27" s="326">
        <v>0</v>
      </c>
      <c r="EF27" s="331">
        <v>0</v>
      </c>
      <c r="EG27" s="328">
        <v>0</v>
      </c>
      <c r="EH27" s="326">
        <v>0</v>
      </c>
      <c r="EI27" s="327">
        <v>21578</v>
      </c>
      <c r="EJ27" s="327">
        <v>0</v>
      </c>
      <c r="EK27" s="327">
        <v>0</v>
      </c>
      <c r="EL27" s="327">
        <v>0</v>
      </c>
      <c r="EM27" s="327">
        <v>0</v>
      </c>
      <c r="EN27" s="331">
        <v>21578</v>
      </c>
      <c r="EO27" s="330">
        <v>21578</v>
      </c>
      <c r="EP27" s="326">
        <v>0</v>
      </c>
      <c r="EQ27" s="327">
        <v>0</v>
      </c>
      <c r="ER27" s="331">
        <v>0</v>
      </c>
      <c r="ES27" s="332">
        <v>0</v>
      </c>
      <c r="ET27" s="327">
        <v>0</v>
      </c>
      <c r="EU27" s="327">
        <v>0</v>
      </c>
      <c r="EV27" s="327">
        <v>0</v>
      </c>
      <c r="EW27" s="327">
        <v>0</v>
      </c>
      <c r="EX27" s="327">
        <v>0</v>
      </c>
      <c r="EY27" s="328">
        <v>0</v>
      </c>
      <c r="EZ27" s="330">
        <v>0</v>
      </c>
      <c r="FA27" s="326">
        <v>0</v>
      </c>
      <c r="FB27" s="327">
        <v>0</v>
      </c>
      <c r="FC27" s="331">
        <v>0</v>
      </c>
      <c r="FD27" s="404">
        <v>0</v>
      </c>
      <c r="FE27" s="327">
        <v>0</v>
      </c>
      <c r="FF27" s="327">
        <v>0</v>
      </c>
      <c r="FG27" s="327">
        <v>0</v>
      </c>
      <c r="FH27" s="327">
        <v>0</v>
      </c>
      <c r="FI27" s="327">
        <v>0</v>
      </c>
      <c r="FJ27" s="328">
        <v>0</v>
      </c>
      <c r="FK27" s="330">
        <v>0</v>
      </c>
      <c r="FL27" s="326">
        <v>12740</v>
      </c>
      <c r="FM27" s="327">
        <v>46480</v>
      </c>
      <c r="FN27" s="328">
        <v>59220</v>
      </c>
      <c r="FO27" s="326">
        <v>0</v>
      </c>
      <c r="FP27" s="327">
        <v>54754</v>
      </c>
      <c r="FQ27" s="327">
        <v>82726</v>
      </c>
      <c r="FR27" s="327">
        <v>30814</v>
      </c>
      <c r="FS27" s="327">
        <v>100303</v>
      </c>
      <c r="FT27" s="327">
        <v>137018</v>
      </c>
      <c r="FU27" s="328">
        <v>405615</v>
      </c>
      <c r="FV27" s="330">
        <v>464835</v>
      </c>
      <c r="FW27" s="333">
        <v>12740</v>
      </c>
      <c r="FX27" s="327">
        <v>46480</v>
      </c>
      <c r="FY27" s="331">
        <v>59220</v>
      </c>
      <c r="FZ27" s="332">
        <v>0</v>
      </c>
      <c r="GA27" s="327">
        <v>35350</v>
      </c>
      <c r="GB27" s="327">
        <v>82726</v>
      </c>
      <c r="GC27" s="327">
        <v>30814</v>
      </c>
      <c r="GD27" s="327">
        <v>100303</v>
      </c>
      <c r="GE27" s="327">
        <v>137018</v>
      </c>
      <c r="GF27" s="328">
        <v>386211</v>
      </c>
      <c r="GG27" s="334">
        <v>445431</v>
      </c>
      <c r="GH27" s="333">
        <v>0</v>
      </c>
      <c r="GI27" s="327">
        <v>0</v>
      </c>
      <c r="GJ27" s="331">
        <v>0</v>
      </c>
      <c r="GK27" s="332">
        <v>0</v>
      </c>
      <c r="GL27" s="327">
        <v>19404</v>
      </c>
      <c r="GM27" s="327">
        <v>0</v>
      </c>
      <c r="GN27" s="327">
        <v>0</v>
      </c>
      <c r="GO27" s="327">
        <v>0</v>
      </c>
      <c r="GP27" s="327">
        <v>0</v>
      </c>
      <c r="GQ27" s="328">
        <v>19404</v>
      </c>
      <c r="GR27" s="330">
        <v>19404</v>
      </c>
      <c r="GS27" s="326">
        <v>0</v>
      </c>
      <c r="GT27" s="327">
        <v>0</v>
      </c>
      <c r="GU27" s="328">
        <v>0</v>
      </c>
      <c r="GV27" s="326">
        <v>0</v>
      </c>
      <c r="GW27" s="327">
        <v>0</v>
      </c>
      <c r="GX27" s="327">
        <v>0</v>
      </c>
      <c r="GY27" s="327">
        <v>0</v>
      </c>
      <c r="GZ27" s="327">
        <v>0</v>
      </c>
      <c r="HA27" s="327">
        <v>0</v>
      </c>
      <c r="HB27" s="331">
        <v>0</v>
      </c>
      <c r="HC27" s="330">
        <v>0</v>
      </c>
      <c r="HD27" s="326">
        <v>0</v>
      </c>
      <c r="HE27" s="327">
        <v>0</v>
      </c>
      <c r="HF27" s="331">
        <v>0</v>
      </c>
      <c r="HG27" s="332">
        <v>0</v>
      </c>
      <c r="HH27" s="327">
        <v>429088</v>
      </c>
      <c r="HI27" s="327">
        <v>163489</v>
      </c>
      <c r="HJ27" s="327">
        <v>170468</v>
      </c>
      <c r="HK27" s="327">
        <v>768454</v>
      </c>
      <c r="HL27" s="327">
        <v>211491</v>
      </c>
      <c r="HM27" s="328">
        <v>1742990</v>
      </c>
      <c r="HN27" s="329">
        <v>1742990</v>
      </c>
      <c r="HO27" s="333">
        <v>0</v>
      </c>
      <c r="HP27" s="327">
        <v>0</v>
      </c>
      <c r="HQ27" s="328">
        <v>0</v>
      </c>
      <c r="HR27" s="326">
        <v>0</v>
      </c>
      <c r="HS27" s="327">
        <v>0</v>
      </c>
      <c r="HT27" s="327">
        <v>0</v>
      </c>
      <c r="HU27" s="327">
        <v>0</v>
      </c>
      <c r="HV27" s="327">
        <v>0</v>
      </c>
      <c r="HW27" s="327">
        <v>0</v>
      </c>
      <c r="HX27" s="331">
        <v>0</v>
      </c>
      <c r="HY27" s="330">
        <v>0</v>
      </c>
      <c r="HZ27" s="335">
        <v>0</v>
      </c>
      <c r="IA27" s="336">
        <v>0</v>
      </c>
      <c r="IB27" s="337">
        <v>0</v>
      </c>
      <c r="IC27" s="338">
        <v>0</v>
      </c>
      <c r="ID27" s="336">
        <v>147932</v>
      </c>
      <c r="IE27" s="339">
        <v>445677</v>
      </c>
      <c r="IF27" s="337">
        <v>0</v>
      </c>
      <c r="IG27" s="336">
        <v>188741</v>
      </c>
      <c r="IH27" s="337">
        <v>0</v>
      </c>
      <c r="II27" s="340">
        <v>782350</v>
      </c>
      <c r="IJ27" s="341">
        <v>782350</v>
      </c>
      <c r="IK27" s="342">
        <v>0</v>
      </c>
      <c r="IL27" s="343">
        <v>0</v>
      </c>
      <c r="IM27" s="344">
        <v>0</v>
      </c>
      <c r="IN27" s="404">
        <v>0</v>
      </c>
      <c r="IO27" s="345">
        <v>0</v>
      </c>
      <c r="IP27" s="345">
        <v>0</v>
      </c>
      <c r="IQ27" s="345">
        <v>0</v>
      </c>
      <c r="IR27" s="345">
        <v>188741</v>
      </c>
      <c r="IS27" s="345">
        <v>0</v>
      </c>
      <c r="IT27" s="346">
        <v>188741</v>
      </c>
      <c r="IU27" s="347">
        <v>188741</v>
      </c>
      <c r="IV27" s="348">
        <v>0</v>
      </c>
      <c r="IW27" s="345">
        <v>0</v>
      </c>
      <c r="IX27" s="349">
        <v>0</v>
      </c>
      <c r="IY27" s="404">
        <v>0</v>
      </c>
      <c r="IZ27" s="345">
        <v>0</v>
      </c>
      <c r="JA27" s="345">
        <v>0</v>
      </c>
      <c r="JB27" s="345">
        <v>0</v>
      </c>
      <c r="JC27" s="345">
        <v>0</v>
      </c>
      <c r="JD27" s="345">
        <v>0</v>
      </c>
      <c r="JE27" s="349">
        <v>0</v>
      </c>
      <c r="JF27" s="350">
        <v>0</v>
      </c>
      <c r="JG27" s="348">
        <v>0</v>
      </c>
      <c r="JH27" s="345">
        <v>0</v>
      </c>
      <c r="JI27" s="346">
        <v>0</v>
      </c>
      <c r="JJ27" s="351">
        <v>0</v>
      </c>
      <c r="JK27" s="345">
        <v>147932</v>
      </c>
      <c r="JL27" s="345">
        <v>313428</v>
      </c>
      <c r="JM27" s="345">
        <v>0</v>
      </c>
      <c r="JN27" s="345">
        <v>0</v>
      </c>
      <c r="JO27" s="345">
        <v>0</v>
      </c>
      <c r="JP27" s="349">
        <v>461360</v>
      </c>
      <c r="JQ27" s="347">
        <v>461360</v>
      </c>
      <c r="JR27" s="348">
        <v>0</v>
      </c>
      <c r="JS27" s="345">
        <v>0</v>
      </c>
      <c r="JT27" s="346">
        <v>0</v>
      </c>
      <c r="JU27" s="351">
        <v>0</v>
      </c>
      <c r="JV27" s="345">
        <v>0</v>
      </c>
      <c r="JW27" s="345">
        <v>0</v>
      </c>
      <c r="JX27" s="345">
        <v>0</v>
      </c>
      <c r="JY27" s="345">
        <v>0</v>
      </c>
      <c r="JZ27" s="345">
        <v>0</v>
      </c>
      <c r="KA27" s="349">
        <v>0</v>
      </c>
      <c r="KB27" s="347">
        <v>0</v>
      </c>
      <c r="KC27" s="352">
        <v>0</v>
      </c>
      <c r="KD27" s="353">
        <v>0</v>
      </c>
      <c r="KE27" s="349">
        <v>0</v>
      </c>
      <c r="KF27" s="351">
        <v>0</v>
      </c>
      <c r="KG27" s="345">
        <v>0</v>
      </c>
      <c r="KH27" s="345">
        <v>132249</v>
      </c>
      <c r="KI27" s="345">
        <v>0</v>
      </c>
      <c r="KJ27" s="345">
        <v>0</v>
      </c>
      <c r="KK27" s="345">
        <v>0</v>
      </c>
      <c r="KL27" s="349">
        <v>132249</v>
      </c>
      <c r="KM27" s="354">
        <v>132249</v>
      </c>
      <c r="KN27" s="342">
        <v>0</v>
      </c>
      <c r="KO27" s="343">
        <v>0</v>
      </c>
      <c r="KP27" s="344">
        <v>0</v>
      </c>
      <c r="KQ27" s="404">
        <v>0</v>
      </c>
      <c r="KR27" s="345">
        <v>0</v>
      </c>
      <c r="KS27" s="345">
        <v>0</v>
      </c>
      <c r="KT27" s="345">
        <v>0</v>
      </c>
      <c r="KU27" s="345">
        <v>0</v>
      </c>
      <c r="KV27" s="345">
        <v>0</v>
      </c>
      <c r="KW27" s="349">
        <v>0</v>
      </c>
      <c r="KX27" s="347">
        <v>0</v>
      </c>
      <c r="KY27" s="348">
        <v>0</v>
      </c>
      <c r="KZ27" s="345">
        <v>0</v>
      </c>
      <c r="LA27" s="349">
        <v>0</v>
      </c>
      <c r="LB27" s="404">
        <v>0</v>
      </c>
      <c r="LC27" s="345">
        <v>0</v>
      </c>
      <c r="LD27" s="345">
        <v>0</v>
      </c>
      <c r="LE27" s="345">
        <v>0</v>
      </c>
      <c r="LF27" s="345">
        <v>0</v>
      </c>
      <c r="LG27" s="345">
        <v>0</v>
      </c>
      <c r="LH27" s="349">
        <v>0</v>
      </c>
      <c r="LI27" s="350">
        <v>0</v>
      </c>
      <c r="LJ27" s="348">
        <v>0</v>
      </c>
      <c r="LK27" s="345">
        <v>0</v>
      </c>
      <c r="LL27" s="349">
        <v>0</v>
      </c>
      <c r="LM27" s="404">
        <v>0</v>
      </c>
      <c r="LN27" s="345">
        <v>0</v>
      </c>
      <c r="LO27" s="345">
        <v>0</v>
      </c>
      <c r="LP27" s="345">
        <v>0</v>
      </c>
      <c r="LQ27" s="345">
        <v>0</v>
      </c>
      <c r="LR27" s="345">
        <v>0</v>
      </c>
      <c r="LS27" s="349">
        <v>0</v>
      </c>
      <c r="LT27" s="347">
        <v>0</v>
      </c>
      <c r="LU27" s="348">
        <v>0</v>
      </c>
      <c r="LV27" s="345">
        <v>0</v>
      </c>
      <c r="LW27" s="349">
        <v>0</v>
      </c>
      <c r="LX27" s="404">
        <v>0</v>
      </c>
      <c r="LY27" s="345">
        <v>0</v>
      </c>
      <c r="LZ27" s="345">
        <v>0</v>
      </c>
      <c r="MA27" s="345">
        <v>0</v>
      </c>
      <c r="MB27" s="345">
        <v>0</v>
      </c>
      <c r="MC27" s="345">
        <v>0</v>
      </c>
      <c r="MD27" s="349">
        <v>0</v>
      </c>
      <c r="ME27" s="350">
        <v>0</v>
      </c>
      <c r="MF27" s="348">
        <v>0</v>
      </c>
      <c r="MG27" s="345">
        <v>0</v>
      </c>
      <c r="MH27" s="349">
        <v>0</v>
      </c>
      <c r="MI27" s="404">
        <v>0</v>
      </c>
      <c r="MJ27" s="345">
        <v>0</v>
      </c>
      <c r="MK27" s="345">
        <v>457738</v>
      </c>
      <c r="ML27" s="345">
        <v>209568</v>
      </c>
      <c r="MM27" s="345">
        <v>246115</v>
      </c>
      <c r="MN27" s="345">
        <v>289593</v>
      </c>
      <c r="MO27" s="349">
        <v>1203014</v>
      </c>
      <c r="MP27" s="354">
        <v>1203014</v>
      </c>
      <c r="MQ27" s="348">
        <v>0</v>
      </c>
      <c r="MR27" s="345">
        <v>0</v>
      </c>
      <c r="MS27" s="349">
        <v>0</v>
      </c>
      <c r="MT27" s="404">
        <v>0</v>
      </c>
      <c r="MU27" s="345">
        <v>0</v>
      </c>
      <c r="MV27" s="345">
        <v>205437</v>
      </c>
      <c r="MW27" s="345">
        <v>209568</v>
      </c>
      <c r="MX27" s="345">
        <v>0</v>
      </c>
      <c r="MY27" s="345">
        <v>0</v>
      </c>
      <c r="MZ27" s="349">
        <v>415005</v>
      </c>
      <c r="NA27" s="354">
        <v>415005</v>
      </c>
      <c r="NB27" s="348">
        <v>0</v>
      </c>
      <c r="NC27" s="345">
        <v>0</v>
      </c>
      <c r="ND27" s="349">
        <v>0</v>
      </c>
      <c r="NE27" s="404">
        <v>0</v>
      </c>
      <c r="NF27" s="345">
        <v>0</v>
      </c>
      <c r="NG27" s="345">
        <v>252301</v>
      </c>
      <c r="NH27" s="345">
        <v>0</v>
      </c>
      <c r="NI27" s="345">
        <v>246115</v>
      </c>
      <c r="NJ27" s="345">
        <v>289593</v>
      </c>
      <c r="NK27" s="349">
        <v>788009</v>
      </c>
      <c r="NL27" s="347">
        <v>788009</v>
      </c>
      <c r="NM27" s="348">
        <v>0</v>
      </c>
      <c r="NN27" s="345">
        <v>0</v>
      </c>
      <c r="NO27" s="349">
        <v>0</v>
      </c>
      <c r="NP27" s="404">
        <v>0</v>
      </c>
      <c r="NQ27" s="345">
        <v>0</v>
      </c>
      <c r="NR27" s="345">
        <v>0</v>
      </c>
      <c r="NS27" s="345">
        <v>0</v>
      </c>
      <c r="NT27" s="345">
        <v>0</v>
      </c>
      <c r="NU27" s="345">
        <v>0</v>
      </c>
      <c r="NV27" s="349">
        <v>0</v>
      </c>
      <c r="NW27" s="350">
        <v>0</v>
      </c>
      <c r="NX27" s="348">
        <v>0</v>
      </c>
      <c r="NY27" s="345">
        <v>0</v>
      </c>
      <c r="NZ27" s="349">
        <v>0</v>
      </c>
      <c r="OA27" s="404">
        <v>0</v>
      </c>
      <c r="OB27" s="345">
        <v>0</v>
      </c>
      <c r="OC27" s="345">
        <v>0</v>
      </c>
      <c r="OD27" s="345">
        <v>0</v>
      </c>
      <c r="OE27" s="345">
        <v>0</v>
      </c>
      <c r="OF27" s="345">
        <v>0</v>
      </c>
      <c r="OG27" s="349">
        <v>0</v>
      </c>
      <c r="OH27" s="350">
        <v>0</v>
      </c>
      <c r="OI27" s="348">
        <v>30954</v>
      </c>
      <c r="OJ27" s="345">
        <v>56748</v>
      </c>
      <c r="OK27" s="346">
        <v>87702</v>
      </c>
      <c r="OL27" s="351">
        <v>0</v>
      </c>
      <c r="OM27" s="345">
        <v>1065543</v>
      </c>
      <c r="ON27" s="345">
        <v>1828300</v>
      </c>
      <c r="OO27" s="345">
        <v>772134</v>
      </c>
      <c r="OP27" s="345">
        <v>2309731</v>
      </c>
      <c r="OQ27" s="345">
        <v>1642934</v>
      </c>
      <c r="OR27" s="349">
        <v>7618642</v>
      </c>
      <c r="OS27" s="354">
        <v>7706344</v>
      </c>
    </row>
    <row r="28" spans="2:409" s="70" customFormat="1" ht="21" customHeight="1" x14ac:dyDescent="0.2">
      <c r="B28" s="106" t="s">
        <v>23</v>
      </c>
      <c r="C28" s="326">
        <v>85521</v>
      </c>
      <c r="D28" s="327">
        <v>213358</v>
      </c>
      <c r="E28" s="328">
        <v>298879</v>
      </c>
      <c r="F28" s="329">
        <v>0</v>
      </c>
      <c r="G28" s="327">
        <v>1127791</v>
      </c>
      <c r="H28" s="327">
        <v>2169713</v>
      </c>
      <c r="I28" s="327">
        <v>1932462</v>
      </c>
      <c r="J28" s="327">
        <v>2984767</v>
      </c>
      <c r="K28" s="327">
        <v>1625618</v>
      </c>
      <c r="L28" s="367">
        <v>9840351</v>
      </c>
      <c r="M28" s="330">
        <v>10139230</v>
      </c>
      <c r="N28" s="326">
        <v>72627</v>
      </c>
      <c r="O28" s="327">
        <v>60574</v>
      </c>
      <c r="P28" s="328">
        <v>133201</v>
      </c>
      <c r="Q28" s="326">
        <v>0</v>
      </c>
      <c r="R28" s="327">
        <v>169558</v>
      </c>
      <c r="S28" s="327">
        <v>530562</v>
      </c>
      <c r="T28" s="327">
        <v>724422</v>
      </c>
      <c r="U28" s="327">
        <v>610737</v>
      </c>
      <c r="V28" s="327">
        <v>343548</v>
      </c>
      <c r="W28" s="328">
        <v>2378827</v>
      </c>
      <c r="X28" s="330">
        <v>2512028</v>
      </c>
      <c r="Y28" s="326">
        <v>0</v>
      </c>
      <c r="Z28" s="327">
        <v>0</v>
      </c>
      <c r="AA28" s="328">
        <v>0</v>
      </c>
      <c r="AB28" s="326">
        <v>0</v>
      </c>
      <c r="AC28" s="327">
        <v>0</v>
      </c>
      <c r="AD28" s="327">
        <v>65189</v>
      </c>
      <c r="AE28" s="327">
        <v>340299</v>
      </c>
      <c r="AF28" s="327">
        <v>97544</v>
      </c>
      <c r="AG28" s="327">
        <v>122873</v>
      </c>
      <c r="AH28" s="328">
        <v>625905</v>
      </c>
      <c r="AI28" s="330">
        <v>625905</v>
      </c>
      <c r="AJ28" s="326">
        <v>0</v>
      </c>
      <c r="AK28" s="327">
        <v>0</v>
      </c>
      <c r="AL28" s="328">
        <v>0</v>
      </c>
      <c r="AM28" s="326">
        <v>0</v>
      </c>
      <c r="AN28" s="327">
        <v>0</v>
      </c>
      <c r="AO28" s="327">
        <v>0</v>
      </c>
      <c r="AP28" s="327">
        <v>42037</v>
      </c>
      <c r="AQ28" s="327">
        <v>93470</v>
      </c>
      <c r="AR28" s="327">
        <v>0</v>
      </c>
      <c r="AS28" s="328">
        <v>135507</v>
      </c>
      <c r="AT28" s="330">
        <v>135507</v>
      </c>
      <c r="AU28" s="326">
        <v>56623</v>
      </c>
      <c r="AV28" s="327">
        <v>21870</v>
      </c>
      <c r="AW28" s="328">
        <v>78493</v>
      </c>
      <c r="AX28" s="326">
        <v>0</v>
      </c>
      <c r="AY28" s="327">
        <v>123624</v>
      </c>
      <c r="AZ28" s="327">
        <v>380839</v>
      </c>
      <c r="BA28" s="327">
        <v>204347</v>
      </c>
      <c r="BB28" s="327">
        <v>233446</v>
      </c>
      <c r="BC28" s="327">
        <v>59801</v>
      </c>
      <c r="BD28" s="328">
        <v>1002057</v>
      </c>
      <c r="BE28" s="330">
        <v>1080550</v>
      </c>
      <c r="BF28" s="326">
        <v>13610</v>
      </c>
      <c r="BG28" s="327">
        <v>23997</v>
      </c>
      <c r="BH28" s="331">
        <v>37607</v>
      </c>
      <c r="BI28" s="332">
        <v>0</v>
      </c>
      <c r="BJ28" s="327">
        <v>0</v>
      </c>
      <c r="BK28" s="327">
        <v>45306</v>
      </c>
      <c r="BL28" s="327">
        <v>0</v>
      </c>
      <c r="BM28" s="327">
        <v>0</v>
      </c>
      <c r="BN28" s="327">
        <v>0</v>
      </c>
      <c r="BO28" s="328">
        <v>45306</v>
      </c>
      <c r="BP28" s="330">
        <v>82913</v>
      </c>
      <c r="BQ28" s="326">
        <v>2394</v>
      </c>
      <c r="BR28" s="327">
        <v>14707</v>
      </c>
      <c r="BS28" s="328">
        <v>17101</v>
      </c>
      <c r="BT28" s="326">
        <v>0</v>
      </c>
      <c r="BU28" s="327">
        <v>45934</v>
      </c>
      <c r="BV28" s="327">
        <v>39228</v>
      </c>
      <c r="BW28" s="327">
        <v>137739</v>
      </c>
      <c r="BX28" s="327">
        <v>186277</v>
      </c>
      <c r="BY28" s="327">
        <v>160874</v>
      </c>
      <c r="BZ28" s="328">
        <v>570052</v>
      </c>
      <c r="CA28" s="330">
        <v>587153</v>
      </c>
      <c r="CB28" s="326">
        <v>0</v>
      </c>
      <c r="CC28" s="327">
        <v>0</v>
      </c>
      <c r="CD28" s="328">
        <v>0</v>
      </c>
      <c r="CE28" s="326">
        <v>0</v>
      </c>
      <c r="CF28" s="327">
        <v>524056</v>
      </c>
      <c r="CG28" s="327">
        <v>632058</v>
      </c>
      <c r="CH28" s="327">
        <v>723457</v>
      </c>
      <c r="CI28" s="327">
        <v>685178</v>
      </c>
      <c r="CJ28" s="327">
        <v>132830</v>
      </c>
      <c r="CK28" s="328">
        <v>2697579</v>
      </c>
      <c r="CL28" s="330">
        <v>2697579</v>
      </c>
      <c r="CM28" s="326">
        <v>0</v>
      </c>
      <c r="CN28" s="327">
        <v>0</v>
      </c>
      <c r="CO28" s="328">
        <v>0</v>
      </c>
      <c r="CP28" s="332">
        <v>0</v>
      </c>
      <c r="CQ28" s="327">
        <v>464992</v>
      </c>
      <c r="CR28" s="327">
        <v>632058</v>
      </c>
      <c r="CS28" s="327">
        <v>414479</v>
      </c>
      <c r="CT28" s="327">
        <v>685178</v>
      </c>
      <c r="CU28" s="327">
        <v>132830</v>
      </c>
      <c r="CV28" s="328">
        <v>2329537</v>
      </c>
      <c r="CW28" s="330">
        <v>2329537</v>
      </c>
      <c r="CX28" s="326">
        <v>0</v>
      </c>
      <c r="CY28" s="327">
        <v>0</v>
      </c>
      <c r="CZ28" s="328">
        <v>0</v>
      </c>
      <c r="DA28" s="326">
        <v>0</v>
      </c>
      <c r="DB28" s="327">
        <v>59064</v>
      </c>
      <c r="DC28" s="327">
        <v>0</v>
      </c>
      <c r="DD28" s="327">
        <v>308978</v>
      </c>
      <c r="DE28" s="327">
        <v>0</v>
      </c>
      <c r="DF28" s="327">
        <v>0</v>
      </c>
      <c r="DG28" s="328">
        <v>368042</v>
      </c>
      <c r="DH28" s="330">
        <v>368042</v>
      </c>
      <c r="DI28" s="326">
        <v>0</v>
      </c>
      <c r="DJ28" s="327">
        <v>0</v>
      </c>
      <c r="DK28" s="331">
        <v>0</v>
      </c>
      <c r="DL28" s="332">
        <v>0</v>
      </c>
      <c r="DM28" s="327">
        <v>88403</v>
      </c>
      <c r="DN28" s="327">
        <v>267156</v>
      </c>
      <c r="DO28" s="327">
        <v>132033</v>
      </c>
      <c r="DP28" s="327">
        <v>0</v>
      </c>
      <c r="DQ28" s="327">
        <v>0</v>
      </c>
      <c r="DR28" s="328">
        <v>487592</v>
      </c>
      <c r="DS28" s="330">
        <v>487592</v>
      </c>
      <c r="DT28" s="326">
        <v>0</v>
      </c>
      <c r="DU28" s="327">
        <v>0</v>
      </c>
      <c r="DV28" s="328">
        <v>0</v>
      </c>
      <c r="DW28" s="326">
        <v>0</v>
      </c>
      <c r="DX28" s="327">
        <v>88403</v>
      </c>
      <c r="DY28" s="327">
        <v>267156</v>
      </c>
      <c r="DZ28" s="327">
        <v>132033</v>
      </c>
      <c r="EA28" s="327">
        <v>0</v>
      </c>
      <c r="EB28" s="327">
        <v>0</v>
      </c>
      <c r="EC28" s="328">
        <v>487592</v>
      </c>
      <c r="ED28" s="330">
        <v>487592</v>
      </c>
      <c r="EE28" s="326">
        <v>0</v>
      </c>
      <c r="EF28" s="331">
        <v>0</v>
      </c>
      <c r="EG28" s="328">
        <v>0</v>
      </c>
      <c r="EH28" s="326">
        <v>0</v>
      </c>
      <c r="EI28" s="327">
        <v>0</v>
      </c>
      <c r="EJ28" s="327">
        <v>0</v>
      </c>
      <c r="EK28" s="327">
        <v>0</v>
      </c>
      <c r="EL28" s="327">
        <v>0</v>
      </c>
      <c r="EM28" s="327">
        <v>0</v>
      </c>
      <c r="EN28" s="331">
        <v>0</v>
      </c>
      <c r="EO28" s="330">
        <v>0</v>
      </c>
      <c r="EP28" s="326">
        <v>0</v>
      </c>
      <c r="EQ28" s="327">
        <v>0</v>
      </c>
      <c r="ER28" s="331">
        <v>0</v>
      </c>
      <c r="ES28" s="332">
        <v>0</v>
      </c>
      <c r="ET28" s="327">
        <v>0</v>
      </c>
      <c r="EU28" s="327">
        <v>0</v>
      </c>
      <c r="EV28" s="327">
        <v>0</v>
      </c>
      <c r="EW28" s="327">
        <v>0</v>
      </c>
      <c r="EX28" s="327">
        <v>0</v>
      </c>
      <c r="EY28" s="328">
        <v>0</v>
      </c>
      <c r="EZ28" s="330">
        <v>0</v>
      </c>
      <c r="FA28" s="326">
        <v>0</v>
      </c>
      <c r="FB28" s="327">
        <v>0</v>
      </c>
      <c r="FC28" s="331">
        <v>0</v>
      </c>
      <c r="FD28" s="404">
        <v>0</v>
      </c>
      <c r="FE28" s="327">
        <v>0</v>
      </c>
      <c r="FF28" s="327">
        <v>0</v>
      </c>
      <c r="FG28" s="327">
        <v>0</v>
      </c>
      <c r="FH28" s="327">
        <v>0</v>
      </c>
      <c r="FI28" s="327">
        <v>0</v>
      </c>
      <c r="FJ28" s="328">
        <v>0</v>
      </c>
      <c r="FK28" s="330">
        <v>0</v>
      </c>
      <c r="FL28" s="326">
        <v>12894</v>
      </c>
      <c r="FM28" s="327">
        <v>71918</v>
      </c>
      <c r="FN28" s="328">
        <v>84812</v>
      </c>
      <c r="FO28" s="326">
        <v>0</v>
      </c>
      <c r="FP28" s="327">
        <v>53487</v>
      </c>
      <c r="FQ28" s="327">
        <v>164808</v>
      </c>
      <c r="FR28" s="327">
        <v>168798</v>
      </c>
      <c r="FS28" s="327">
        <v>106988</v>
      </c>
      <c r="FT28" s="327">
        <v>53746</v>
      </c>
      <c r="FU28" s="328">
        <v>547827</v>
      </c>
      <c r="FV28" s="330">
        <v>632639</v>
      </c>
      <c r="FW28" s="333">
        <v>12894</v>
      </c>
      <c r="FX28" s="327">
        <v>50358</v>
      </c>
      <c r="FY28" s="331">
        <v>63252</v>
      </c>
      <c r="FZ28" s="332">
        <v>0</v>
      </c>
      <c r="GA28" s="327">
        <v>53487</v>
      </c>
      <c r="GB28" s="327">
        <v>164808</v>
      </c>
      <c r="GC28" s="327">
        <v>168798</v>
      </c>
      <c r="GD28" s="327">
        <v>106988</v>
      </c>
      <c r="GE28" s="327">
        <v>53746</v>
      </c>
      <c r="GF28" s="328">
        <v>547827</v>
      </c>
      <c r="GG28" s="334">
        <v>611079</v>
      </c>
      <c r="GH28" s="333">
        <v>0</v>
      </c>
      <c r="GI28" s="327">
        <v>21560</v>
      </c>
      <c r="GJ28" s="331">
        <v>21560</v>
      </c>
      <c r="GK28" s="332">
        <v>0</v>
      </c>
      <c r="GL28" s="327">
        <v>0</v>
      </c>
      <c r="GM28" s="327">
        <v>0</v>
      </c>
      <c r="GN28" s="327">
        <v>0</v>
      </c>
      <c r="GO28" s="327">
        <v>0</v>
      </c>
      <c r="GP28" s="327">
        <v>0</v>
      </c>
      <c r="GQ28" s="328">
        <v>0</v>
      </c>
      <c r="GR28" s="330">
        <v>21560</v>
      </c>
      <c r="GS28" s="326">
        <v>0</v>
      </c>
      <c r="GT28" s="327">
        <v>0</v>
      </c>
      <c r="GU28" s="328">
        <v>0</v>
      </c>
      <c r="GV28" s="326">
        <v>0</v>
      </c>
      <c r="GW28" s="327">
        <v>0</v>
      </c>
      <c r="GX28" s="327">
        <v>0</v>
      </c>
      <c r="GY28" s="327">
        <v>0</v>
      </c>
      <c r="GZ28" s="327">
        <v>0</v>
      </c>
      <c r="HA28" s="327">
        <v>0</v>
      </c>
      <c r="HB28" s="331">
        <v>0</v>
      </c>
      <c r="HC28" s="330">
        <v>0</v>
      </c>
      <c r="HD28" s="326">
        <v>0</v>
      </c>
      <c r="HE28" s="327">
        <v>80866</v>
      </c>
      <c r="HF28" s="331">
        <v>80866</v>
      </c>
      <c r="HG28" s="332">
        <v>0</v>
      </c>
      <c r="HH28" s="327">
        <v>292287</v>
      </c>
      <c r="HI28" s="327">
        <v>575129</v>
      </c>
      <c r="HJ28" s="327">
        <v>183752</v>
      </c>
      <c r="HK28" s="327">
        <v>1581864</v>
      </c>
      <c r="HL28" s="327">
        <v>1095494</v>
      </c>
      <c r="HM28" s="328">
        <v>3728526</v>
      </c>
      <c r="HN28" s="329">
        <v>3809392</v>
      </c>
      <c r="HO28" s="333">
        <v>0</v>
      </c>
      <c r="HP28" s="327">
        <v>0</v>
      </c>
      <c r="HQ28" s="328">
        <v>0</v>
      </c>
      <c r="HR28" s="326">
        <v>0</v>
      </c>
      <c r="HS28" s="327">
        <v>0</v>
      </c>
      <c r="HT28" s="327">
        <v>0</v>
      </c>
      <c r="HU28" s="327">
        <v>0</v>
      </c>
      <c r="HV28" s="327">
        <v>0</v>
      </c>
      <c r="HW28" s="327">
        <v>0</v>
      </c>
      <c r="HX28" s="331">
        <v>0</v>
      </c>
      <c r="HY28" s="330">
        <v>0</v>
      </c>
      <c r="HZ28" s="358">
        <v>0</v>
      </c>
      <c r="IA28" s="356">
        <v>0</v>
      </c>
      <c r="IB28" s="358">
        <v>0</v>
      </c>
      <c r="IC28" s="355">
        <v>0</v>
      </c>
      <c r="ID28" s="356">
        <v>320959</v>
      </c>
      <c r="IE28" s="357">
        <v>93565</v>
      </c>
      <c r="IF28" s="358">
        <v>789291</v>
      </c>
      <c r="IG28" s="356">
        <v>0</v>
      </c>
      <c r="IH28" s="358">
        <v>752349</v>
      </c>
      <c r="II28" s="359">
        <v>1956164</v>
      </c>
      <c r="IJ28" s="358">
        <v>1956164</v>
      </c>
      <c r="IK28" s="342">
        <v>0</v>
      </c>
      <c r="IL28" s="343">
        <v>0</v>
      </c>
      <c r="IM28" s="344">
        <v>0</v>
      </c>
      <c r="IN28" s="404">
        <v>0</v>
      </c>
      <c r="IO28" s="345">
        <v>0</v>
      </c>
      <c r="IP28" s="345">
        <v>0</v>
      </c>
      <c r="IQ28" s="345">
        <v>0</v>
      </c>
      <c r="IR28" s="345">
        <v>0</v>
      </c>
      <c r="IS28" s="345">
        <v>273972</v>
      </c>
      <c r="IT28" s="346">
        <v>273972</v>
      </c>
      <c r="IU28" s="347">
        <v>273972</v>
      </c>
      <c r="IV28" s="348">
        <v>0</v>
      </c>
      <c r="IW28" s="345">
        <v>0</v>
      </c>
      <c r="IX28" s="349">
        <v>0</v>
      </c>
      <c r="IY28" s="404">
        <v>0</v>
      </c>
      <c r="IZ28" s="345">
        <v>0</v>
      </c>
      <c r="JA28" s="345">
        <v>0</v>
      </c>
      <c r="JB28" s="345">
        <v>0</v>
      </c>
      <c r="JC28" s="345">
        <v>0</v>
      </c>
      <c r="JD28" s="345">
        <v>0</v>
      </c>
      <c r="JE28" s="349">
        <v>0</v>
      </c>
      <c r="JF28" s="350">
        <v>0</v>
      </c>
      <c r="JG28" s="348">
        <v>0</v>
      </c>
      <c r="JH28" s="345">
        <v>0</v>
      </c>
      <c r="JI28" s="346">
        <v>0</v>
      </c>
      <c r="JJ28" s="351">
        <v>0</v>
      </c>
      <c r="JK28" s="345">
        <v>104795</v>
      </c>
      <c r="JL28" s="345">
        <v>93565</v>
      </c>
      <c r="JM28" s="345">
        <v>92182</v>
      </c>
      <c r="JN28" s="345">
        <v>0</v>
      </c>
      <c r="JO28" s="345">
        <v>0</v>
      </c>
      <c r="JP28" s="349">
        <v>290542</v>
      </c>
      <c r="JQ28" s="347">
        <v>290542</v>
      </c>
      <c r="JR28" s="348">
        <v>0</v>
      </c>
      <c r="JS28" s="345">
        <v>0</v>
      </c>
      <c r="JT28" s="346">
        <v>0</v>
      </c>
      <c r="JU28" s="351">
        <v>0</v>
      </c>
      <c r="JV28" s="345">
        <v>0</v>
      </c>
      <c r="JW28" s="345">
        <v>0</v>
      </c>
      <c r="JX28" s="345">
        <v>0</v>
      </c>
      <c r="JY28" s="345">
        <v>0</v>
      </c>
      <c r="JZ28" s="345">
        <v>0</v>
      </c>
      <c r="KA28" s="349">
        <v>0</v>
      </c>
      <c r="KB28" s="347">
        <v>0</v>
      </c>
      <c r="KC28" s="352">
        <v>0</v>
      </c>
      <c r="KD28" s="353">
        <v>0</v>
      </c>
      <c r="KE28" s="349">
        <v>0</v>
      </c>
      <c r="KF28" s="351">
        <v>0</v>
      </c>
      <c r="KG28" s="345">
        <v>0</v>
      </c>
      <c r="KH28" s="345">
        <v>0</v>
      </c>
      <c r="KI28" s="345">
        <v>0</v>
      </c>
      <c r="KJ28" s="345">
        <v>0</v>
      </c>
      <c r="KK28" s="345">
        <v>0</v>
      </c>
      <c r="KL28" s="349">
        <v>0</v>
      </c>
      <c r="KM28" s="354">
        <v>0</v>
      </c>
      <c r="KN28" s="342">
        <v>0</v>
      </c>
      <c r="KO28" s="343">
        <v>0</v>
      </c>
      <c r="KP28" s="344">
        <v>0</v>
      </c>
      <c r="KQ28" s="404">
        <v>0</v>
      </c>
      <c r="KR28" s="345">
        <v>216164</v>
      </c>
      <c r="KS28" s="345">
        <v>0</v>
      </c>
      <c r="KT28" s="345">
        <v>697109</v>
      </c>
      <c r="KU28" s="345">
        <v>0</v>
      </c>
      <c r="KV28" s="345">
        <v>478377</v>
      </c>
      <c r="KW28" s="349">
        <v>1391650</v>
      </c>
      <c r="KX28" s="347">
        <v>1391650</v>
      </c>
      <c r="KY28" s="348">
        <v>0</v>
      </c>
      <c r="KZ28" s="345">
        <v>0</v>
      </c>
      <c r="LA28" s="349">
        <v>0</v>
      </c>
      <c r="LB28" s="404">
        <v>0</v>
      </c>
      <c r="LC28" s="345">
        <v>0</v>
      </c>
      <c r="LD28" s="345">
        <v>0</v>
      </c>
      <c r="LE28" s="345">
        <v>0</v>
      </c>
      <c r="LF28" s="345">
        <v>0</v>
      </c>
      <c r="LG28" s="345">
        <v>0</v>
      </c>
      <c r="LH28" s="349">
        <v>0</v>
      </c>
      <c r="LI28" s="350">
        <v>0</v>
      </c>
      <c r="LJ28" s="348">
        <v>0</v>
      </c>
      <c r="LK28" s="345">
        <v>0</v>
      </c>
      <c r="LL28" s="349">
        <v>0</v>
      </c>
      <c r="LM28" s="404">
        <v>0</v>
      </c>
      <c r="LN28" s="345">
        <v>0</v>
      </c>
      <c r="LO28" s="345">
        <v>0</v>
      </c>
      <c r="LP28" s="345">
        <v>0</v>
      </c>
      <c r="LQ28" s="345">
        <v>0</v>
      </c>
      <c r="LR28" s="345">
        <v>0</v>
      </c>
      <c r="LS28" s="349">
        <v>0</v>
      </c>
      <c r="LT28" s="347">
        <v>0</v>
      </c>
      <c r="LU28" s="348">
        <v>0</v>
      </c>
      <c r="LV28" s="345">
        <v>0</v>
      </c>
      <c r="LW28" s="349">
        <v>0</v>
      </c>
      <c r="LX28" s="404">
        <v>0</v>
      </c>
      <c r="LY28" s="345">
        <v>0</v>
      </c>
      <c r="LZ28" s="345">
        <v>0</v>
      </c>
      <c r="MA28" s="345">
        <v>0</v>
      </c>
      <c r="MB28" s="345">
        <v>0</v>
      </c>
      <c r="MC28" s="345">
        <v>0</v>
      </c>
      <c r="MD28" s="349">
        <v>0</v>
      </c>
      <c r="ME28" s="350">
        <v>0</v>
      </c>
      <c r="MF28" s="348">
        <v>0</v>
      </c>
      <c r="MG28" s="345">
        <v>0</v>
      </c>
      <c r="MH28" s="349">
        <v>0</v>
      </c>
      <c r="MI28" s="404">
        <v>0</v>
      </c>
      <c r="MJ28" s="345">
        <v>0</v>
      </c>
      <c r="MK28" s="345">
        <v>0</v>
      </c>
      <c r="ML28" s="345">
        <v>880185</v>
      </c>
      <c r="MM28" s="345">
        <v>689846</v>
      </c>
      <c r="MN28" s="345">
        <v>1742053</v>
      </c>
      <c r="MO28" s="349">
        <v>3312084</v>
      </c>
      <c r="MP28" s="354">
        <v>3312084</v>
      </c>
      <c r="MQ28" s="348">
        <v>0</v>
      </c>
      <c r="MR28" s="345">
        <v>0</v>
      </c>
      <c r="MS28" s="349">
        <v>0</v>
      </c>
      <c r="MT28" s="404">
        <v>0</v>
      </c>
      <c r="MU28" s="345">
        <v>0</v>
      </c>
      <c r="MV28" s="345">
        <v>0</v>
      </c>
      <c r="MW28" s="345">
        <v>880185</v>
      </c>
      <c r="MX28" s="345">
        <v>689846</v>
      </c>
      <c r="MY28" s="345">
        <v>507454</v>
      </c>
      <c r="MZ28" s="349">
        <v>2077485</v>
      </c>
      <c r="NA28" s="354">
        <v>2077485</v>
      </c>
      <c r="NB28" s="348">
        <v>0</v>
      </c>
      <c r="NC28" s="345">
        <v>0</v>
      </c>
      <c r="ND28" s="349">
        <v>0</v>
      </c>
      <c r="NE28" s="404">
        <v>0</v>
      </c>
      <c r="NF28" s="345">
        <v>0</v>
      </c>
      <c r="NG28" s="345">
        <v>0</v>
      </c>
      <c r="NH28" s="345">
        <v>0</v>
      </c>
      <c r="NI28" s="345">
        <v>0</v>
      </c>
      <c r="NJ28" s="345">
        <v>888985</v>
      </c>
      <c r="NK28" s="349">
        <v>888985</v>
      </c>
      <c r="NL28" s="347">
        <v>888985</v>
      </c>
      <c r="NM28" s="348">
        <v>0</v>
      </c>
      <c r="NN28" s="345">
        <v>0</v>
      </c>
      <c r="NO28" s="349">
        <v>0</v>
      </c>
      <c r="NP28" s="404">
        <v>0</v>
      </c>
      <c r="NQ28" s="345">
        <v>0</v>
      </c>
      <c r="NR28" s="345">
        <v>0</v>
      </c>
      <c r="NS28" s="345">
        <v>0</v>
      </c>
      <c r="NT28" s="345">
        <v>0</v>
      </c>
      <c r="NU28" s="345">
        <v>0</v>
      </c>
      <c r="NV28" s="349">
        <v>0</v>
      </c>
      <c r="NW28" s="350">
        <v>0</v>
      </c>
      <c r="NX28" s="348">
        <v>0</v>
      </c>
      <c r="NY28" s="345">
        <v>0</v>
      </c>
      <c r="NZ28" s="349">
        <v>0</v>
      </c>
      <c r="OA28" s="404">
        <v>0</v>
      </c>
      <c r="OB28" s="345">
        <v>0</v>
      </c>
      <c r="OC28" s="345">
        <v>0</v>
      </c>
      <c r="OD28" s="345">
        <v>0</v>
      </c>
      <c r="OE28" s="345">
        <v>0</v>
      </c>
      <c r="OF28" s="345">
        <v>345614</v>
      </c>
      <c r="OG28" s="349">
        <v>345614</v>
      </c>
      <c r="OH28" s="350">
        <v>345614</v>
      </c>
      <c r="OI28" s="348">
        <v>85521</v>
      </c>
      <c r="OJ28" s="345">
        <v>213358</v>
      </c>
      <c r="OK28" s="346">
        <v>298879</v>
      </c>
      <c r="OL28" s="351">
        <v>0</v>
      </c>
      <c r="OM28" s="345">
        <v>1448750</v>
      </c>
      <c r="ON28" s="345">
        <v>2263278</v>
      </c>
      <c r="OO28" s="345">
        <v>3601938</v>
      </c>
      <c r="OP28" s="345">
        <v>3674613</v>
      </c>
      <c r="OQ28" s="345">
        <v>4120020</v>
      </c>
      <c r="OR28" s="349">
        <v>15108599</v>
      </c>
      <c r="OS28" s="354">
        <v>15407478</v>
      </c>
    </row>
    <row r="29" spans="2:409" s="70" customFormat="1" ht="21" customHeight="1" x14ac:dyDescent="0.2">
      <c r="B29" s="106" t="s">
        <v>24</v>
      </c>
      <c r="C29" s="326">
        <v>360556</v>
      </c>
      <c r="D29" s="327">
        <v>391868</v>
      </c>
      <c r="E29" s="328">
        <v>752424</v>
      </c>
      <c r="F29" s="329">
        <v>0</v>
      </c>
      <c r="G29" s="327">
        <v>2078179</v>
      </c>
      <c r="H29" s="327">
        <v>1987997</v>
      </c>
      <c r="I29" s="327">
        <v>1196252</v>
      </c>
      <c r="J29" s="327">
        <v>2101766</v>
      </c>
      <c r="K29" s="327">
        <v>2620047</v>
      </c>
      <c r="L29" s="367">
        <v>9984241</v>
      </c>
      <c r="M29" s="330">
        <v>10736665</v>
      </c>
      <c r="N29" s="326">
        <v>91929</v>
      </c>
      <c r="O29" s="327">
        <v>169871</v>
      </c>
      <c r="P29" s="328">
        <v>261800</v>
      </c>
      <c r="Q29" s="326">
        <v>0</v>
      </c>
      <c r="R29" s="327">
        <v>575851</v>
      </c>
      <c r="S29" s="327">
        <v>771039</v>
      </c>
      <c r="T29" s="327">
        <v>304826</v>
      </c>
      <c r="U29" s="327">
        <v>862856</v>
      </c>
      <c r="V29" s="327">
        <v>950539</v>
      </c>
      <c r="W29" s="328">
        <v>3465111</v>
      </c>
      <c r="X29" s="330">
        <v>3726911</v>
      </c>
      <c r="Y29" s="326">
        <v>0</v>
      </c>
      <c r="Z29" s="327">
        <v>0</v>
      </c>
      <c r="AA29" s="328">
        <v>0</v>
      </c>
      <c r="AB29" s="326">
        <v>0</v>
      </c>
      <c r="AC29" s="327">
        <v>220092</v>
      </c>
      <c r="AD29" s="327">
        <v>324816</v>
      </c>
      <c r="AE29" s="327">
        <v>4995</v>
      </c>
      <c r="AF29" s="327">
        <v>498050</v>
      </c>
      <c r="AG29" s="327">
        <v>428114</v>
      </c>
      <c r="AH29" s="328">
        <v>1476067</v>
      </c>
      <c r="AI29" s="330">
        <v>1476067</v>
      </c>
      <c r="AJ29" s="326">
        <v>0</v>
      </c>
      <c r="AK29" s="327">
        <v>0</v>
      </c>
      <c r="AL29" s="328">
        <v>0</v>
      </c>
      <c r="AM29" s="326">
        <v>0</v>
      </c>
      <c r="AN29" s="327">
        <v>0</v>
      </c>
      <c r="AO29" s="327">
        <v>0</v>
      </c>
      <c r="AP29" s="327">
        <v>0</v>
      </c>
      <c r="AQ29" s="327">
        <v>12170</v>
      </c>
      <c r="AR29" s="327">
        <v>158656</v>
      </c>
      <c r="AS29" s="328">
        <v>170826</v>
      </c>
      <c r="AT29" s="330">
        <v>170826</v>
      </c>
      <c r="AU29" s="326">
        <v>47710</v>
      </c>
      <c r="AV29" s="327">
        <v>161443</v>
      </c>
      <c r="AW29" s="328">
        <v>209153</v>
      </c>
      <c r="AX29" s="326">
        <v>0</v>
      </c>
      <c r="AY29" s="327">
        <v>194612</v>
      </c>
      <c r="AZ29" s="327">
        <v>283270</v>
      </c>
      <c r="BA29" s="327">
        <v>212282</v>
      </c>
      <c r="BB29" s="327">
        <v>197838</v>
      </c>
      <c r="BC29" s="327">
        <v>183400</v>
      </c>
      <c r="BD29" s="328">
        <v>1071402</v>
      </c>
      <c r="BE29" s="330">
        <v>1280555</v>
      </c>
      <c r="BF29" s="326">
        <v>0</v>
      </c>
      <c r="BG29" s="327">
        <v>0</v>
      </c>
      <c r="BH29" s="331">
        <v>0</v>
      </c>
      <c r="BI29" s="332">
        <v>0</v>
      </c>
      <c r="BJ29" s="327">
        <v>0</v>
      </c>
      <c r="BK29" s="327">
        <v>0</v>
      </c>
      <c r="BL29" s="327">
        <v>0</v>
      </c>
      <c r="BM29" s="327">
        <v>0</v>
      </c>
      <c r="BN29" s="327">
        <v>9625</v>
      </c>
      <c r="BO29" s="328">
        <v>9625</v>
      </c>
      <c r="BP29" s="330">
        <v>9625</v>
      </c>
      <c r="BQ29" s="326">
        <v>44219</v>
      </c>
      <c r="BR29" s="327">
        <v>8428</v>
      </c>
      <c r="BS29" s="328">
        <v>52647</v>
      </c>
      <c r="BT29" s="326">
        <v>0</v>
      </c>
      <c r="BU29" s="327">
        <v>161147</v>
      </c>
      <c r="BV29" s="327">
        <v>162953</v>
      </c>
      <c r="BW29" s="327">
        <v>87549</v>
      </c>
      <c r="BX29" s="327">
        <v>154798</v>
      </c>
      <c r="BY29" s="327">
        <v>170744</v>
      </c>
      <c r="BZ29" s="328">
        <v>737191</v>
      </c>
      <c r="CA29" s="330">
        <v>789838</v>
      </c>
      <c r="CB29" s="326">
        <v>37527</v>
      </c>
      <c r="CC29" s="327">
        <v>34794</v>
      </c>
      <c r="CD29" s="328">
        <v>72321</v>
      </c>
      <c r="CE29" s="326">
        <v>0</v>
      </c>
      <c r="CF29" s="327">
        <v>488443</v>
      </c>
      <c r="CG29" s="327">
        <v>323979</v>
      </c>
      <c r="CH29" s="327">
        <v>129865</v>
      </c>
      <c r="CI29" s="327">
        <v>123019</v>
      </c>
      <c r="CJ29" s="327">
        <v>92119</v>
      </c>
      <c r="CK29" s="328">
        <v>1157425</v>
      </c>
      <c r="CL29" s="330">
        <v>1229746</v>
      </c>
      <c r="CM29" s="326">
        <v>0</v>
      </c>
      <c r="CN29" s="327">
        <v>0</v>
      </c>
      <c r="CO29" s="328">
        <v>0</v>
      </c>
      <c r="CP29" s="332">
        <v>0</v>
      </c>
      <c r="CQ29" s="327">
        <v>185142</v>
      </c>
      <c r="CR29" s="327">
        <v>198654</v>
      </c>
      <c r="CS29" s="327">
        <v>129865</v>
      </c>
      <c r="CT29" s="327">
        <v>123019</v>
      </c>
      <c r="CU29" s="327">
        <v>0</v>
      </c>
      <c r="CV29" s="328">
        <v>636680</v>
      </c>
      <c r="CW29" s="330">
        <v>636680</v>
      </c>
      <c r="CX29" s="326">
        <v>37527</v>
      </c>
      <c r="CY29" s="327">
        <v>34794</v>
      </c>
      <c r="CZ29" s="328">
        <v>72321</v>
      </c>
      <c r="DA29" s="326">
        <v>0</v>
      </c>
      <c r="DB29" s="327">
        <v>303301</v>
      </c>
      <c r="DC29" s="327">
        <v>125325</v>
      </c>
      <c r="DD29" s="327">
        <v>0</v>
      </c>
      <c r="DE29" s="327">
        <v>0</v>
      </c>
      <c r="DF29" s="327">
        <v>92119</v>
      </c>
      <c r="DG29" s="328">
        <v>520745</v>
      </c>
      <c r="DH29" s="330">
        <v>593066</v>
      </c>
      <c r="DI29" s="326">
        <v>0</v>
      </c>
      <c r="DJ29" s="327">
        <v>0</v>
      </c>
      <c r="DK29" s="331">
        <v>0</v>
      </c>
      <c r="DL29" s="332">
        <v>0</v>
      </c>
      <c r="DM29" s="327">
        <v>0</v>
      </c>
      <c r="DN29" s="327">
        <v>109669</v>
      </c>
      <c r="DO29" s="327">
        <v>-39752</v>
      </c>
      <c r="DP29" s="327">
        <v>0</v>
      </c>
      <c r="DQ29" s="327">
        <v>80052</v>
      </c>
      <c r="DR29" s="328">
        <v>149969</v>
      </c>
      <c r="DS29" s="330">
        <v>149969</v>
      </c>
      <c r="DT29" s="326">
        <v>0</v>
      </c>
      <c r="DU29" s="327">
        <v>0</v>
      </c>
      <c r="DV29" s="328">
        <v>0</v>
      </c>
      <c r="DW29" s="326">
        <v>0</v>
      </c>
      <c r="DX29" s="327">
        <v>0</v>
      </c>
      <c r="DY29" s="327">
        <v>109669</v>
      </c>
      <c r="DZ29" s="327">
        <v>-39752</v>
      </c>
      <c r="EA29" s="327">
        <v>0</v>
      </c>
      <c r="EB29" s="327">
        <v>80052</v>
      </c>
      <c r="EC29" s="328">
        <v>149969</v>
      </c>
      <c r="ED29" s="330">
        <v>149969</v>
      </c>
      <c r="EE29" s="326">
        <v>0</v>
      </c>
      <c r="EF29" s="331">
        <v>0</v>
      </c>
      <c r="EG29" s="328">
        <v>0</v>
      </c>
      <c r="EH29" s="326">
        <v>0</v>
      </c>
      <c r="EI29" s="327">
        <v>0</v>
      </c>
      <c r="EJ29" s="327">
        <v>0</v>
      </c>
      <c r="EK29" s="327">
        <v>0</v>
      </c>
      <c r="EL29" s="327">
        <v>0</v>
      </c>
      <c r="EM29" s="327">
        <v>0</v>
      </c>
      <c r="EN29" s="331">
        <v>0</v>
      </c>
      <c r="EO29" s="330">
        <v>0</v>
      </c>
      <c r="EP29" s="326">
        <v>0</v>
      </c>
      <c r="EQ29" s="327">
        <v>0</v>
      </c>
      <c r="ER29" s="331">
        <v>0</v>
      </c>
      <c r="ES29" s="332">
        <v>0</v>
      </c>
      <c r="ET29" s="327">
        <v>0</v>
      </c>
      <c r="EU29" s="327">
        <v>0</v>
      </c>
      <c r="EV29" s="327">
        <v>0</v>
      </c>
      <c r="EW29" s="327">
        <v>0</v>
      </c>
      <c r="EX29" s="327">
        <v>0</v>
      </c>
      <c r="EY29" s="328">
        <v>0</v>
      </c>
      <c r="EZ29" s="330">
        <v>0</v>
      </c>
      <c r="FA29" s="326">
        <v>0</v>
      </c>
      <c r="FB29" s="327">
        <v>0</v>
      </c>
      <c r="FC29" s="331">
        <v>0</v>
      </c>
      <c r="FD29" s="404">
        <v>0</v>
      </c>
      <c r="FE29" s="327">
        <v>0</v>
      </c>
      <c r="FF29" s="327">
        <v>0</v>
      </c>
      <c r="FG29" s="327">
        <v>0</v>
      </c>
      <c r="FH29" s="327">
        <v>0</v>
      </c>
      <c r="FI29" s="327">
        <v>0</v>
      </c>
      <c r="FJ29" s="328">
        <v>0</v>
      </c>
      <c r="FK29" s="330">
        <v>0</v>
      </c>
      <c r="FL29" s="326">
        <v>34930</v>
      </c>
      <c r="FM29" s="327">
        <v>31514</v>
      </c>
      <c r="FN29" s="328">
        <v>66444</v>
      </c>
      <c r="FO29" s="326">
        <v>0</v>
      </c>
      <c r="FP29" s="327">
        <v>132118</v>
      </c>
      <c r="FQ29" s="327">
        <v>376579</v>
      </c>
      <c r="FR29" s="327">
        <v>61937</v>
      </c>
      <c r="FS29" s="327">
        <v>226884</v>
      </c>
      <c r="FT29" s="327">
        <v>147427</v>
      </c>
      <c r="FU29" s="328">
        <v>944945</v>
      </c>
      <c r="FV29" s="330">
        <v>1011389</v>
      </c>
      <c r="FW29" s="333">
        <v>34930</v>
      </c>
      <c r="FX29" s="327">
        <v>31514</v>
      </c>
      <c r="FY29" s="331">
        <v>66444</v>
      </c>
      <c r="FZ29" s="332">
        <v>0</v>
      </c>
      <c r="GA29" s="327">
        <v>55790</v>
      </c>
      <c r="GB29" s="327">
        <v>236579</v>
      </c>
      <c r="GC29" s="327">
        <v>49232</v>
      </c>
      <c r="GD29" s="327">
        <v>226884</v>
      </c>
      <c r="GE29" s="327">
        <v>147427</v>
      </c>
      <c r="GF29" s="328">
        <v>715912</v>
      </c>
      <c r="GG29" s="334">
        <v>782356</v>
      </c>
      <c r="GH29" s="333">
        <v>0</v>
      </c>
      <c r="GI29" s="327">
        <v>0</v>
      </c>
      <c r="GJ29" s="331">
        <v>0</v>
      </c>
      <c r="GK29" s="332">
        <v>0</v>
      </c>
      <c r="GL29" s="327">
        <v>20328</v>
      </c>
      <c r="GM29" s="327">
        <v>0</v>
      </c>
      <c r="GN29" s="327">
        <v>12705</v>
      </c>
      <c r="GO29" s="327">
        <v>0</v>
      </c>
      <c r="GP29" s="327">
        <v>0</v>
      </c>
      <c r="GQ29" s="328">
        <v>33033</v>
      </c>
      <c r="GR29" s="330">
        <v>33033</v>
      </c>
      <c r="GS29" s="326">
        <v>0</v>
      </c>
      <c r="GT29" s="327">
        <v>0</v>
      </c>
      <c r="GU29" s="328">
        <v>0</v>
      </c>
      <c r="GV29" s="326">
        <v>0</v>
      </c>
      <c r="GW29" s="327">
        <v>56000</v>
      </c>
      <c r="GX29" s="327">
        <v>140000</v>
      </c>
      <c r="GY29" s="327">
        <v>0</v>
      </c>
      <c r="GZ29" s="327">
        <v>0</v>
      </c>
      <c r="HA29" s="327">
        <v>0</v>
      </c>
      <c r="HB29" s="331">
        <v>196000</v>
      </c>
      <c r="HC29" s="330">
        <v>196000</v>
      </c>
      <c r="HD29" s="326">
        <v>196170</v>
      </c>
      <c r="HE29" s="327">
        <v>155689</v>
      </c>
      <c r="HF29" s="331">
        <v>351859</v>
      </c>
      <c r="HG29" s="332">
        <v>0</v>
      </c>
      <c r="HH29" s="327">
        <v>881767</v>
      </c>
      <c r="HI29" s="327">
        <v>406731</v>
      </c>
      <c r="HJ29" s="327">
        <v>739376</v>
      </c>
      <c r="HK29" s="327">
        <v>889007</v>
      </c>
      <c r="HL29" s="327">
        <v>1349910</v>
      </c>
      <c r="HM29" s="328">
        <v>4266791</v>
      </c>
      <c r="HN29" s="329">
        <v>4618650</v>
      </c>
      <c r="HO29" s="333">
        <v>0</v>
      </c>
      <c r="HP29" s="327">
        <v>0</v>
      </c>
      <c r="HQ29" s="328">
        <v>0</v>
      </c>
      <c r="HR29" s="326">
        <v>0</v>
      </c>
      <c r="HS29" s="327">
        <v>0</v>
      </c>
      <c r="HT29" s="327">
        <v>0</v>
      </c>
      <c r="HU29" s="327">
        <v>0</v>
      </c>
      <c r="HV29" s="327">
        <v>0</v>
      </c>
      <c r="HW29" s="327">
        <v>0</v>
      </c>
      <c r="HX29" s="331">
        <v>0</v>
      </c>
      <c r="HY29" s="330">
        <v>0</v>
      </c>
      <c r="HZ29" s="335">
        <v>0</v>
      </c>
      <c r="IA29" s="336">
        <v>0</v>
      </c>
      <c r="IB29" s="337">
        <v>0</v>
      </c>
      <c r="IC29" s="338">
        <v>0</v>
      </c>
      <c r="ID29" s="336">
        <v>192164</v>
      </c>
      <c r="IE29" s="339">
        <v>130322</v>
      </c>
      <c r="IF29" s="337">
        <v>-186880</v>
      </c>
      <c r="IG29" s="336">
        <v>562203</v>
      </c>
      <c r="IH29" s="337">
        <v>228388</v>
      </c>
      <c r="II29" s="340">
        <v>926197</v>
      </c>
      <c r="IJ29" s="341">
        <v>926197</v>
      </c>
      <c r="IK29" s="342">
        <v>0</v>
      </c>
      <c r="IL29" s="343">
        <v>0</v>
      </c>
      <c r="IM29" s="344">
        <v>0</v>
      </c>
      <c r="IN29" s="404">
        <v>0</v>
      </c>
      <c r="IO29" s="345">
        <v>0</v>
      </c>
      <c r="IP29" s="345">
        <v>0</v>
      </c>
      <c r="IQ29" s="345">
        <v>0</v>
      </c>
      <c r="IR29" s="345">
        <v>389030</v>
      </c>
      <c r="IS29" s="345">
        <v>0</v>
      </c>
      <c r="IT29" s="346">
        <v>389030</v>
      </c>
      <c r="IU29" s="347">
        <v>389030</v>
      </c>
      <c r="IV29" s="348">
        <v>0</v>
      </c>
      <c r="IW29" s="345">
        <v>0</v>
      </c>
      <c r="IX29" s="349">
        <v>0</v>
      </c>
      <c r="IY29" s="404">
        <v>0</v>
      </c>
      <c r="IZ29" s="345">
        <v>0</v>
      </c>
      <c r="JA29" s="345">
        <v>0</v>
      </c>
      <c r="JB29" s="345">
        <v>0</v>
      </c>
      <c r="JC29" s="345">
        <v>0</v>
      </c>
      <c r="JD29" s="345">
        <v>0</v>
      </c>
      <c r="JE29" s="349">
        <v>0</v>
      </c>
      <c r="JF29" s="350">
        <v>0</v>
      </c>
      <c r="JG29" s="348">
        <v>0</v>
      </c>
      <c r="JH29" s="345">
        <v>0</v>
      </c>
      <c r="JI29" s="346">
        <v>0</v>
      </c>
      <c r="JJ29" s="351">
        <v>0</v>
      </c>
      <c r="JK29" s="345">
        <v>0</v>
      </c>
      <c r="JL29" s="345">
        <v>0</v>
      </c>
      <c r="JM29" s="345">
        <v>-186880</v>
      </c>
      <c r="JN29" s="345">
        <v>173173</v>
      </c>
      <c r="JO29" s="345">
        <v>0</v>
      </c>
      <c r="JP29" s="349">
        <v>-13707</v>
      </c>
      <c r="JQ29" s="347">
        <v>-13707</v>
      </c>
      <c r="JR29" s="348">
        <v>0</v>
      </c>
      <c r="JS29" s="345">
        <v>0</v>
      </c>
      <c r="JT29" s="346">
        <v>0</v>
      </c>
      <c r="JU29" s="351">
        <v>0</v>
      </c>
      <c r="JV29" s="345">
        <v>0</v>
      </c>
      <c r="JW29" s="345">
        <v>0</v>
      </c>
      <c r="JX29" s="345">
        <v>0</v>
      </c>
      <c r="JY29" s="345">
        <v>0</v>
      </c>
      <c r="JZ29" s="345">
        <v>0</v>
      </c>
      <c r="KA29" s="349">
        <v>0</v>
      </c>
      <c r="KB29" s="347">
        <v>0</v>
      </c>
      <c r="KC29" s="352">
        <v>0</v>
      </c>
      <c r="KD29" s="353">
        <v>0</v>
      </c>
      <c r="KE29" s="349">
        <v>0</v>
      </c>
      <c r="KF29" s="351">
        <v>0</v>
      </c>
      <c r="KG29" s="345">
        <v>192164</v>
      </c>
      <c r="KH29" s="345">
        <v>130322</v>
      </c>
      <c r="KI29" s="345">
        <v>0</v>
      </c>
      <c r="KJ29" s="345">
        <v>0</v>
      </c>
      <c r="KK29" s="345">
        <v>0</v>
      </c>
      <c r="KL29" s="349">
        <v>322486</v>
      </c>
      <c r="KM29" s="354">
        <v>322486</v>
      </c>
      <c r="KN29" s="342">
        <v>0</v>
      </c>
      <c r="KO29" s="343">
        <v>0</v>
      </c>
      <c r="KP29" s="344">
        <v>0</v>
      </c>
      <c r="KQ29" s="404">
        <v>0</v>
      </c>
      <c r="KR29" s="345">
        <v>0</v>
      </c>
      <c r="KS29" s="345">
        <v>0</v>
      </c>
      <c r="KT29" s="345">
        <v>0</v>
      </c>
      <c r="KU29" s="345">
        <v>0</v>
      </c>
      <c r="KV29" s="345">
        <v>228388</v>
      </c>
      <c r="KW29" s="349">
        <v>228388</v>
      </c>
      <c r="KX29" s="347">
        <v>228388</v>
      </c>
      <c r="KY29" s="348">
        <v>0</v>
      </c>
      <c r="KZ29" s="345">
        <v>0</v>
      </c>
      <c r="LA29" s="349">
        <v>0</v>
      </c>
      <c r="LB29" s="404">
        <v>0</v>
      </c>
      <c r="LC29" s="345">
        <v>0</v>
      </c>
      <c r="LD29" s="345">
        <v>0</v>
      </c>
      <c r="LE29" s="345">
        <v>0</v>
      </c>
      <c r="LF29" s="345">
        <v>0</v>
      </c>
      <c r="LG29" s="345">
        <v>0</v>
      </c>
      <c r="LH29" s="349">
        <v>0</v>
      </c>
      <c r="LI29" s="350">
        <v>0</v>
      </c>
      <c r="LJ29" s="348">
        <v>0</v>
      </c>
      <c r="LK29" s="345">
        <v>0</v>
      </c>
      <c r="LL29" s="349">
        <v>0</v>
      </c>
      <c r="LM29" s="404">
        <v>0</v>
      </c>
      <c r="LN29" s="345">
        <v>0</v>
      </c>
      <c r="LO29" s="345">
        <v>0</v>
      </c>
      <c r="LP29" s="345">
        <v>0</v>
      </c>
      <c r="LQ29" s="345">
        <v>0</v>
      </c>
      <c r="LR29" s="345">
        <v>0</v>
      </c>
      <c r="LS29" s="349">
        <v>0</v>
      </c>
      <c r="LT29" s="347">
        <v>0</v>
      </c>
      <c r="LU29" s="348">
        <v>0</v>
      </c>
      <c r="LV29" s="345">
        <v>0</v>
      </c>
      <c r="LW29" s="349">
        <v>0</v>
      </c>
      <c r="LX29" s="404">
        <v>0</v>
      </c>
      <c r="LY29" s="345">
        <v>0</v>
      </c>
      <c r="LZ29" s="345">
        <v>0</v>
      </c>
      <c r="MA29" s="345">
        <v>0</v>
      </c>
      <c r="MB29" s="345">
        <v>0</v>
      </c>
      <c r="MC29" s="345">
        <v>0</v>
      </c>
      <c r="MD29" s="349">
        <v>0</v>
      </c>
      <c r="ME29" s="350">
        <v>0</v>
      </c>
      <c r="MF29" s="348">
        <v>0</v>
      </c>
      <c r="MG29" s="345">
        <v>0</v>
      </c>
      <c r="MH29" s="349">
        <v>0</v>
      </c>
      <c r="MI29" s="404">
        <v>0</v>
      </c>
      <c r="MJ29" s="345">
        <v>34477</v>
      </c>
      <c r="MK29" s="345">
        <v>0</v>
      </c>
      <c r="ML29" s="345">
        <v>707854</v>
      </c>
      <c r="MM29" s="345">
        <v>947883</v>
      </c>
      <c r="MN29" s="345">
        <v>115605</v>
      </c>
      <c r="MO29" s="349">
        <v>1805819</v>
      </c>
      <c r="MP29" s="354">
        <v>1805819</v>
      </c>
      <c r="MQ29" s="348">
        <v>0</v>
      </c>
      <c r="MR29" s="345">
        <v>0</v>
      </c>
      <c r="MS29" s="349">
        <v>0</v>
      </c>
      <c r="MT29" s="404">
        <v>0</v>
      </c>
      <c r="MU29" s="345">
        <v>0</v>
      </c>
      <c r="MV29" s="345">
        <v>0</v>
      </c>
      <c r="MW29" s="345">
        <v>462861</v>
      </c>
      <c r="MX29" s="345">
        <v>947883</v>
      </c>
      <c r="MY29" s="345">
        <v>0</v>
      </c>
      <c r="MZ29" s="349">
        <v>1410744</v>
      </c>
      <c r="NA29" s="354">
        <v>1410744</v>
      </c>
      <c r="NB29" s="348">
        <v>0</v>
      </c>
      <c r="NC29" s="345">
        <v>0</v>
      </c>
      <c r="ND29" s="349">
        <v>0</v>
      </c>
      <c r="NE29" s="404">
        <v>0</v>
      </c>
      <c r="NF29" s="345">
        <v>34477</v>
      </c>
      <c r="NG29" s="345">
        <v>0</v>
      </c>
      <c r="NH29" s="345">
        <v>244993</v>
      </c>
      <c r="NI29" s="345">
        <v>0</v>
      </c>
      <c r="NJ29" s="345">
        <v>115605</v>
      </c>
      <c r="NK29" s="349">
        <v>395075</v>
      </c>
      <c r="NL29" s="347">
        <v>395075</v>
      </c>
      <c r="NM29" s="348">
        <v>0</v>
      </c>
      <c r="NN29" s="345">
        <v>0</v>
      </c>
      <c r="NO29" s="349">
        <v>0</v>
      </c>
      <c r="NP29" s="404">
        <v>0</v>
      </c>
      <c r="NQ29" s="345">
        <v>0</v>
      </c>
      <c r="NR29" s="345">
        <v>0</v>
      </c>
      <c r="NS29" s="345">
        <v>0</v>
      </c>
      <c r="NT29" s="345">
        <v>0</v>
      </c>
      <c r="NU29" s="345">
        <v>0</v>
      </c>
      <c r="NV29" s="349">
        <v>0</v>
      </c>
      <c r="NW29" s="350">
        <v>0</v>
      </c>
      <c r="NX29" s="348">
        <v>0</v>
      </c>
      <c r="NY29" s="345">
        <v>0</v>
      </c>
      <c r="NZ29" s="349">
        <v>0</v>
      </c>
      <c r="OA29" s="404">
        <v>0</v>
      </c>
      <c r="OB29" s="345">
        <v>0</v>
      </c>
      <c r="OC29" s="345">
        <v>0</v>
      </c>
      <c r="OD29" s="345">
        <v>0</v>
      </c>
      <c r="OE29" s="345">
        <v>0</v>
      </c>
      <c r="OF29" s="345">
        <v>0</v>
      </c>
      <c r="OG29" s="349">
        <v>0</v>
      </c>
      <c r="OH29" s="350">
        <v>0</v>
      </c>
      <c r="OI29" s="348">
        <v>360556</v>
      </c>
      <c r="OJ29" s="345">
        <v>391868</v>
      </c>
      <c r="OK29" s="346">
        <v>752424</v>
      </c>
      <c r="OL29" s="351">
        <v>0</v>
      </c>
      <c r="OM29" s="345">
        <v>2304820</v>
      </c>
      <c r="ON29" s="345">
        <v>2118319</v>
      </c>
      <c r="OO29" s="345">
        <v>1717226</v>
      </c>
      <c r="OP29" s="345">
        <v>3611852</v>
      </c>
      <c r="OQ29" s="345">
        <v>2964040</v>
      </c>
      <c r="OR29" s="349">
        <v>12716257</v>
      </c>
      <c r="OS29" s="354">
        <v>13468681</v>
      </c>
    </row>
    <row r="30" spans="2:409" s="70" customFormat="1" ht="21" customHeight="1" x14ac:dyDescent="0.2">
      <c r="B30" s="106" t="s">
        <v>25</v>
      </c>
      <c r="C30" s="326">
        <v>85887</v>
      </c>
      <c r="D30" s="327">
        <v>115493</v>
      </c>
      <c r="E30" s="328">
        <v>201380</v>
      </c>
      <c r="F30" s="329">
        <v>0</v>
      </c>
      <c r="G30" s="327">
        <v>680745</v>
      </c>
      <c r="H30" s="327">
        <v>981433</v>
      </c>
      <c r="I30" s="327">
        <v>569508</v>
      </c>
      <c r="J30" s="327">
        <v>903058</v>
      </c>
      <c r="K30" s="327">
        <v>528694</v>
      </c>
      <c r="L30" s="367">
        <v>3663438</v>
      </c>
      <c r="M30" s="330">
        <v>3864818</v>
      </c>
      <c r="N30" s="326">
        <v>77725</v>
      </c>
      <c r="O30" s="327">
        <v>78757</v>
      </c>
      <c r="P30" s="328">
        <v>156482</v>
      </c>
      <c r="Q30" s="326">
        <v>0</v>
      </c>
      <c r="R30" s="327">
        <v>175998</v>
      </c>
      <c r="S30" s="327">
        <v>143652</v>
      </c>
      <c r="T30" s="327">
        <v>299177</v>
      </c>
      <c r="U30" s="327">
        <v>431938</v>
      </c>
      <c r="V30" s="327">
        <v>472610</v>
      </c>
      <c r="W30" s="328">
        <v>1523375</v>
      </c>
      <c r="X30" s="330">
        <v>1679857</v>
      </c>
      <c r="Y30" s="326">
        <v>0</v>
      </c>
      <c r="Z30" s="327">
        <v>0</v>
      </c>
      <c r="AA30" s="328">
        <v>0</v>
      </c>
      <c r="AB30" s="326">
        <v>0</v>
      </c>
      <c r="AC30" s="327">
        <v>111645</v>
      </c>
      <c r="AD30" s="327">
        <v>54976</v>
      </c>
      <c r="AE30" s="327">
        <v>87008</v>
      </c>
      <c r="AF30" s="327">
        <v>195301</v>
      </c>
      <c r="AG30" s="327">
        <v>186730</v>
      </c>
      <c r="AH30" s="328">
        <v>635660</v>
      </c>
      <c r="AI30" s="330">
        <v>635660</v>
      </c>
      <c r="AJ30" s="326">
        <v>0</v>
      </c>
      <c r="AK30" s="327">
        <v>0</v>
      </c>
      <c r="AL30" s="328">
        <v>0</v>
      </c>
      <c r="AM30" s="326">
        <v>0</v>
      </c>
      <c r="AN30" s="327">
        <v>0</v>
      </c>
      <c r="AO30" s="327">
        <v>34027</v>
      </c>
      <c r="AP30" s="327">
        <v>93362</v>
      </c>
      <c r="AQ30" s="327">
        <v>151102</v>
      </c>
      <c r="AR30" s="327">
        <v>82989</v>
      </c>
      <c r="AS30" s="328">
        <v>361480</v>
      </c>
      <c r="AT30" s="330">
        <v>361480</v>
      </c>
      <c r="AU30" s="326">
        <v>71572</v>
      </c>
      <c r="AV30" s="327">
        <v>73311</v>
      </c>
      <c r="AW30" s="328">
        <v>144883</v>
      </c>
      <c r="AX30" s="326">
        <v>0</v>
      </c>
      <c r="AY30" s="327">
        <v>36206</v>
      </c>
      <c r="AZ30" s="327">
        <v>42581</v>
      </c>
      <c r="BA30" s="327">
        <v>114621</v>
      </c>
      <c r="BB30" s="327">
        <v>67244</v>
      </c>
      <c r="BC30" s="327">
        <v>167695</v>
      </c>
      <c r="BD30" s="328">
        <v>428347</v>
      </c>
      <c r="BE30" s="330">
        <v>573230</v>
      </c>
      <c r="BF30" s="326">
        <v>0</v>
      </c>
      <c r="BG30" s="327">
        <v>0</v>
      </c>
      <c r="BH30" s="331">
        <v>0</v>
      </c>
      <c r="BI30" s="332">
        <v>0</v>
      </c>
      <c r="BJ30" s="327">
        <v>0</v>
      </c>
      <c r="BK30" s="327">
        <v>0</v>
      </c>
      <c r="BL30" s="327">
        <v>0</v>
      </c>
      <c r="BM30" s="327">
        <v>0</v>
      </c>
      <c r="BN30" s="327">
        <v>0</v>
      </c>
      <c r="BO30" s="328">
        <v>0</v>
      </c>
      <c r="BP30" s="330">
        <v>0</v>
      </c>
      <c r="BQ30" s="326">
        <v>6153</v>
      </c>
      <c r="BR30" s="327">
        <v>5446</v>
      </c>
      <c r="BS30" s="328">
        <v>11599</v>
      </c>
      <c r="BT30" s="326">
        <v>0</v>
      </c>
      <c r="BU30" s="327">
        <v>28147</v>
      </c>
      <c r="BV30" s="327">
        <v>12068</v>
      </c>
      <c r="BW30" s="327">
        <v>4186</v>
      </c>
      <c r="BX30" s="327">
        <v>18291</v>
      </c>
      <c r="BY30" s="327">
        <v>35196</v>
      </c>
      <c r="BZ30" s="328">
        <v>97888</v>
      </c>
      <c r="CA30" s="330">
        <v>109487</v>
      </c>
      <c r="CB30" s="326">
        <v>0</v>
      </c>
      <c r="CC30" s="327">
        <v>0</v>
      </c>
      <c r="CD30" s="328">
        <v>0</v>
      </c>
      <c r="CE30" s="326">
        <v>0</v>
      </c>
      <c r="CF30" s="327">
        <v>224207</v>
      </c>
      <c r="CG30" s="327">
        <v>442782</v>
      </c>
      <c r="CH30" s="327">
        <v>165184</v>
      </c>
      <c r="CI30" s="327">
        <v>145772</v>
      </c>
      <c r="CJ30" s="327">
        <v>0</v>
      </c>
      <c r="CK30" s="328">
        <v>977945</v>
      </c>
      <c r="CL30" s="330">
        <v>977945</v>
      </c>
      <c r="CM30" s="326">
        <v>0</v>
      </c>
      <c r="CN30" s="327">
        <v>0</v>
      </c>
      <c r="CO30" s="328">
        <v>0</v>
      </c>
      <c r="CP30" s="332">
        <v>0</v>
      </c>
      <c r="CQ30" s="327">
        <v>50456</v>
      </c>
      <c r="CR30" s="327">
        <v>181638</v>
      </c>
      <c r="CS30" s="327">
        <v>61758</v>
      </c>
      <c r="CT30" s="327">
        <v>145772</v>
      </c>
      <c r="CU30" s="327">
        <v>0</v>
      </c>
      <c r="CV30" s="328">
        <v>439624</v>
      </c>
      <c r="CW30" s="330">
        <v>439624</v>
      </c>
      <c r="CX30" s="326">
        <v>0</v>
      </c>
      <c r="CY30" s="327">
        <v>0</v>
      </c>
      <c r="CZ30" s="328">
        <v>0</v>
      </c>
      <c r="DA30" s="326">
        <v>0</v>
      </c>
      <c r="DB30" s="327">
        <v>173751</v>
      </c>
      <c r="DC30" s="327">
        <v>261144</v>
      </c>
      <c r="DD30" s="327">
        <v>103426</v>
      </c>
      <c r="DE30" s="327">
        <v>0</v>
      </c>
      <c r="DF30" s="327">
        <v>0</v>
      </c>
      <c r="DG30" s="328">
        <v>538321</v>
      </c>
      <c r="DH30" s="330">
        <v>538321</v>
      </c>
      <c r="DI30" s="326">
        <v>0</v>
      </c>
      <c r="DJ30" s="327">
        <v>0</v>
      </c>
      <c r="DK30" s="331">
        <v>0</v>
      </c>
      <c r="DL30" s="332">
        <v>0</v>
      </c>
      <c r="DM30" s="327">
        <v>114437</v>
      </c>
      <c r="DN30" s="327">
        <v>16704</v>
      </c>
      <c r="DO30" s="327">
        <v>15995</v>
      </c>
      <c r="DP30" s="327">
        <v>61539</v>
      </c>
      <c r="DQ30" s="327">
        <v>0</v>
      </c>
      <c r="DR30" s="328">
        <v>208675</v>
      </c>
      <c r="DS30" s="330">
        <v>208675</v>
      </c>
      <c r="DT30" s="326">
        <v>0</v>
      </c>
      <c r="DU30" s="327">
        <v>0</v>
      </c>
      <c r="DV30" s="328">
        <v>0</v>
      </c>
      <c r="DW30" s="326">
        <v>0</v>
      </c>
      <c r="DX30" s="327">
        <v>114437</v>
      </c>
      <c r="DY30" s="327">
        <v>16704</v>
      </c>
      <c r="DZ30" s="327">
        <v>15995</v>
      </c>
      <c r="EA30" s="327">
        <v>61539</v>
      </c>
      <c r="EB30" s="327">
        <v>0</v>
      </c>
      <c r="EC30" s="328">
        <v>208675</v>
      </c>
      <c r="ED30" s="330">
        <v>208675</v>
      </c>
      <c r="EE30" s="326">
        <v>0</v>
      </c>
      <c r="EF30" s="331">
        <v>0</v>
      </c>
      <c r="EG30" s="328">
        <v>0</v>
      </c>
      <c r="EH30" s="326">
        <v>0</v>
      </c>
      <c r="EI30" s="327">
        <v>0</v>
      </c>
      <c r="EJ30" s="327">
        <v>0</v>
      </c>
      <c r="EK30" s="327">
        <v>0</v>
      </c>
      <c r="EL30" s="327">
        <v>0</v>
      </c>
      <c r="EM30" s="327">
        <v>0</v>
      </c>
      <c r="EN30" s="331">
        <v>0</v>
      </c>
      <c r="EO30" s="330">
        <v>0</v>
      </c>
      <c r="EP30" s="326">
        <v>0</v>
      </c>
      <c r="EQ30" s="327">
        <v>0</v>
      </c>
      <c r="ER30" s="331">
        <v>0</v>
      </c>
      <c r="ES30" s="332">
        <v>0</v>
      </c>
      <c r="ET30" s="327">
        <v>0</v>
      </c>
      <c r="EU30" s="327">
        <v>0</v>
      </c>
      <c r="EV30" s="327">
        <v>0</v>
      </c>
      <c r="EW30" s="327">
        <v>0</v>
      </c>
      <c r="EX30" s="327">
        <v>0</v>
      </c>
      <c r="EY30" s="328">
        <v>0</v>
      </c>
      <c r="EZ30" s="330">
        <v>0</v>
      </c>
      <c r="FA30" s="326">
        <v>0</v>
      </c>
      <c r="FB30" s="327">
        <v>0</v>
      </c>
      <c r="FC30" s="331">
        <v>0</v>
      </c>
      <c r="FD30" s="404">
        <v>0</v>
      </c>
      <c r="FE30" s="327">
        <v>0</v>
      </c>
      <c r="FF30" s="327">
        <v>0</v>
      </c>
      <c r="FG30" s="327">
        <v>0</v>
      </c>
      <c r="FH30" s="327">
        <v>0</v>
      </c>
      <c r="FI30" s="327">
        <v>0</v>
      </c>
      <c r="FJ30" s="328">
        <v>0</v>
      </c>
      <c r="FK30" s="330">
        <v>0</v>
      </c>
      <c r="FL30" s="326">
        <v>8162</v>
      </c>
      <c r="FM30" s="327">
        <v>36736</v>
      </c>
      <c r="FN30" s="328">
        <v>44898</v>
      </c>
      <c r="FO30" s="326">
        <v>0</v>
      </c>
      <c r="FP30" s="327">
        <v>14560</v>
      </c>
      <c r="FQ30" s="327">
        <v>56726</v>
      </c>
      <c r="FR30" s="327">
        <v>89152</v>
      </c>
      <c r="FS30" s="327">
        <v>67767</v>
      </c>
      <c r="FT30" s="327">
        <v>56084</v>
      </c>
      <c r="FU30" s="328">
        <v>284289</v>
      </c>
      <c r="FV30" s="330">
        <v>329187</v>
      </c>
      <c r="FW30" s="333">
        <v>8162</v>
      </c>
      <c r="FX30" s="327">
        <v>36736</v>
      </c>
      <c r="FY30" s="331">
        <v>44898</v>
      </c>
      <c r="FZ30" s="332">
        <v>0</v>
      </c>
      <c r="GA30" s="327">
        <v>14560</v>
      </c>
      <c r="GB30" s="327">
        <v>53585</v>
      </c>
      <c r="GC30" s="327">
        <v>89152</v>
      </c>
      <c r="GD30" s="327">
        <v>67767</v>
      </c>
      <c r="GE30" s="327">
        <v>56084</v>
      </c>
      <c r="GF30" s="328">
        <v>281148</v>
      </c>
      <c r="GG30" s="334">
        <v>326046</v>
      </c>
      <c r="GH30" s="333">
        <v>0</v>
      </c>
      <c r="GI30" s="327">
        <v>0</v>
      </c>
      <c r="GJ30" s="331">
        <v>0</v>
      </c>
      <c r="GK30" s="332">
        <v>0</v>
      </c>
      <c r="GL30" s="327">
        <v>0</v>
      </c>
      <c r="GM30" s="327">
        <v>3141</v>
      </c>
      <c r="GN30" s="327">
        <v>0</v>
      </c>
      <c r="GO30" s="327">
        <v>0</v>
      </c>
      <c r="GP30" s="327">
        <v>0</v>
      </c>
      <c r="GQ30" s="328">
        <v>3141</v>
      </c>
      <c r="GR30" s="330">
        <v>3141</v>
      </c>
      <c r="GS30" s="326">
        <v>0</v>
      </c>
      <c r="GT30" s="327">
        <v>0</v>
      </c>
      <c r="GU30" s="328">
        <v>0</v>
      </c>
      <c r="GV30" s="326">
        <v>0</v>
      </c>
      <c r="GW30" s="327">
        <v>0</v>
      </c>
      <c r="GX30" s="327">
        <v>0</v>
      </c>
      <c r="GY30" s="327">
        <v>0</v>
      </c>
      <c r="GZ30" s="327">
        <v>0</v>
      </c>
      <c r="HA30" s="327">
        <v>0</v>
      </c>
      <c r="HB30" s="331">
        <v>0</v>
      </c>
      <c r="HC30" s="330">
        <v>0</v>
      </c>
      <c r="HD30" s="326">
        <v>0</v>
      </c>
      <c r="HE30" s="327">
        <v>0</v>
      </c>
      <c r="HF30" s="331">
        <v>0</v>
      </c>
      <c r="HG30" s="332">
        <v>0</v>
      </c>
      <c r="HH30" s="327">
        <v>151543</v>
      </c>
      <c r="HI30" s="327">
        <v>321569</v>
      </c>
      <c r="HJ30" s="327">
        <v>0</v>
      </c>
      <c r="HK30" s="327">
        <v>196042</v>
      </c>
      <c r="HL30" s="327">
        <v>0</v>
      </c>
      <c r="HM30" s="328">
        <v>669154</v>
      </c>
      <c r="HN30" s="329">
        <v>669154</v>
      </c>
      <c r="HO30" s="333">
        <v>0</v>
      </c>
      <c r="HP30" s="327">
        <v>0</v>
      </c>
      <c r="HQ30" s="328">
        <v>0</v>
      </c>
      <c r="HR30" s="326">
        <v>0</v>
      </c>
      <c r="HS30" s="327">
        <v>0</v>
      </c>
      <c r="HT30" s="327">
        <v>0</v>
      </c>
      <c r="HU30" s="327">
        <v>0</v>
      </c>
      <c r="HV30" s="327">
        <v>0</v>
      </c>
      <c r="HW30" s="327">
        <v>0</v>
      </c>
      <c r="HX30" s="331">
        <v>0</v>
      </c>
      <c r="HY30" s="330">
        <v>0</v>
      </c>
      <c r="HZ30" s="358">
        <v>0</v>
      </c>
      <c r="IA30" s="356">
        <v>0</v>
      </c>
      <c r="IB30" s="358">
        <v>0</v>
      </c>
      <c r="IC30" s="355">
        <v>0</v>
      </c>
      <c r="ID30" s="356">
        <v>323568</v>
      </c>
      <c r="IE30" s="357">
        <v>79914</v>
      </c>
      <c r="IF30" s="358">
        <v>0</v>
      </c>
      <c r="IG30" s="356">
        <v>0</v>
      </c>
      <c r="IH30" s="358">
        <v>0</v>
      </c>
      <c r="II30" s="359">
        <v>403482</v>
      </c>
      <c r="IJ30" s="358">
        <v>403482</v>
      </c>
      <c r="IK30" s="342">
        <v>0</v>
      </c>
      <c r="IL30" s="343">
        <v>0</v>
      </c>
      <c r="IM30" s="344">
        <v>0</v>
      </c>
      <c r="IN30" s="404">
        <v>0</v>
      </c>
      <c r="IO30" s="345">
        <v>0</v>
      </c>
      <c r="IP30" s="345">
        <v>0</v>
      </c>
      <c r="IQ30" s="345">
        <v>0</v>
      </c>
      <c r="IR30" s="345">
        <v>0</v>
      </c>
      <c r="IS30" s="345">
        <v>0</v>
      </c>
      <c r="IT30" s="346">
        <v>0</v>
      </c>
      <c r="IU30" s="347">
        <v>0</v>
      </c>
      <c r="IV30" s="348">
        <v>0</v>
      </c>
      <c r="IW30" s="345">
        <v>0</v>
      </c>
      <c r="IX30" s="349">
        <v>0</v>
      </c>
      <c r="IY30" s="404">
        <v>0</v>
      </c>
      <c r="IZ30" s="345">
        <v>0</v>
      </c>
      <c r="JA30" s="345">
        <v>0</v>
      </c>
      <c r="JB30" s="345">
        <v>0</v>
      </c>
      <c r="JC30" s="345">
        <v>0</v>
      </c>
      <c r="JD30" s="345">
        <v>0</v>
      </c>
      <c r="JE30" s="349">
        <v>0</v>
      </c>
      <c r="JF30" s="350">
        <v>0</v>
      </c>
      <c r="JG30" s="348">
        <v>0</v>
      </c>
      <c r="JH30" s="345">
        <v>0</v>
      </c>
      <c r="JI30" s="346">
        <v>0</v>
      </c>
      <c r="JJ30" s="351">
        <v>0</v>
      </c>
      <c r="JK30" s="345">
        <v>120775</v>
      </c>
      <c r="JL30" s="345">
        <v>79914</v>
      </c>
      <c r="JM30" s="345">
        <v>0</v>
      </c>
      <c r="JN30" s="345">
        <v>0</v>
      </c>
      <c r="JO30" s="345">
        <v>0</v>
      </c>
      <c r="JP30" s="349">
        <v>200689</v>
      </c>
      <c r="JQ30" s="347">
        <v>200689</v>
      </c>
      <c r="JR30" s="348">
        <v>0</v>
      </c>
      <c r="JS30" s="345">
        <v>0</v>
      </c>
      <c r="JT30" s="346">
        <v>0</v>
      </c>
      <c r="JU30" s="351">
        <v>0</v>
      </c>
      <c r="JV30" s="345">
        <v>0</v>
      </c>
      <c r="JW30" s="345">
        <v>0</v>
      </c>
      <c r="JX30" s="345">
        <v>0</v>
      </c>
      <c r="JY30" s="345">
        <v>0</v>
      </c>
      <c r="JZ30" s="345">
        <v>0</v>
      </c>
      <c r="KA30" s="349">
        <v>0</v>
      </c>
      <c r="KB30" s="347">
        <v>0</v>
      </c>
      <c r="KC30" s="352">
        <v>0</v>
      </c>
      <c r="KD30" s="353">
        <v>0</v>
      </c>
      <c r="KE30" s="349">
        <v>0</v>
      </c>
      <c r="KF30" s="351">
        <v>0</v>
      </c>
      <c r="KG30" s="345">
        <v>0</v>
      </c>
      <c r="KH30" s="345">
        <v>0</v>
      </c>
      <c r="KI30" s="345">
        <v>0</v>
      </c>
      <c r="KJ30" s="345">
        <v>0</v>
      </c>
      <c r="KK30" s="345">
        <v>0</v>
      </c>
      <c r="KL30" s="349">
        <v>0</v>
      </c>
      <c r="KM30" s="354">
        <v>0</v>
      </c>
      <c r="KN30" s="342">
        <v>0</v>
      </c>
      <c r="KO30" s="343">
        <v>0</v>
      </c>
      <c r="KP30" s="344">
        <v>0</v>
      </c>
      <c r="KQ30" s="404">
        <v>0</v>
      </c>
      <c r="KR30" s="345">
        <v>202793</v>
      </c>
      <c r="KS30" s="345">
        <v>0</v>
      </c>
      <c r="KT30" s="345">
        <v>0</v>
      </c>
      <c r="KU30" s="345">
        <v>0</v>
      </c>
      <c r="KV30" s="345">
        <v>0</v>
      </c>
      <c r="KW30" s="349">
        <v>202793</v>
      </c>
      <c r="KX30" s="347">
        <v>202793</v>
      </c>
      <c r="KY30" s="348">
        <v>0</v>
      </c>
      <c r="KZ30" s="345">
        <v>0</v>
      </c>
      <c r="LA30" s="349">
        <v>0</v>
      </c>
      <c r="LB30" s="404">
        <v>0</v>
      </c>
      <c r="LC30" s="345">
        <v>0</v>
      </c>
      <c r="LD30" s="345">
        <v>0</v>
      </c>
      <c r="LE30" s="345">
        <v>0</v>
      </c>
      <c r="LF30" s="345">
        <v>0</v>
      </c>
      <c r="LG30" s="345">
        <v>0</v>
      </c>
      <c r="LH30" s="349">
        <v>0</v>
      </c>
      <c r="LI30" s="350">
        <v>0</v>
      </c>
      <c r="LJ30" s="348">
        <v>0</v>
      </c>
      <c r="LK30" s="345">
        <v>0</v>
      </c>
      <c r="LL30" s="349">
        <v>0</v>
      </c>
      <c r="LM30" s="404">
        <v>0</v>
      </c>
      <c r="LN30" s="345">
        <v>0</v>
      </c>
      <c r="LO30" s="345">
        <v>0</v>
      </c>
      <c r="LP30" s="345">
        <v>0</v>
      </c>
      <c r="LQ30" s="345">
        <v>0</v>
      </c>
      <c r="LR30" s="345">
        <v>0</v>
      </c>
      <c r="LS30" s="349">
        <v>0</v>
      </c>
      <c r="LT30" s="347">
        <v>0</v>
      </c>
      <c r="LU30" s="348">
        <v>0</v>
      </c>
      <c r="LV30" s="345">
        <v>0</v>
      </c>
      <c r="LW30" s="349">
        <v>0</v>
      </c>
      <c r="LX30" s="404">
        <v>0</v>
      </c>
      <c r="LY30" s="345">
        <v>0</v>
      </c>
      <c r="LZ30" s="345">
        <v>0</v>
      </c>
      <c r="MA30" s="345">
        <v>0</v>
      </c>
      <c r="MB30" s="345">
        <v>0</v>
      </c>
      <c r="MC30" s="345">
        <v>0</v>
      </c>
      <c r="MD30" s="349">
        <v>0</v>
      </c>
      <c r="ME30" s="350">
        <v>0</v>
      </c>
      <c r="MF30" s="348">
        <v>0</v>
      </c>
      <c r="MG30" s="345">
        <v>0</v>
      </c>
      <c r="MH30" s="349">
        <v>0</v>
      </c>
      <c r="MI30" s="404">
        <v>0</v>
      </c>
      <c r="MJ30" s="345">
        <v>451306</v>
      </c>
      <c r="MK30" s="345">
        <v>633569</v>
      </c>
      <c r="ML30" s="345">
        <v>857543</v>
      </c>
      <c r="MM30" s="345">
        <v>960875</v>
      </c>
      <c r="MN30" s="345">
        <v>1368163</v>
      </c>
      <c r="MO30" s="349">
        <v>4271456</v>
      </c>
      <c r="MP30" s="354">
        <v>4271456</v>
      </c>
      <c r="MQ30" s="348">
        <v>0</v>
      </c>
      <c r="MR30" s="345">
        <v>0</v>
      </c>
      <c r="MS30" s="349">
        <v>0</v>
      </c>
      <c r="MT30" s="404">
        <v>0</v>
      </c>
      <c r="MU30" s="345">
        <v>0</v>
      </c>
      <c r="MV30" s="345">
        <v>0</v>
      </c>
      <c r="MW30" s="345">
        <v>624275</v>
      </c>
      <c r="MX30" s="345">
        <v>458803</v>
      </c>
      <c r="MY30" s="345">
        <v>450638</v>
      </c>
      <c r="MZ30" s="349">
        <v>1533716</v>
      </c>
      <c r="NA30" s="354">
        <v>1533716</v>
      </c>
      <c r="NB30" s="348">
        <v>0</v>
      </c>
      <c r="NC30" s="345">
        <v>0</v>
      </c>
      <c r="ND30" s="349">
        <v>0</v>
      </c>
      <c r="NE30" s="404">
        <v>0</v>
      </c>
      <c r="NF30" s="345">
        <v>451306</v>
      </c>
      <c r="NG30" s="345">
        <v>633569</v>
      </c>
      <c r="NH30" s="345">
        <v>233268</v>
      </c>
      <c r="NI30" s="345">
        <v>502072</v>
      </c>
      <c r="NJ30" s="345">
        <v>917525</v>
      </c>
      <c r="NK30" s="349">
        <v>2737740</v>
      </c>
      <c r="NL30" s="347">
        <v>2737740</v>
      </c>
      <c r="NM30" s="348">
        <v>0</v>
      </c>
      <c r="NN30" s="345">
        <v>0</v>
      </c>
      <c r="NO30" s="349">
        <v>0</v>
      </c>
      <c r="NP30" s="404">
        <v>0</v>
      </c>
      <c r="NQ30" s="345">
        <v>0</v>
      </c>
      <c r="NR30" s="345">
        <v>0</v>
      </c>
      <c r="NS30" s="345">
        <v>0</v>
      </c>
      <c r="NT30" s="345">
        <v>0</v>
      </c>
      <c r="NU30" s="345">
        <v>0</v>
      </c>
      <c r="NV30" s="349">
        <v>0</v>
      </c>
      <c r="NW30" s="350">
        <v>0</v>
      </c>
      <c r="NX30" s="348">
        <v>0</v>
      </c>
      <c r="NY30" s="345">
        <v>0</v>
      </c>
      <c r="NZ30" s="349">
        <v>0</v>
      </c>
      <c r="OA30" s="404">
        <v>0</v>
      </c>
      <c r="OB30" s="345">
        <v>0</v>
      </c>
      <c r="OC30" s="345">
        <v>0</v>
      </c>
      <c r="OD30" s="345">
        <v>0</v>
      </c>
      <c r="OE30" s="345">
        <v>0</v>
      </c>
      <c r="OF30" s="345">
        <v>0</v>
      </c>
      <c r="OG30" s="349">
        <v>0</v>
      </c>
      <c r="OH30" s="350">
        <v>0</v>
      </c>
      <c r="OI30" s="348">
        <v>85887</v>
      </c>
      <c r="OJ30" s="345">
        <v>115493</v>
      </c>
      <c r="OK30" s="346">
        <v>201380</v>
      </c>
      <c r="OL30" s="351">
        <v>0</v>
      </c>
      <c r="OM30" s="345">
        <v>1455619</v>
      </c>
      <c r="ON30" s="345">
        <v>1694916</v>
      </c>
      <c r="OO30" s="345">
        <v>1427051</v>
      </c>
      <c r="OP30" s="345">
        <v>1863933</v>
      </c>
      <c r="OQ30" s="345">
        <v>1896857</v>
      </c>
      <c r="OR30" s="349">
        <v>8338376</v>
      </c>
      <c r="OS30" s="354">
        <v>8539756</v>
      </c>
    </row>
    <row r="31" spans="2:409" s="70" customFormat="1" ht="21" customHeight="1" x14ac:dyDescent="0.2">
      <c r="B31" s="106" t="s">
        <v>26</v>
      </c>
      <c r="C31" s="326">
        <v>53891</v>
      </c>
      <c r="D31" s="327">
        <v>109297</v>
      </c>
      <c r="E31" s="328">
        <v>163188</v>
      </c>
      <c r="F31" s="329">
        <v>0</v>
      </c>
      <c r="G31" s="327">
        <v>1858085</v>
      </c>
      <c r="H31" s="327">
        <v>1561198</v>
      </c>
      <c r="I31" s="327">
        <v>1101794</v>
      </c>
      <c r="J31" s="327">
        <v>1021729</v>
      </c>
      <c r="K31" s="327">
        <v>1110134</v>
      </c>
      <c r="L31" s="367">
        <v>6652940</v>
      </c>
      <c r="M31" s="330">
        <v>6816128</v>
      </c>
      <c r="N31" s="326">
        <v>50391</v>
      </c>
      <c r="O31" s="327">
        <v>0</v>
      </c>
      <c r="P31" s="328">
        <v>50391</v>
      </c>
      <c r="Q31" s="326">
        <v>0</v>
      </c>
      <c r="R31" s="327">
        <v>374513</v>
      </c>
      <c r="S31" s="327">
        <v>545089</v>
      </c>
      <c r="T31" s="327">
        <v>298584</v>
      </c>
      <c r="U31" s="327">
        <v>236135</v>
      </c>
      <c r="V31" s="327">
        <v>394621</v>
      </c>
      <c r="W31" s="328">
        <v>1848942</v>
      </c>
      <c r="X31" s="330">
        <v>1899333</v>
      </c>
      <c r="Y31" s="326">
        <v>0</v>
      </c>
      <c r="Z31" s="327">
        <v>0</v>
      </c>
      <c r="AA31" s="328">
        <v>0</v>
      </c>
      <c r="AB31" s="326">
        <v>0</v>
      </c>
      <c r="AC31" s="327">
        <v>38657</v>
      </c>
      <c r="AD31" s="327">
        <v>270977</v>
      </c>
      <c r="AE31" s="327">
        <v>74710</v>
      </c>
      <c r="AF31" s="327">
        <v>128835</v>
      </c>
      <c r="AG31" s="327">
        <v>150890</v>
      </c>
      <c r="AH31" s="328">
        <v>664069</v>
      </c>
      <c r="AI31" s="330">
        <v>664069</v>
      </c>
      <c r="AJ31" s="326">
        <v>0</v>
      </c>
      <c r="AK31" s="327">
        <v>0</v>
      </c>
      <c r="AL31" s="328">
        <v>0</v>
      </c>
      <c r="AM31" s="326">
        <v>0</v>
      </c>
      <c r="AN31" s="327">
        <v>0</v>
      </c>
      <c r="AO31" s="327">
        <v>10792</v>
      </c>
      <c r="AP31" s="327">
        <v>0</v>
      </c>
      <c r="AQ31" s="327">
        <v>51867</v>
      </c>
      <c r="AR31" s="327">
        <v>0</v>
      </c>
      <c r="AS31" s="328">
        <v>62659</v>
      </c>
      <c r="AT31" s="330">
        <v>62659</v>
      </c>
      <c r="AU31" s="326">
        <v>20672</v>
      </c>
      <c r="AV31" s="327">
        <v>0</v>
      </c>
      <c r="AW31" s="328">
        <v>20672</v>
      </c>
      <c r="AX31" s="326">
        <v>0</v>
      </c>
      <c r="AY31" s="327">
        <v>182441</v>
      </c>
      <c r="AZ31" s="327">
        <v>229720</v>
      </c>
      <c r="BA31" s="327">
        <v>101403</v>
      </c>
      <c r="BB31" s="327">
        <v>25361</v>
      </c>
      <c r="BC31" s="327">
        <v>212917</v>
      </c>
      <c r="BD31" s="328">
        <v>751842</v>
      </c>
      <c r="BE31" s="330">
        <v>772514</v>
      </c>
      <c r="BF31" s="326">
        <v>29719</v>
      </c>
      <c r="BG31" s="327">
        <v>0</v>
      </c>
      <c r="BH31" s="331">
        <v>29719</v>
      </c>
      <c r="BI31" s="332">
        <v>0</v>
      </c>
      <c r="BJ31" s="327">
        <v>48541</v>
      </c>
      <c r="BK31" s="327">
        <v>0</v>
      </c>
      <c r="BL31" s="327">
        <v>20803</v>
      </c>
      <c r="BM31" s="327">
        <v>0</v>
      </c>
      <c r="BN31" s="327">
        <v>0</v>
      </c>
      <c r="BO31" s="328">
        <v>69344</v>
      </c>
      <c r="BP31" s="330">
        <v>99063</v>
      </c>
      <c r="BQ31" s="326">
        <v>0</v>
      </c>
      <c r="BR31" s="327">
        <v>0</v>
      </c>
      <c r="BS31" s="328">
        <v>0</v>
      </c>
      <c r="BT31" s="326">
        <v>0</v>
      </c>
      <c r="BU31" s="327">
        <v>104874</v>
      </c>
      <c r="BV31" s="327">
        <v>33600</v>
      </c>
      <c r="BW31" s="327">
        <v>101668</v>
      </c>
      <c r="BX31" s="327">
        <v>30072</v>
      </c>
      <c r="BY31" s="327">
        <v>30814</v>
      </c>
      <c r="BZ31" s="328">
        <v>301028</v>
      </c>
      <c r="CA31" s="330">
        <v>301028</v>
      </c>
      <c r="CB31" s="326">
        <v>0</v>
      </c>
      <c r="CC31" s="327">
        <v>0</v>
      </c>
      <c r="CD31" s="328">
        <v>0</v>
      </c>
      <c r="CE31" s="326">
        <v>0</v>
      </c>
      <c r="CF31" s="327">
        <v>295117</v>
      </c>
      <c r="CG31" s="327">
        <v>374564</v>
      </c>
      <c r="CH31" s="327">
        <v>185100</v>
      </c>
      <c r="CI31" s="327">
        <v>91663</v>
      </c>
      <c r="CJ31" s="327">
        <v>174569</v>
      </c>
      <c r="CK31" s="328">
        <v>1121013</v>
      </c>
      <c r="CL31" s="330">
        <v>1121013</v>
      </c>
      <c r="CM31" s="326">
        <v>0</v>
      </c>
      <c r="CN31" s="327">
        <v>0</v>
      </c>
      <c r="CO31" s="328">
        <v>0</v>
      </c>
      <c r="CP31" s="332">
        <v>0</v>
      </c>
      <c r="CQ31" s="327">
        <v>295117</v>
      </c>
      <c r="CR31" s="327">
        <v>183466</v>
      </c>
      <c r="CS31" s="327">
        <v>109689</v>
      </c>
      <c r="CT31" s="327">
        <v>91663</v>
      </c>
      <c r="CU31" s="327">
        <v>174569</v>
      </c>
      <c r="CV31" s="328">
        <v>854504</v>
      </c>
      <c r="CW31" s="330">
        <v>854504</v>
      </c>
      <c r="CX31" s="326">
        <v>0</v>
      </c>
      <c r="CY31" s="327">
        <v>0</v>
      </c>
      <c r="CZ31" s="328">
        <v>0</v>
      </c>
      <c r="DA31" s="326">
        <v>0</v>
      </c>
      <c r="DB31" s="327">
        <v>0</v>
      </c>
      <c r="DC31" s="327">
        <v>191098</v>
      </c>
      <c r="DD31" s="327">
        <v>75411</v>
      </c>
      <c r="DE31" s="327">
        <v>0</v>
      </c>
      <c r="DF31" s="327">
        <v>0</v>
      </c>
      <c r="DG31" s="328">
        <v>266509</v>
      </c>
      <c r="DH31" s="330">
        <v>266509</v>
      </c>
      <c r="DI31" s="326">
        <v>0</v>
      </c>
      <c r="DJ31" s="327">
        <v>0</v>
      </c>
      <c r="DK31" s="331">
        <v>0</v>
      </c>
      <c r="DL31" s="332">
        <v>0</v>
      </c>
      <c r="DM31" s="327">
        <v>104090</v>
      </c>
      <c r="DN31" s="327">
        <v>355381</v>
      </c>
      <c r="DO31" s="327">
        <v>0</v>
      </c>
      <c r="DP31" s="327">
        <v>237841</v>
      </c>
      <c r="DQ31" s="327">
        <v>44851</v>
      </c>
      <c r="DR31" s="328">
        <v>742163</v>
      </c>
      <c r="DS31" s="330">
        <v>742163</v>
      </c>
      <c r="DT31" s="326">
        <v>0</v>
      </c>
      <c r="DU31" s="327">
        <v>0</v>
      </c>
      <c r="DV31" s="328">
        <v>0</v>
      </c>
      <c r="DW31" s="326">
        <v>0</v>
      </c>
      <c r="DX31" s="327">
        <v>104090</v>
      </c>
      <c r="DY31" s="327">
        <v>355381</v>
      </c>
      <c r="DZ31" s="327">
        <v>0</v>
      </c>
      <c r="EA31" s="327">
        <v>237841</v>
      </c>
      <c r="EB31" s="327">
        <v>16211</v>
      </c>
      <c r="EC31" s="328">
        <v>713523</v>
      </c>
      <c r="ED31" s="330">
        <v>713523</v>
      </c>
      <c r="EE31" s="326">
        <v>0</v>
      </c>
      <c r="EF31" s="331">
        <v>0</v>
      </c>
      <c r="EG31" s="328">
        <v>0</v>
      </c>
      <c r="EH31" s="326">
        <v>0</v>
      </c>
      <c r="EI31" s="327">
        <v>0</v>
      </c>
      <c r="EJ31" s="327">
        <v>0</v>
      </c>
      <c r="EK31" s="327">
        <v>0</v>
      </c>
      <c r="EL31" s="327">
        <v>0</v>
      </c>
      <c r="EM31" s="327">
        <v>28640</v>
      </c>
      <c r="EN31" s="331">
        <v>28640</v>
      </c>
      <c r="EO31" s="330">
        <v>28640</v>
      </c>
      <c r="EP31" s="326">
        <v>0</v>
      </c>
      <c r="EQ31" s="327">
        <v>0</v>
      </c>
      <c r="ER31" s="331">
        <v>0</v>
      </c>
      <c r="ES31" s="332">
        <v>0</v>
      </c>
      <c r="ET31" s="327">
        <v>0</v>
      </c>
      <c r="EU31" s="327">
        <v>0</v>
      </c>
      <c r="EV31" s="327">
        <v>0</v>
      </c>
      <c r="EW31" s="327">
        <v>0</v>
      </c>
      <c r="EX31" s="327">
        <v>0</v>
      </c>
      <c r="EY31" s="328">
        <v>0</v>
      </c>
      <c r="EZ31" s="330">
        <v>0</v>
      </c>
      <c r="FA31" s="326">
        <v>0</v>
      </c>
      <c r="FB31" s="327">
        <v>0</v>
      </c>
      <c r="FC31" s="331">
        <v>0</v>
      </c>
      <c r="FD31" s="404">
        <v>0</v>
      </c>
      <c r="FE31" s="327">
        <v>0</v>
      </c>
      <c r="FF31" s="327">
        <v>0</v>
      </c>
      <c r="FG31" s="327">
        <v>0</v>
      </c>
      <c r="FH31" s="327">
        <v>0</v>
      </c>
      <c r="FI31" s="327">
        <v>0</v>
      </c>
      <c r="FJ31" s="328">
        <v>0</v>
      </c>
      <c r="FK31" s="330">
        <v>0</v>
      </c>
      <c r="FL31" s="326">
        <v>3500</v>
      </c>
      <c r="FM31" s="327">
        <v>20720</v>
      </c>
      <c r="FN31" s="328">
        <v>24220</v>
      </c>
      <c r="FO31" s="326">
        <v>0</v>
      </c>
      <c r="FP31" s="327">
        <v>169386</v>
      </c>
      <c r="FQ31" s="327">
        <v>129696</v>
      </c>
      <c r="FR31" s="327">
        <v>43925</v>
      </c>
      <c r="FS31" s="327">
        <v>56196</v>
      </c>
      <c r="FT31" s="327">
        <v>73668</v>
      </c>
      <c r="FU31" s="328">
        <v>472871</v>
      </c>
      <c r="FV31" s="330">
        <v>497091</v>
      </c>
      <c r="FW31" s="333">
        <v>3500</v>
      </c>
      <c r="FX31" s="327">
        <v>20720</v>
      </c>
      <c r="FY31" s="331">
        <v>24220</v>
      </c>
      <c r="FZ31" s="332">
        <v>0</v>
      </c>
      <c r="GA31" s="327">
        <v>29386</v>
      </c>
      <c r="GB31" s="327">
        <v>129696</v>
      </c>
      <c r="GC31" s="327">
        <v>43925</v>
      </c>
      <c r="GD31" s="327">
        <v>56196</v>
      </c>
      <c r="GE31" s="327">
        <v>73668</v>
      </c>
      <c r="GF31" s="328">
        <v>332871</v>
      </c>
      <c r="GG31" s="334">
        <v>357091</v>
      </c>
      <c r="GH31" s="333">
        <v>0</v>
      </c>
      <c r="GI31" s="327">
        <v>0</v>
      </c>
      <c r="GJ31" s="331">
        <v>0</v>
      </c>
      <c r="GK31" s="332">
        <v>0</v>
      </c>
      <c r="GL31" s="327">
        <v>0</v>
      </c>
      <c r="GM31" s="327">
        <v>0</v>
      </c>
      <c r="GN31" s="327">
        <v>0</v>
      </c>
      <c r="GO31" s="327">
        <v>0</v>
      </c>
      <c r="GP31" s="327">
        <v>0</v>
      </c>
      <c r="GQ31" s="328">
        <v>0</v>
      </c>
      <c r="GR31" s="330">
        <v>0</v>
      </c>
      <c r="GS31" s="326">
        <v>0</v>
      </c>
      <c r="GT31" s="327">
        <v>0</v>
      </c>
      <c r="GU31" s="328">
        <v>0</v>
      </c>
      <c r="GV31" s="326">
        <v>0</v>
      </c>
      <c r="GW31" s="327">
        <v>140000</v>
      </c>
      <c r="GX31" s="327">
        <v>0</v>
      </c>
      <c r="GY31" s="327">
        <v>0</v>
      </c>
      <c r="GZ31" s="327">
        <v>0</v>
      </c>
      <c r="HA31" s="327">
        <v>0</v>
      </c>
      <c r="HB31" s="331">
        <v>140000</v>
      </c>
      <c r="HC31" s="330">
        <v>140000</v>
      </c>
      <c r="HD31" s="326">
        <v>0</v>
      </c>
      <c r="HE31" s="327">
        <v>88577</v>
      </c>
      <c r="HF31" s="331">
        <v>88577</v>
      </c>
      <c r="HG31" s="332">
        <v>0</v>
      </c>
      <c r="HH31" s="327">
        <v>914979</v>
      </c>
      <c r="HI31" s="327">
        <v>156468</v>
      </c>
      <c r="HJ31" s="327">
        <v>574185</v>
      </c>
      <c r="HK31" s="327">
        <v>399894</v>
      </c>
      <c r="HL31" s="327">
        <v>422425</v>
      </c>
      <c r="HM31" s="328">
        <v>2467951</v>
      </c>
      <c r="HN31" s="329">
        <v>2556528</v>
      </c>
      <c r="HO31" s="333">
        <v>0</v>
      </c>
      <c r="HP31" s="327">
        <v>0</v>
      </c>
      <c r="HQ31" s="328">
        <v>0</v>
      </c>
      <c r="HR31" s="326">
        <v>0</v>
      </c>
      <c r="HS31" s="327">
        <v>0</v>
      </c>
      <c r="HT31" s="327">
        <v>0</v>
      </c>
      <c r="HU31" s="327">
        <v>0</v>
      </c>
      <c r="HV31" s="327">
        <v>0</v>
      </c>
      <c r="HW31" s="327">
        <v>0</v>
      </c>
      <c r="HX31" s="331">
        <v>0</v>
      </c>
      <c r="HY31" s="330">
        <v>0</v>
      </c>
      <c r="HZ31" s="335">
        <v>0</v>
      </c>
      <c r="IA31" s="336">
        <v>0</v>
      </c>
      <c r="IB31" s="337">
        <v>0</v>
      </c>
      <c r="IC31" s="338">
        <v>0</v>
      </c>
      <c r="ID31" s="336">
        <v>303734</v>
      </c>
      <c r="IE31" s="339">
        <v>296090</v>
      </c>
      <c r="IF31" s="337">
        <v>446213</v>
      </c>
      <c r="IG31" s="336">
        <v>0</v>
      </c>
      <c r="IH31" s="337">
        <v>0</v>
      </c>
      <c r="II31" s="340">
        <v>1046037</v>
      </c>
      <c r="IJ31" s="341">
        <v>1046037</v>
      </c>
      <c r="IK31" s="342">
        <v>0</v>
      </c>
      <c r="IL31" s="343">
        <v>0</v>
      </c>
      <c r="IM31" s="344">
        <v>0</v>
      </c>
      <c r="IN31" s="404">
        <v>0</v>
      </c>
      <c r="IO31" s="345">
        <v>0</v>
      </c>
      <c r="IP31" s="345">
        <v>0</v>
      </c>
      <c r="IQ31" s="345">
        <v>0</v>
      </c>
      <c r="IR31" s="345">
        <v>0</v>
      </c>
      <c r="IS31" s="345">
        <v>0</v>
      </c>
      <c r="IT31" s="346">
        <v>0</v>
      </c>
      <c r="IU31" s="347">
        <v>0</v>
      </c>
      <c r="IV31" s="348">
        <v>0</v>
      </c>
      <c r="IW31" s="345">
        <v>0</v>
      </c>
      <c r="IX31" s="349">
        <v>0</v>
      </c>
      <c r="IY31" s="404">
        <v>0</v>
      </c>
      <c r="IZ31" s="345">
        <v>0</v>
      </c>
      <c r="JA31" s="345">
        <v>0</v>
      </c>
      <c r="JB31" s="345">
        <v>0</v>
      </c>
      <c r="JC31" s="345">
        <v>0</v>
      </c>
      <c r="JD31" s="345">
        <v>0</v>
      </c>
      <c r="JE31" s="349">
        <v>0</v>
      </c>
      <c r="JF31" s="350">
        <v>0</v>
      </c>
      <c r="JG31" s="348">
        <v>0</v>
      </c>
      <c r="JH31" s="345">
        <v>0</v>
      </c>
      <c r="JI31" s="346">
        <v>0</v>
      </c>
      <c r="JJ31" s="351">
        <v>0</v>
      </c>
      <c r="JK31" s="345">
        <v>30000</v>
      </c>
      <c r="JL31" s="345">
        <v>78322</v>
      </c>
      <c r="JM31" s="345">
        <v>0</v>
      </c>
      <c r="JN31" s="345">
        <v>0</v>
      </c>
      <c r="JO31" s="345">
        <v>0</v>
      </c>
      <c r="JP31" s="349">
        <v>108322</v>
      </c>
      <c r="JQ31" s="347">
        <v>108322</v>
      </c>
      <c r="JR31" s="348">
        <v>0</v>
      </c>
      <c r="JS31" s="345">
        <v>0</v>
      </c>
      <c r="JT31" s="346">
        <v>0</v>
      </c>
      <c r="JU31" s="351">
        <v>0</v>
      </c>
      <c r="JV31" s="345">
        <v>0</v>
      </c>
      <c r="JW31" s="345">
        <v>0</v>
      </c>
      <c r="JX31" s="345">
        <v>0</v>
      </c>
      <c r="JY31" s="345">
        <v>0</v>
      </c>
      <c r="JZ31" s="345">
        <v>0</v>
      </c>
      <c r="KA31" s="349">
        <v>0</v>
      </c>
      <c r="KB31" s="347">
        <v>0</v>
      </c>
      <c r="KC31" s="352">
        <v>0</v>
      </c>
      <c r="KD31" s="353">
        <v>0</v>
      </c>
      <c r="KE31" s="349">
        <v>0</v>
      </c>
      <c r="KF31" s="351">
        <v>0</v>
      </c>
      <c r="KG31" s="345">
        <v>0</v>
      </c>
      <c r="KH31" s="345">
        <v>0</v>
      </c>
      <c r="KI31" s="345">
        <v>0</v>
      </c>
      <c r="KJ31" s="345">
        <v>0</v>
      </c>
      <c r="KK31" s="345">
        <v>0</v>
      </c>
      <c r="KL31" s="349">
        <v>0</v>
      </c>
      <c r="KM31" s="354">
        <v>0</v>
      </c>
      <c r="KN31" s="342">
        <v>0</v>
      </c>
      <c r="KO31" s="343">
        <v>0</v>
      </c>
      <c r="KP31" s="344">
        <v>0</v>
      </c>
      <c r="KQ31" s="404">
        <v>0</v>
      </c>
      <c r="KR31" s="345">
        <v>273734</v>
      </c>
      <c r="KS31" s="345">
        <v>217768</v>
      </c>
      <c r="KT31" s="345">
        <v>446213</v>
      </c>
      <c r="KU31" s="345">
        <v>0</v>
      </c>
      <c r="KV31" s="345">
        <v>0</v>
      </c>
      <c r="KW31" s="349">
        <v>937715</v>
      </c>
      <c r="KX31" s="347">
        <v>937715</v>
      </c>
      <c r="KY31" s="348">
        <v>0</v>
      </c>
      <c r="KZ31" s="345">
        <v>0</v>
      </c>
      <c r="LA31" s="349">
        <v>0</v>
      </c>
      <c r="LB31" s="404">
        <v>0</v>
      </c>
      <c r="LC31" s="345">
        <v>0</v>
      </c>
      <c r="LD31" s="345">
        <v>0</v>
      </c>
      <c r="LE31" s="345">
        <v>0</v>
      </c>
      <c r="LF31" s="345">
        <v>0</v>
      </c>
      <c r="LG31" s="345">
        <v>0</v>
      </c>
      <c r="LH31" s="349">
        <v>0</v>
      </c>
      <c r="LI31" s="350">
        <v>0</v>
      </c>
      <c r="LJ31" s="348">
        <v>0</v>
      </c>
      <c r="LK31" s="345">
        <v>0</v>
      </c>
      <c r="LL31" s="349">
        <v>0</v>
      </c>
      <c r="LM31" s="404">
        <v>0</v>
      </c>
      <c r="LN31" s="345">
        <v>0</v>
      </c>
      <c r="LO31" s="345">
        <v>0</v>
      </c>
      <c r="LP31" s="345">
        <v>0</v>
      </c>
      <c r="LQ31" s="345">
        <v>0</v>
      </c>
      <c r="LR31" s="345">
        <v>0</v>
      </c>
      <c r="LS31" s="349">
        <v>0</v>
      </c>
      <c r="LT31" s="347">
        <v>0</v>
      </c>
      <c r="LU31" s="348">
        <v>0</v>
      </c>
      <c r="LV31" s="345">
        <v>0</v>
      </c>
      <c r="LW31" s="349">
        <v>0</v>
      </c>
      <c r="LX31" s="404">
        <v>0</v>
      </c>
      <c r="LY31" s="345">
        <v>0</v>
      </c>
      <c r="LZ31" s="345">
        <v>0</v>
      </c>
      <c r="MA31" s="345">
        <v>0</v>
      </c>
      <c r="MB31" s="345">
        <v>0</v>
      </c>
      <c r="MC31" s="345">
        <v>0</v>
      </c>
      <c r="MD31" s="349">
        <v>0</v>
      </c>
      <c r="ME31" s="350">
        <v>0</v>
      </c>
      <c r="MF31" s="348">
        <v>0</v>
      </c>
      <c r="MG31" s="345">
        <v>0</v>
      </c>
      <c r="MH31" s="349">
        <v>0</v>
      </c>
      <c r="MI31" s="404">
        <v>0</v>
      </c>
      <c r="MJ31" s="345">
        <v>0</v>
      </c>
      <c r="MK31" s="345">
        <v>-152773</v>
      </c>
      <c r="ML31" s="345">
        <v>434758</v>
      </c>
      <c r="MM31" s="345">
        <v>669981</v>
      </c>
      <c r="MN31" s="345">
        <v>0</v>
      </c>
      <c r="MO31" s="349">
        <v>951966</v>
      </c>
      <c r="MP31" s="354">
        <v>951966</v>
      </c>
      <c r="MQ31" s="348">
        <v>0</v>
      </c>
      <c r="MR31" s="345">
        <v>0</v>
      </c>
      <c r="MS31" s="349">
        <v>0</v>
      </c>
      <c r="MT31" s="404">
        <v>0</v>
      </c>
      <c r="MU31" s="345">
        <v>0</v>
      </c>
      <c r="MV31" s="345">
        <v>0</v>
      </c>
      <c r="MW31" s="345">
        <v>434758</v>
      </c>
      <c r="MX31" s="345">
        <v>0</v>
      </c>
      <c r="MY31" s="345">
        <v>0</v>
      </c>
      <c r="MZ31" s="349">
        <v>434758</v>
      </c>
      <c r="NA31" s="354">
        <v>434758</v>
      </c>
      <c r="NB31" s="348">
        <v>0</v>
      </c>
      <c r="NC31" s="345">
        <v>0</v>
      </c>
      <c r="ND31" s="349">
        <v>0</v>
      </c>
      <c r="NE31" s="404">
        <v>0</v>
      </c>
      <c r="NF31" s="345">
        <v>0</v>
      </c>
      <c r="NG31" s="345">
        <v>-152773</v>
      </c>
      <c r="NH31" s="345">
        <v>0</v>
      </c>
      <c r="NI31" s="345">
        <v>669981</v>
      </c>
      <c r="NJ31" s="345">
        <v>0</v>
      </c>
      <c r="NK31" s="349">
        <v>517208</v>
      </c>
      <c r="NL31" s="347">
        <v>517208</v>
      </c>
      <c r="NM31" s="348">
        <v>0</v>
      </c>
      <c r="NN31" s="345">
        <v>0</v>
      </c>
      <c r="NO31" s="349">
        <v>0</v>
      </c>
      <c r="NP31" s="404">
        <v>0</v>
      </c>
      <c r="NQ31" s="345">
        <v>0</v>
      </c>
      <c r="NR31" s="345">
        <v>0</v>
      </c>
      <c r="NS31" s="345">
        <v>0</v>
      </c>
      <c r="NT31" s="345">
        <v>0</v>
      </c>
      <c r="NU31" s="345">
        <v>0</v>
      </c>
      <c r="NV31" s="349">
        <v>0</v>
      </c>
      <c r="NW31" s="350">
        <v>0</v>
      </c>
      <c r="NX31" s="348">
        <v>0</v>
      </c>
      <c r="NY31" s="345">
        <v>0</v>
      </c>
      <c r="NZ31" s="349">
        <v>0</v>
      </c>
      <c r="OA31" s="404">
        <v>0</v>
      </c>
      <c r="OB31" s="345">
        <v>0</v>
      </c>
      <c r="OC31" s="345">
        <v>0</v>
      </c>
      <c r="OD31" s="345">
        <v>0</v>
      </c>
      <c r="OE31" s="345">
        <v>0</v>
      </c>
      <c r="OF31" s="345">
        <v>0</v>
      </c>
      <c r="OG31" s="349">
        <v>0</v>
      </c>
      <c r="OH31" s="350">
        <v>0</v>
      </c>
      <c r="OI31" s="348">
        <v>53891</v>
      </c>
      <c r="OJ31" s="345">
        <v>109297</v>
      </c>
      <c r="OK31" s="346">
        <v>163188</v>
      </c>
      <c r="OL31" s="351">
        <v>0</v>
      </c>
      <c r="OM31" s="345">
        <v>2161819</v>
      </c>
      <c r="ON31" s="345">
        <v>1704515</v>
      </c>
      <c r="OO31" s="345">
        <v>1982765</v>
      </c>
      <c r="OP31" s="345">
        <v>1691710</v>
      </c>
      <c r="OQ31" s="345">
        <v>1110134</v>
      </c>
      <c r="OR31" s="349">
        <v>8650943</v>
      </c>
      <c r="OS31" s="354">
        <v>8814131</v>
      </c>
    </row>
    <row r="32" spans="2:409" s="70" customFormat="1" ht="21" customHeight="1" x14ac:dyDescent="0.2">
      <c r="B32" s="106" t="s">
        <v>27</v>
      </c>
      <c r="C32" s="326">
        <v>75814</v>
      </c>
      <c r="D32" s="327">
        <v>323206</v>
      </c>
      <c r="E32" s="328">
        <v>399020</v>
      </c>
      <c r="F32" s="329">
        <v>0</v>
      </c>
      <c r="G32" s="327">
        <v>793526</v>
      </c>
      <c r="H32" s="327">
        <v>1304720</v>
      </c>
      <c r="I32" s="327">
        <v>2153227</v>
      </c>
      <c r="J32" s="327">
        <v>1427173</v>
      </c>
      <c r="K32" s="327">
        <v>678364</v>
      </c>
      <c r="L32" s="367">
        <v>6357010</v>
      </c>
      <c r="M32" s="330">
        <v>6756030</v>
      </c>
      <c r="N32" s="326">
        <v>17534</v>
      </c>
      <c r="O32" s="327">
        <v>41727</v>
      </c>
      <c r="P32" s="328">
        <v>59261</v>
      </c>
      <c r="Q32" s="326">
        <v>0</v>
      </c>
      <c r="R32" s="327">
        <v>30878</v>
      </c>
      <c r="S32" s="327">
        <v>598196</v>
      </c>
      <c r="T32" s="327">
        <v>528216</v>
      </c>
      <c r="U32" s="327">
        <v>382438</v>
      </c>
      <c r="V32" s="327">
        <v>47768</v>
      </c>
      <c r="W32" s="328">
        <v>1587496</v>
      </c>
      <c r="X32" s="330">
        <v>1646757</v>
      </c>
      <c r="Y32" s="326">
        <v>0</v>
      </c>
      <c r="Z32" s="327">
        <v>0</v>
      </c>
      <c r="AA32" s="328">
        <v>0</v>
      </c>
      <c r="AB32" s="326">
        <v>0</v>
      </c>
      <c r="AC32" s="327">
        <v>1546</v>
      </c>
      <c r="AD32" s="327">
        <v>435571</v>
      </c>
      <c r="AE32" s="327">
        <v>326494</v>
      </c>
      <c r="AF32" s="327">
        <v>125375</v>
      </c>
      <c r="AG32" s="327">
        <v>0</v>
      </c>
      <c r="AH32" s="328">
        <v>888986</v>
      </c>
      <c r="AI32" s="330">
        <v>888986</v>
      </c>
      <c r="AJ32" s="326">
        <v>0</v>
      </c>
      <c r="AK32" s="327">
        <v>0</v>
      </c>
      <c r="AL32" s="328">
        <v>0</v>
      </c>
      <c r="AM32" s="326">
        <v>0</v>
      </c>
      <c r="AN32" s="327">
        <v>0</v>
      </c>
      <c r="AO32" s="327">
        <v>0</v>
      </c>
      <c r="AP32" s="327">
        <v>0</v>
      </c>
      <c r="AQ32" s="327">
        <v>40408</v>
      </c>
      <c r="AR32" s="327">
        <v>0</v>
      </c>
      <c r="AS32" s="328">
        <v>40408</v>
      </c>
      <c r="AT32" s="330">
        <v>40408</v>
      </c>
      <c r="AU32" s="326">
        <v>17534</v>
      </c>
      <c r="AV32" s="327">
        <v>41727</v>
      </c>
      <c r="AW32" s="328">
        <v>59261</v>
      </c>
      <c r="AX32" s="326">
        <v>0</v>
      </c>
      <c r="AY32" s="327">
        <v>18839</v>
      </c>
      <c r="AZ32" s="327">
        <v>109502</v>
      </c>
      <c r="BA32" s="327">
        <v>98129</v>
      </c>
      <c r="BB32" s="327">
        <v>182355</v>
      </c>
      <c r="BC32" s="327">
        <v>0</v>
      </c>
      <c r="BD32" s="328">
        <v>408825</v>
      </c>
      <c r="BE32" s="330">
        <v>468086</v>
      </c>
      <c r="BF32" s="326">
        <v>0</v>
      </c>
      <c r="BG32" s="327">
        <v>0</v>
      </c>
      <c r="BH32" s="331">
        <v>0</v>
      </c>
      <c r="BI32" s="332">
        <v>0</v>
      </c>
      <c r="BJ32" s="327">
        <v>0</v>
      </c>
      <c r="BK32" s="327">
        <v>0</v>
      </c>
      <c r="BL32" s="327">
        <v>0</v>
      </c>
      <c r="BM32" s="327">
        <v>0</v>
      </c>
      <c r="BN32" s="327">
        <v>0</v>
      </c>
      <c r="BO32" s="328">
        <v>0</v>
      </c>
      <c r="BP32" s="330">
        <v>0</v>
      </c>
      <c r="BQ32" s="326">
        <v>0</v>
      </c>
      <c r="BR32" s="327">
        <v>0</v>
      </c>
      <c r="BS32" s="328">
        <v>0</v>
      </c>
      <c r="BT32" s="326">
        <v>0</v>
      </c>
      <c r="BU32" s="327">
        <v>10493</v>
      </c>
      <c r="BV32" s="327">
        <v>53123</v>
      </c>
      <c r="BW32" s="327">
        <v>103593</v>
      </c>
      <c r="BX32" s="327">
        <v>34300</v>
      </c>
      <c r="BY32" s="327">
        <v>47768</v>
      </c>
      <c r="BZ32" s="328">
        <v>249277</v>
      </c>
      <c r="CA32" s="330">
        <v>249277</v>
      </c>
      <c r="CB32" s="326">
        <v>36580</v>
      </c>
      <c r="CC32" s="327">
        <v>34585</v>
      </c>
      <c r="CD32" s="328">
        <v>71165</v>
      </c>
      <c r="CE32" s="326">
        <v>0</v>
      </c>
      <c r="CF32" s="327">
        <v>331368</v>
      </c>
      <c r="CG32" s="327">
        <v>136079</v>
      </c>
      <c r="CH32" s="327">
        <v>238411</v>
      </c>
      <c r="CI32" s="327">
        <v>427562</v>
      </c>
      <c r="CJ32" s="327">
        <v>0</v>
      </c>
      <c r="CK32" s="328">
        <v>1133420</v>
      </c>
      <c r="CL32" s="330">
        <v>1204585</v>
      </c>
      <c r="CM32" s="326">
        <v>0</v>
      </c>
      <c r="CN32" s="327">
        <v>0</v>
      </c>
      <c r="CO32" s="328">
        <v>0</v>
      </c>
      <c r="CP32" s="332">
        <v>0</v>
      </c>
      <c r="CQ32" s="327">
        <v>235125</v>
      </c>
      <c r="CR32" s="327">
        <v>39999</v>
      </c>
      <c r="CS32" s="327">
        <v>163000</v>
      </c>
      <c r="CT32" s="327">
        <v>427562</v>
      </c>
      <c r="CU32" s="327">
        <v>0</v>
      </c>
      <c r="CV32" s="328">
        <v>865686</v>
      </c>
      <c r="CW32" s="330">
        <v>865686</v>
      </c>
      <c r="CX32" s="326">
        <v>36580</v>
      </c>
      <c r="CY32" s="327">
        <v>34585</v>
      </c>
      <c r="CZ32" s="328">
        <v>71165</v>
      </c>
      <c r="DA32" s="326">
        <v>0</v>
      </c>
      <c r="DB32" s="327">
        <v>96243</v>
      </c>
      <c r="DC32" s="327">
        <v>96080</v>
      </c>
      <c r="DD32" s="327">
        <v>75411</v>
      </c>
      <c r="DE32" s="327">
        <v>0</v>
      </c>
      <c r="DF32" s="327">
        <v>0</v>
      </c>
      <c r="DG32" s="328">
        <v>267734</v>
      </c>
      <c r="DH32" s="330">
        <v>338899</v>
      </c>
      <c r="DI32" s="326">
        <v>0</v>
      </c>
      <c r="DJ32" s="327">
        <v>0</v>
      </c>
      <c r="DK32" s="331">
        <v>0</v>
      </c>
      <c r="DL32" s="332">
        <v>0</v>
      </c>
      <c r="DM32" s="327">
        <v>122959</v>
      </c>
      <c r="DN32" s="327">
        <v>0</v>
      </c>
      <c r="DO32" s="327">
        <v>129210</v>
      </c>
      <c r="DP32" s="327">
        <v>128919</v>
      </c>
      <c r="DQ32" s="327">
        <v>0</v>
      </c>
      <c r="DR32" s="328">
        <v>381088</v>
      </c>
      <c r="DS32" s="330">
        <v>381088</v>
      </c>
      <c r="DT32" s="326">
        <v>0</v>
      </c>
      <c r="DU32" s="327">
        <v>0</v>
      </c>
      <c r="DV32" s="328">
        <v>0</v>
      </c>
      <c r="DW32" s="326">
        <v>0</v>
      </c>
      <c r="DX32" s="327">
        <v>94772</v>
      </c>
      <c r="DY32" s="327">
        <v>0</v>
      </c>
      <c r="DZ32" s="327">
        <v>120519</v>
      </c>
      <c r="EA32" s="327">
        <v>128919</v>
      </c>
      <c r="EB32" s="327">
        <v>0</v>
      </c>
      <c r="EC32" s="328">
        <v>344210</v>
      </c>
      <c r="ED32" s="330">
        <v>344210</v>
      </c>
      <c r="EE32" s="326">
        <v>0</v>
      </c>
      <c r="EF32" s="331">
        <v>0</v>
      </c>
      <c r="EG32" s="328">
        <v>0</v>
      </c>
      <c r="EH32" s="326">
        <v>0</v>
      </c>
      <c r="EI32" s="327">
        <v>28187</v>
      </c>
      <c r="EJ32" s="327">
        <v>0</v>
      </c>
      <c r="EK32" s="327">
        <v>8691</v>
      </c>
      <c r="EL32" s="327">
        <v>0</v>
      </c>
      <c r="EM32" s="327">
        <v>0</v>
      </c>
      <c r="EN32" s="331">
        <v>36878</v>
      </c>
      <c r="EO32" s="330">
        <v>36878</v>
      </c>
      <c r="EP32" s="326">
        <v>0</v>
      </c>
      <c r="EQ32" s="327">
        <v>0</v>
      </c>
      <c r="ER32" s="331">
        <v>0</v>
      </c>
      <c r="ES32" s="332">
        <v>0</v>
      </c>
      <c r="ET32" s="327">
        <v>0</v>
      </c>
      <c r="EU32" s="327">
        <v>0</v>
      </c>
      <c r="EV32" s="327">
        <v>0</v>
      </c>
      <c r="EW32" s="327">
        <v>0</v>
      </c>
      <c r="EX32" s="327">
        <v>0</v>
      </c>
      <c r="EY32" s="328">
        <v>0</v>
      </c>
      <c r="EZ32" s="330">
        <v>0</v>
      </c>
      <c r="FA32" s="326">
        <v>0</v>
      </c>
      <c r="FB32" s="327">
        <v>0</v>
      </c>
      <c r="FC32" s="331">
        <v>0</v>
      </c>
      <c r="FD32" s="404">
        <v>0</v>
      </c>
      <c r="FE32" s="327">
        <v>0</v>
      </c>
      <c r="FF32" s="327">
        <v>0</v>
      </c>
      <c r="FG32" s="327">
        <v>0</v>
      </c>
      <c r="FH32" s="327">
        <v>0</v>
      </c>
      <c r="FI32" s="327">
        <v>0</v>
      </c>
      <c r="FJ32" s="328">
        <v>0</v>
      </c>
      <c r="FK32" s="330">
        <v>0</v>
      </c>
      <c r="FL32" s="326">
        <v>21700</v>
      </c>
      <c r="FM32" s="327">
        <v>161280</v>
      </c>
      <c r="FN32" s="328">
        <v>182980</v>
      </c>
      <c r="FO32" s="326">
        <v>0</v>
      </c>
      <c r="FP32" s="327">
        <v>34125</v>
      </c>
      <c r="FQ32" s="327">
        <v>65016</v>
      </c>
      <c r="FR32" s="327">
        <v>125524</v>
      </c>
      <c r="FS32" s="327">
        <v>198870</v>
      </c>
      <c r="FT32" s="327">
        <v>0</v>
      </c>
      <c r="FU32" s="328">
        <v>423535</v>
      </c>
      <c r="FV32" s="330">
        <v>606515</v>
      </c>
      <c r="FW32" s="333">
        <v>11200</v>
      </c>
      <c r="FX32" s="327">
        <v>45150</v>
      </c>
      <c r="FY32" s="331">
        <v>56350</v>
      </c>
      <c r="FZ32" s="332">
        <v>0</v>
      </c>
      <c r="GA32" s="327">
        <v>34125</v>
      </c>
      <c r="GB32" s="327">
        <v>65016</v>
      </c>
      <c r="GC32" s="327">
        <v>125524</v>
      </c>
      <c r="GD32" s="327">
        <v>58870</v>
      </c>
      <c r="GE32" s="327">
        <v>0</v>
      </c>
      <c r="GF32" s="328">
        <v>283535</v>
      </c>
      <c r="GG32" s="334">
        <v>339885</v>
      </c>
      <c r="GH32" s="333">
        <v>0</v>
      </c>
      <c r="GI32" s="327">
        <v>0</v>
      </c>
      <c r="GJ32" s="331">
        <v>0</v>
      </c>
      <c r="GK32" s="332">
        <v>0</v>
      </c>
      <c r="GL32" s="327">
        <v>0</v>
      </c>
      <c r="GM32" s="327">
        <v>0</v>
      </c>
      <c r="GN32" s="327">
        <v>0</v>
      </c>
      <c r="GO32" s="327">
        <v>0</v>
      </c>
      <c r="GP32" s="327">
        <v>0</v>
      </c>
      <c r="GQ32" s="328">
        <v>0</v>
      </c>
      <c r="GR32" s="330">
        <v>0</v>
      </c>
      <c r="GS32" s="326">
        <v>10500</v>
      </c>
      <c r="GT32" s="327">
        <v>116130</v>
      </c>
      <c r="GU32" s="328">
        <v>126630</v>
      </c>
      <c r="GV32" s="326">
        <v>0</v>
      </c>
      <c r="GW32" s="327">
        <v>0</v>
      </c>
      <c r="GX32" s="327">
        <v>0</v>
      </c>
      <c r="GY32" s="327">
        <v>0</v>
      </c>
      <c r="GZ32" s="327">
        <v>140000</v>
      </c>
      <c r="HA32" s="327">
        <v>0</v>
      </c>
      <c r="HB32" s="331">
        <v>140000</v>
      </c>
      <c r="HC32" s="330">
        <v>266630</v>
      </c>
      <c r="HD32" s="326">
        <v>0</v>
      </c>
      <c r="HE32" s="327">
        <v>85614</v>
      </c>
      <c r="HF32" s="331">
        <v>85614</v>
      </c>
      <c r="HG32" s="332">
        <v>0</v>
      </c>
      <c r="HH32" s="327">
        <v>274196</v>
      </c>
      <c r="HI32" s="327">
        <v>505429</v>
      </c>
      <c r="HJ32" s="327">
        <v>1131866</v>
      </c>
      <c r="HK32" s="327">
        <v>289384</v>
      </c>
      <c r="HL32" s="327">
        <v>630596</v>
      </c>
      <c r="HM32" s="328">
        <v>2831471</v>
      </c>
      <c r="HN32" s="329">
        <v>2917085</v>
      </c>
      <c r="HO32" s="333">
        <v>0</v>
      </c>
      <c r="HP32" s="327">
        <v>0</v>
      </c>
      <c r="HQ32" s="328">
        <v>0</v>
      </c>
      <c r="HR32" s="326">
        <v>0</v>
      </c>
      <c r="HS32" s="327">
        <v>0</v>
      </c>
      <c r="HT32" s="327">
        <v>0</v>
      </c>
      <c r="HU32" s="327">
        <v>0</v>
      </c>
      <c r="HV32" s="327">
        <v>0</v>
      </c>
      <c r="HW32" s="327">
        <v>0</v>
      </c>
      <c r="HX32" s="331">
        <v>0</v>
      </c>
      <c r="HY32" s="330">
        <v>0</v>
      </c>
      <c r="HZ32" s="358">
        <v>0</v>
      </c>
      <c r="IA32" s="356">
        <v>0</v>
      </c>
      <c r="IB32" s="358">
        <v>0</v>
      </c>
      <c r="IC32" s="355">
        <v>0</v>
      </c>
      <c r="ID32" s="356">
        <v>345562</v>
      </c>
      <c r="IE32" s="357">
        <v>96079</v>
      </c>
      <c r="IF32" s="358">
        <v>206800</v>
      </c>
      <c r="IG32" s="356">
        <v>0</v>
      </c>
      <c r="IH32" s="358">
        <v>0</v>
      </c>
      <c r="II32" s="359">
        <v>648441</v>
      </c>
      <c r="IJ32" s="358">
        <v>648441</v>
      </c>
      <c r="IK32" s="342">
        <v>0</v>
      </c>
      <c r="IL32" s="343">
        <v>0</v>
      </c>
      <c r="IM32" s="344">
        <v>0</v>
      </c>
      <c r="IN32" s="404">
        <v>0</v>
      </c>
      <c r="IO32" s="345">
        <v>0</v>
      </c>
      <c r="IP32" s="345">
        <v>0</v>
      </c>
      <c r="IQ32" s="345">
        <v>0</v>
      </c>
      <c r="IR32" s="345">
        <v>0</v>
      </c>
      <c r="IS32" s="345">
        <v>0</v>
      </c>
      <c r="IT32" s="346">
        <v>0</v>
      </c>
      <c r="IU32" s="347">
        <v>0</v>
      </c>
      <c r="IV32" s="348">
        <v>0</v>
      </c>
      <c r="IW32" s="345">
        <v>0</v>
      </c>
      <c r="IX32" s="349">
        <v>0</v>
      </c>
      <c r="IY32" s="404">
        <v>0</v>
      </c>
      <c r="IZ32" s="345">
        <v>0</v>
      </c>
      <c r="JA32" s="345">
        <v>0</v>
      </c>
      <c r="JB32" s="345">
        <v>0</v>
      </c>
      <c r="JC32" s="345">
        <v>0</v>
      </c>
      <c r="JD32" s="345">
        <v>0</v>
      </c>
      <c r="JE32" s="349">
        <v>0</v>
      </c>
      <c r="JF32" s="350">
        <v>0</v>
      </c>
      <c r="JG32" s="348">
        <v>0</v>
      </c>
      <c r="JH32" s="345">
        <v>0</v>
      </c>
      <c r="JI32" s="346">
        <v>0</v>
      </c>
      <c r="JJ32" s="351">
        <v>0</v>
      </c>
      <c r="JK32" s="345">
        <v>109544</v>
      </c>
      <c r="JL32" s="345">
        <v>46381</v>
      </c>
      <c r="JM32" s="345">
        <v>15700</v>
      </c>
      <c r="JN32" s="345">
        <v>0</v>
      </c>
      <c r="JO32" s="345">
        <v>0</v>
      </c>
      <c r="JP32" s="349">
        <v>171625</v>
      </c>
      <c r="JQ32" s="347">
        <v>171625</v>
      </c>
      <c r="JR32" s="348">
        <v>0</v>
      </c>
      <c r="JS32" s="345">
        <v>0</v>
      </c>
      <c r="JT32" s="346">
        <v>0</v>
      </c>
      <c r="JU32" s="351">
        <v>0</v>
      </c>
      <c r="JV32" s="345">
        <v>126578</v>
      </c>
      <c r="JW32" s="345">
        <v>49698</v>
      </c>
      <c r="JX32" s="345">
        <v>0</v>
      </c>
      <c r="JY32" s="345">
        <v>0</v>
      </c>
      <c r="JZ32" s="345">
        <v>0</v>
      </c>
      <c r="KA32" s="349">
        <v>176276</v>
      </c>
      <c r="KB32" s="347">
        <v>176276</v>
      </c>
      <c r="KC32" s="352">
        <v>0</v>
      </c>
      <c r="KD32" s="353">
        <v>0</v>
      </c>
      <c r="KE32" s="349">
        <v>0</v>
      </c>
      <c r="KF32" s="351">
        <v>0</v>
      </c>
      <c r="KG32" s="345">
        <v>0</v>
      </c>
      <c r="KH32" s="345">
        <v>0</v>
      </c>
      <c r="KI32" s="345">
        <v>0</v>
      </c>
      <c r="KJ32" s="345">
        <v>0</v>
      </c>
      <c r="KK32" s="345">
        <v>0</v>
      </c>
      <c r="KL32" s="349">
        <v>0</v>
      </c>
      <c r="KM32" s="354">
        <v>0</v>
      </c>
      <c r="KN32" s="342">
        <v>0</v>
      </c>
      <c r="KO32" s="343">
        <v>0</v>
      </c>
      <c r="KP32" s="344">
        <v>0</v>
      </c>
      <c r="KQ32" s="404">
        <v>0</v>
      </c>
      <c r="KR32" s="345">
        <v>0</v>
      </c>
      <c r="KS32" s="345">
        <v>0</v>
      </c>
      <c r="KT32" s="345">
        <v>0</v>
      </c>
      <c r="KU32" s="345">
        <v>0</v>
      </c>
      <c r="KV32" s="345">
        <v>0</v>
      </c>
      <c r="KW32" s="349">
        <v>0</v>
      </c>
      <c r="KX32" s="347">
        <v>0</v>
      </c>
      <c r="KY32" s="348">
        <v>0</v>
      </c>
      <c r="KZ32" s="345">
        <v>0</v>
      </c>
      <c r="LA32" s="349">
        <v>0</v>
      </c>
      <c r="LB32" s="404">
        <v>0</v>
      </c>
      <c r="LC32" s="345">
        <v>0</v>
      </c>
      <c r="LD32" s="345">
        <v>0</v>
      </c>
      <c r="LE32" s="345">
        <v>0</v>
      </c>
      <c r="LF32" s="345">
        <v>0</v>
      </c>
      <c r="LG32" s="345">
        <v>0</v>
      </c>
      <c r="LH32" s="349">
        <v>0</v>
      </c>
      <c r="LI32" s="350">
        <v>0</v>
      </c>
      <c r="LJ32" s="348">
        <v>0</v>
      </c>
      <c r="LK32" s="345">
        <v>0</v>
      </c>
      <c r="LL32" s="349">
        <v>0</v>
      </c>
      <c r="LM32" s="404">
        <v>0</v>
      </c>
      <c r="LN32" s="345">
        <v>0</v>
      </c>
      <c r="LO32" s="345">
        <v>0</v>
      </c>
      <c r="LP32" s="345">
        <v>0</v>
      </c>
      <c r="LQ32" s="345">
        <v>0</v>
      </c>
      <c r="LR32" s="345">
        <v>0</v>
      </c>
      <c r="LS32" s="349">
        <v>0</v>
      </c>
      <c r="LT32" s="347">
        <v>0</v>
      </c>
      <c r="LU32" s="348">
        <v>0</v>
      </c>
      <c r="LV32" s="345">
        <v>0</v>
      </c>
      <c r="LW32" s="349">
        <v>0</v>
      </c>
      <c r="LX32" s="404">
        <v>0</v>
      </c>
      <c r="LY32" s="345">
        <v>109440</v>
      </c>
      <c r="LZ32" s="345">
        <v>0</v>
      </c>
      <c r="MA32" s="345">
        <v>191100</v>
      </c>
      <c r="MB32" s="345">
        <v>0</v>
      </c>
      <c r="MC32" s="345">
        <v>0</v>
      </c>
      <c r="MD32" s="349">
        <v>300540</v>
      </c>
      <c r="ME32" s="350">
        <v>300540</v>
      </c>
      <c r="MF32" s="348">
        <v>0</v>
      </c>
      <c r="MG32" s="345">
        <v>0</v>
      </c>
      <c r="MH32" s="349">
        <v>0</v>
      </c>
      <c r="MI32" s="404">
        <v>0</v>
      </c>
      <c r="MJ32" s="345">
        <v>191953</v>
      </c>
      <c r="MK32" s="345">
        <v>0</v>
      </c>
      <c r="ML32" s="345">
        <v>237538</v>
      </c>
      <c r="MM32" s="345">
        <v>227934</v>
      </c>
      <c r="MN32" s="345">
        <v>1225922</v>
      </c>
      <c r="MO32" s="349">
        <v>1883347</v>
      </c>
      <c r="MP32" s="354">
        <v>1883347</v>
      </c>
      <c r="MQ32" s="348">
        <v>0</v>
      </c>
      <c r="MR32" s="345">
        <v>0</v>
      </c>
      <c r="MS32" s="349">
        <v>0</v>
      </c>
      <c r="MT32" s="404">
        <v>0</v>
      </c>
      <c r="MU32" s="345">
        <v>0</v>
      </c>
      <c r="MV32" s="345">
        <v>0</v>
      </c>
      <c r="MW32" s="345">
        <v>0</v>
      </c>
      <c r="MX32" s="345">
        <v>227934</v>
      </c>
      <c r="MY32" s="345">
        <v>251024</v>
      </c>
      <c r="MZ32" s="349">
        <v>478958</v>
      </c>
      <c r="NA32" s="354">
        <v>478958</v>
      </c>
      <c r="NB32" s="348">
        <v>0</v>
      </c>
      <c r="NC32" s="345">
        <v>0</v>
      </c>
      <c r="ND32" s="349">
        <v>0</v>
      </c>
      <c r="NE32" s="404">
        <v>0</v>
      </c>
      <c r="NF32" s="345">
        <v>191953</v>
      </c>
      <c r="NG32" s="345">
        <v>0</v>
      </c>
      <c r="NH32" s="345">
        <v>237538</v>
      </c>
      <c r="NI32" s="345">
        <v>0</v>
      </c>
      <c r="NJ32" s="345">
        <v>252462</v>
      </c>
      <c r="NK32" s="349">
        <v>681953</v>
      </c>
      <c r="NL32" s="347">
        <v>681953</v>
      </c>
      <c r="NM32" s="348">
        <v>0</v>
      </c>
      <c r="NN32" s="345">
        <v>0</v>
      </c>
      <c r="NO32" s="349">
        <v>0</v>
      </c>
      <c r="NP32" s="404">
        <v>0</v>
      </c>
      <c r="NQ32" s="345">
        <v>0</v>
      </c>
      <c r="NR32" s="345">
        <v>0</v>
      </c>
      <c r="NS32" s="345">
        <v>0</v>
      </c>
      <c r="NT32" s="345">
        <v>0</v>
      </c>
      <c r="NU32" s="345">
        <v>0</v>
      </c>
      <c r="NV32" s="349">
        <v>0</v>
      </c>
      <c r="NW32" s="350">
        <v>0</v>
      </c>
      <c r="NX32" s="348">
        <v>0</v>
      </c>
      <c r="NY32" s="345">
        <v>0</v>
      </c>
      <c r="NZ32" s="349">
        <v>0</v>
      </c>
      <c r="OA32" s="404">
        <v>0</v>
      </c>
      <c r="OB32" s="345">
        <v>0</v>
      </c>
      <c r="OC32" s="345">
        <v>0</v>
      </c>
      <c r="OD32" s="345">
        <v>0</v>
      </c>
      <c r="OE32" s="345">
        <v>0</v>
      </c>
      <c r="OF32" s="345">
        <v>722436</v>
      </c>
      <c r="OG32" s="349">
        <v>722436</v>
      </c>
      <c r="OH32" s="350">
        <v>722436</v>
      </c>
      <c r="OI32" s="348">
        <v>75814</v>
      </c>
      <c r="OJ32" s="345">
        <v>323206</v>
      </c>
      <c r="OK32" s="346">
        <v>399020</v>
      </c>
      <c r="OL32" s="351">
        <v>0</v>
      </c>
      <c r="OM32" s="345">
        <v>1331041</v>
      </c>
      <c r="ON32" s="345">
        <v>1400799</v>
      </c>
      <c r="OO32" s="345">
        <v>2597565</v>
      </c>
      <c r="OP32" s="345">
        <v>1655107</v>
      </c>
      <c r="OQ32" s="345">
        <v>1904286</v>
      </c>
      <c r="OR32" s="349">
        <v>8888798</v>
      </c>
      <c r="OS32" s="354">
        <v>9287818</v>
      </c>
    </row>
    <row r="33" spans="2:409" s="70" customFormat="1" ht="21" customHeight="1" x14ac:dyDescent="0.2">
      <c r="B33" s="106" t="s">
        <v>28</v>
      </c>
      <c r="C33" s="326">
        <v>0</v>
      </c>
      <c r="D33" s="327">
        <v>20930</v>
      </c>
      <c r="E33" s="328">
        <v>20930</v>
      </c>
      <c r="F33" s="329">
        <v>0</v>
      </c>
      <c r="G33" s="327">
        <v>71868</v>
      </c>
      <c r="H33" s="327">
        <v>196586</v>
      </c>
      <c r="I33" s="327">
        <v>404640</v>
      </c>
      <c r="J33" s="327">
        <v>125836</v>
      </c>
      <c r="K33" s="327">
        <v>303909</v>
      </c>
      <c r="L33" s="367">
        <v>1102839</v>
      </c>
      <c r="M33" s="330">
        <v>1123769</v>
      </c>
      <c r="N33" s="326">
        <v>0</v>
      </c>
      <c r="O33" s="327">
        <v>13230</v>
      </c>
      <c r="P33" s="328">
        <v>13230</v>
      </c>
      <c r="Q33" s="326">
        <v>0</v>
      </c>
      <c r="R33" s="327">
        <v>41826</v>
      </c>
      <c r="S33" s="327">
        <v>111207</v>
      </c>
      <c r="T33" s="327">
        <v>23788</v>
      </c>
      <c r="U33" s="327">
        <v>104486</v>
      </c>
      <c r="V33" s="327">
        <v>24402</v>
      </c>
      <c r="W33" s="328">
        <v>305709</v>
      </c>
      <c r="X33" s="330">
        <v>318939</v>
      </c>
      <c r="Y33" s="326">
        <v>0</v>
      </c>
      <c r="Z33" s="327">
        <v>0</v>
      </c>
      <c r="AA33" s="328">
        <v>0</v>
      </c>
      <c r="AB33" s="326">
        <v>0</v>
      </c>
      <c r="AC33" s="327">
        <v>30948</v>
      </c>
      <c r="AD33" s="327">
        <v>46251</v>
      </c>
      <c r="AE33" s="327">
        <v>0</v>
      </c>
      <c r="AF33" s="327">
        <v>93048</v>
      </c>
      <c r="AG33" s="327">
        <v>0</v>
      </c>
      <c r="AH33" s="328">
        <v>170247</v>
      </c>
      <c r="AI33" s="330">
        <v>170247</v>
      </c>
      <c r="AJ33" s="326">
        <v>0</v>
      </c>
      <c r="AK33" s="327">
        <v>0</v>
      </c>
      <c r="AL33" s="328">
        <v>0</v>
      </c>
      <c r="AM33" s="326">
        <v>0</v>
      </c>
      <c r="AN33" s="327">
        <v>0</v>
      </c>
      <c r="AO33" s="327">
        <v>0</v>
      </c>
      <c r="AP33" s="327">
        <v>0</v>
      </c>
      <c r="AQ33" s="327">
        <v>0</v>
      </c>
      <c r="AR33" s="327">
        <v>0</v>
      </c>
      <c r="AS33" s="328">
        <v>0</v>
      </c>
      <c r="AT33" s="330">
        <v>0</v>
      </c>
      <c r="AU33" s="326">
        <v>0</v>
      </c>
      <c r="AV33" s="327">
        <v>13230</v>
      </c>
      <c r="AW33" s="328">
        <v>13230</v>
      </c>
      <c r="AX33" s="326">
        <v>0</v>
      </c>
      <c r="AY33" s="327">
        <v>0</v>
      </c>
      <c r="AZ33" s="327">
        <v>49766</v>
      </c>
      <c r="BA33" s="327">
        <v>15360</v>
      </c>
      <c r="BB33" s="327">
        <v>0</v>
      </c>
      <c r="BC33" s="327">
        <v>0</v>
      </c>
      <c r="BD33" s="328">
        <v>65126</v>
      </c>
      <c r="BE33" s="330">
        <v>78356</v>
      </c>
      <c r="BF33" s="326">
        <v>0</v>
      </c>
      <c r="BG33" s="327">
        <v>0</v>
      </c>
      <c r="BH33" s="331">
        <v>0</v>
      </c>
      <c r="BI33" s="332">
        <v>0</v>
      </c>
      <c r="BJ33" s="327">
        <v>0</v>
      </c>
      <c r="BK33" s="327">
        <v>0</v>
      </c>
      <c r="BL33" s="327">
        <v>0</v>
      </c>
      <c r="BM33" s="327">
        <v>0</v>
      </c>
      <c r="BN33" s="327">
        <v>0</v>
      </c>
      <c r="BO33" s="328">
        <v>0</v>
      </c>
      <c r="BP33" s="330">
        <v>0</v>
      </c>
      <c r="BQ33" s="326">
        <v>0</v>
      </c>
      <c r="BR33" s="327">
        <v>0</v>
      </c>
      <c r="BS33" s="328">
        <v>0</v>
      </c>
      <c r="BT33" s="326">
        <v>0</v>
      </c>
      <c r="BU33" s="327">
        <v>10878</v>
      </c>
      <c r="BV33" s="327">
        <v>15190</v>
      </c>
      <c r="BW33" s="327">
        <v>8428</v>
      </c>
      <c r="BX33" s="327">
        <v>11438</v>
      </c>
      <c r="BY33" s="327">
        <v>24402</v>
      </c>
      <c r="BZ33" s="328">
        <v>70336</v>
      </c>
      <c r="CA33" s="330">
        <v>70336</v>
      </c>
      <c r="CB33" s="326">
        <v>0</v>
      </c>
      <c r="CC33" s="327">
        <v>0</v>
      </c>
      <c r="CD33" s="328">
        <v>0</v>
      </c>
      <c r="CE33" s="326">
        <v>0</v>
      </c>
      <c r="CF33" s="327">
        <v>0</v>
      </c>
      <c r="CG33" s="327">
        <v>32781</v>
      </c>
      <c r="CH33" s="327">
        <v>191206</v>
      </c>
      <c r="CI33" s="327">
        <v>0</v>
      </c>
      <c r="CJ33" s="327">
        <v>0</v>
      </c>
      <c r="CK33" s="328">
        <v>223987</v>
      </c>
      <c r="CL33" s="330">
        <v>223987</v>
      </c>
      <c r="CM33" s="326">
        <v>0</v>
      </c>
      <c r="CN33" s="327">
        <v>0</v>
      </c>
      <c r="CO33" s="328">
        <v>0</v>
      </c>
      <c r="CP33" s="332">
        <v>0</v>
      </c>
      <c r="CQ33" s="327">
        <v>0</v>
      </c>
      <c r="CR33" s="327">
        <v>32781</v>
      </c>
      <c r="CS33" s="327">
        <v>126366</v>
      </c>
      <c r="CT33" s="327">
        <v>0</v>
      </c>
      <c r="CU33" s="327">
        <v>0</v>
      </c>
      <c r="CV33" s="328">
        <v>159147</v>
      </c>
      <c r="CW33" s="330">
        <v>159147</v>
      </c>
      <c r="CX33" s="326">
        <v>0</v>
      </c>
      <c r="CY33" s="327">
        <v>0</v>
      </c>
      <c r="CZ33" s="328">
        <v>0</v>
      </c>
      <c r="DA33" s="326">
        <v>0</v>
      </c>
      <c r="DB33" s="327">
        <v>0</v>
      </c>
      <c r="DC33" s="327">
        <v>0</v>
      </c>
      <c r="DD33" s="327">
        <v>64840</v>
      </c>
      <c r="DE33" s="327">
        <v>0</v>
      </c>
      <c r="DF33" s="327">
        <v>0</v>
      </c>
      <c r="DG33" s="328">
        <v>64840</v>
      </c>
      <c r="DH33" s="330">
        <v>64840</v>
      </c>
      <c r="DI33" s="326">
        <v>0</v>
      </c>
      <c r="DJ33" s="327">
        <v>0</v>
      </c>
      <c r="DK33" s="331">
        <v>0</v>
      </c>
      <c r="DL33" s="332">
        <v>0</v>
      </c>
      <c r="DM33" s="327">
        <v>30042</v>
      </c>
      <c r="DN33" s="327">
        <v>0</v>
      </c>
      <c r="DO33" s="327">
        <v>0</v>
      </c>
      <c r="DP33" s="327">
        <v>0</v>
      </c>
      <c r="DQ33" s="327">
        <v>0</v>
      </c>
      <c r="DR33" s="328">
        <v>30042</v>
      </c>
      <c r="DS33" s="330">
        <v>30042</v>
      </c>
      <c r="DT33" s="326">
        <v>0</v>
      </c>
      <c r="DU33" s="327">
        <v>0</v>
      </c>
      <c r="DV33" s="328">
        <v>0</v>
      </c>
      <c r="DW33" s="326">
        <v>0</v>
      </c>
      <c r="DX33" s="327">
        <v>0</v>
      </c>
      <c r="DY33" s="327">
        <v>0</v>
      </c>
      <c r="DZ33" s="327">
        <v>0</v>
      </c>
      <c r="EA33" s="327">
        <v>0</v>
      </c>
      <c r="EB33" s="327">
        <v>0</v>
      </c>
      <c r="EC33" s="328">
        <v>0</v>
      </c>
      <c r="ED33" s="330">
        <v>0</v>
      </c>
      <c r="EE33" s="326">
        <v>0</v>
      </c>
      <c r="EF33" s="331">
        <v>0</v>
      </c>
      <c r="EG33" s="328">
        <v>0</v>
      </c>
      <c r="EH33" s="326">
        <v>0</v>
      </c>
      <c r="EI33" s="327">
        <v>30042</v>
      </c>
      <c r="EJ33" s="327">
        <v>0</v>
      </c>
      <c r="EK33" s="327">
        <v>0</v>
      </c>
      <c r="EL33" s="327">
        <v>0</v>
      </c>
      <c r="EM33" s="327">
        <v>0</v>
      </c>
      <c r="EN33" s="331">
        <v>30042</v>
      </c>
      <c r="EO33" s="330">
        <v>30042</v>
      </c>
      <c r="EP33" s="326">
        <v>0</v>
      </c>
      <c r="EQ33" s="327">
        <v>0</v>
      </c>
      <c r="ER33" s="331">
        <v>0</v>
      </c>
      <c r="ES33" s="332">
        <v>0</v>
      </c>
      <c r="ET33" s="327">
        <v>0</v>
      </c>
      <c r="EU33" s="327">
        <v>0</v>
      </c>
      <c r="EV33" s="327">
        <v>0</v>
      </c>
      <c r="EW33" s="327">
        <v>0</v>
      </c>
      <c r="EX33" s="327">
        <v>0</v>
      </c>
      <c r="EY33" s="328">
        <v>0</v>
      </c>
      <c r="EZ33" s="330">
        <v>0</v>
      </c>
      <c r="FA33" s="326">
        <v>0</v>
      </c>
      <c r="FB33" s="327">
        <v>0</v>
      </c>
      <c r="FC33" s="331">
        <v>0</v>
      </c>
      <c r="FD33" s="404">
        <v>0</v>
      </c>
      <c r="FE33" s="327">
        <v>0</v>
      </c>
      <c r="FF33" s="327">
        <v>0</v>
      </c>
      <c r="FG33" s="327">
        <v>0</v>
      </c>
      <c r="FH33" s="327">
        <v>0</v>
      </c>
      <c r="FI33" s="327">
        <v>0</v>
      </c>
      <c r="FJ33" s="328">
        <v>0</v>
      </c>
      <c r="FK33" s="330">
        <v>0</v>
      </c>
      <c r="FL33" s="326">
        <v>0</v>
      </c>
      <c r="FM33" s="327">
        <v>7700</v>
      </c>
      <c r="FN33" s="328">
        <v>7700</v>
      </c>
      <c r="FO33" s="326">
        <v>0</v>
      </c>
      <c r="FP33" s="327">
        <v>0</v>
      </c>
      <c r="FQ33" s="327">
        <v>52598</v>
      </c>
      <c r="FR33" s="327">
        <v>15680</v>
      </c>
      <c r="FS33" s="327">
        <v>21350</v>
      </c>
      <c r="FT33" s="327">
        <v>0</v>
      </c>
      <c r="FU33" s="328">
        <v>89628</v>
      </c>
      <c r="FV33" s="330">
        <v>97328</v>
      </c>
      <c r="FW33" s="333">
        <v>0</v>
      </c>
      <c r="FX33" s="327">
        <v>7700</v>
      </c>
      <c r="FY33" s="331">
        <v>7700</v>
      </c>
      <c r="FZ33" s="332">
        <v>0</v>
      </c>
      <c r="GA33" s="327">
        <v>0</v>
      </c>
      <c r="GB33" s="327">
        <v>52598</v>
      </c>
      <c r="GC33" s="327">
        <v>15680</v>
      </c>
      <c r="GD33" s="327">
        <v>21350</v>
      </c>
      <c r="GE33" s="327">
        <v>0</v>
      </c>
      <c r="GF33" s="328">
        <v>89628</v>
      </c>
      <c r="GG33" s="334">
        <v>97328</v>
      </c>
      <c r="GH33" s="333">
        <v>0</v>
      </c>
      <c r="GI33" s="327">
        <v>0</v>
      </c>
      <c r="GJ33" s="331">
        <v>0</v>
      </c>
      <c r="GK33" s="332">
        <v>0</v>
      </c>
      <c r="GL33" s="327">
        <v>0</v>
      </c>
      <c r="GM33" s="327">
        <v>0</v>
      </c>
      <c r="GN33" s="327">
        <v>0</v>
      </c>
      <c r="GO33" s="327">
        <v>0</v>
      </c>
      <c r="GP33" s="327">
        <v>0</v>
      </c>
      <c r="GQ33" s="328">
        <v>0</v>
      </c>
      <c r="GR33" s="330">
        <v>0</v>
      </c>
      <c r="GS33" s="326">
        <v>0</v>
      </c>
      <c r="GT33" s="327">
        <v>0</v>
      </c>
      <c r="GU33" s="328">
        <v>0</v>
      </c>
      <c r="GV33" s="326">
        <v>0</v>
      </c>
      <c r="GW33" s="327">
        <v>0</v>
      </c>
      <c r="GX33" s="327">
        <v>0</v>
      </c>
      <c r="GY33" s="327">
        <v>0</v>
      </c>
      <c r="GZ33" s="327">
        <v>0</v>
      </c>
      <c r="HA33" s="327">
        <v>0</v>
      </c>
      <c r="HB33" s="331">
        <v>0</v>
      </c>
      <c r="HC33" s="330">
        <v>0</v>
      </c>
      <c r="HD33" s="326">
        <v>0</v>
      </c>
      <c r="HE33" s="327">
        <v>0</v>
      </c>
      <c r="HF33" s="331">
        <v>0</v>
      </c>
      <c r="HG33" s="332">
        <v>0</v>
      </c>
      <c r="HH33" s="327">
        <v>0</v>
      </c>
      <c r="HI33" s="327">
        <v>0</v>
      </c>
      <c r="HJ33" s="327">
        <v>173966</v>
      </c>
      <c r="HK33" s="327">
        <v>0</v>
      </c>
      <c r="HL33" s="327">
        <v>279507</v>
      </c>
      <c r="HM33" s="328">
        <v>453473</v>
      </c>
      <c r="HN33" s="329">
        <v>453473</v>
      </c>
      <c r="HO33" s="333">
        <v>0</v>
      </c>
      <c r="HP33" s="327">
        <v>0</v>
      </c>
      <c r="HQ33" s="328">
        <v>0</v>
      </c>
      <c r="HR33" s="326">
        <v>0</v>
      </c>
      <c r="HS33" s="327">
        <v>0</v>
      </c>
      <c r="HT33" s="327">
        <v>0</v>
      </c>
      <c r="HU33" s="327">
        <v>0</v>
      </c>
      <c r="HV33" s="327">
        <v>0</v>
      </c>
      <c r="HW33" s="327">
        <v>0</v>
      </c>
      <c r="HX33" s="331">
        <v>0</v>
      </c>
      <c r="HY33" s="330">
        <v>0</v>
      </c>
      <c r="HZ33" s="335">
        <v>0</v>
      </c>
      <c r="IA33" s="336">
        <v>0</v>
      </c>
      <c r="IB33" s="337">
        <v>0</v>
      </c>
      <c r="IC33" s="338">
        <v>0</v>
      </c>
      <c r="ID33" s="336">
        <v>133207</v>
      </c>
      <c r="IE33" s="339">
        <v>246660</v>
      </c>
      <c r="IF33" s="337">
        <v>0</v>
      </c>
      <c r="IG33" s="336">
        <v>0</v>
      </c>
      <c r="IH33" s="337">
        <v>0</v>
      </c>
      <c r="II33" s="340">
        <v>379867</v>
      </c>
      <c r="IJ33" s="341">
        <v>379867</v>
      </c>
      <c r="IK33" s="342">
        <v>0</v>
      </c>
      <c r="IL33" s="343">
        <v>0</v>
      </c>
      <c r="IM33" s="344">
        <v>0</v>
      </c>
      <c r="IN33" s="404">
        <v>0</v>
      </c>
      <c r="IO33" s="345">
        <v>0</v>
      </c>
      <c r="IP33" s="345">
        <v>0</v>
      </c>
      <c r="IQ33" s="345">
        <v>0</v>
      </c>
      <c r="IR33" s="345">
        <v>0</v>
      </c>
      <c r="IS33" s="345">
        <v>0</v>
      </c>
      <c r="IT33" s="346">
        <v>0</v>
      </c>
      <c r="IU33" s="347">
        <v>0</v>
      </c>
      <c r="IV33" s="348">
        <v>0</v>
      </c>
      <c r="IW33" s="345">
        <v>0</v>
      </c>
      <c r="IX33" s="349">
        <v>0</v>
      </c>
      <c r="IY33" s="404">
        <v>0</v>
      </c>
      <c r="IZ33" s="345">
        <v>0</v>
      </c>
      <c r="JA33" s="345">
        <v>0</v>
      </c>
      <c r="JB33" s="345">
        <v>0</v>
      </c>
      <c r="JC33" s="345">
        <v>0</v>
      </c>
      <c r="JD33" s="345">
        <v>0</v>
      </c>
      <c r="JE33" s="349">
        <v>0</v>
      </c>
      <c r="JF33" s="350">
        <v>0</v>
      </c>
      <c r="JG33" s="348">
        <v>0</v>
      </c>
      <c r="JH33" s="345">
        <v>0</v>
      </c>
      <c r="JI33" s="346">
        <v>0</v>
      </c>
      <c r="JJ33" s="351">
        <v>0</v>
      </c>
      <c r="JK33" s="345">
        <v>133207</v>
      </c>
      <c r="JL33" s="345">
        <v>22788</v>
      </c>
      <c r="JM33" s="345">
        <v>0</v>
      </c>
      <c r="JN33" s="345">
        <v>0</v>
      </c>
      <c r="JO33" s="345">
        <v>0</v>
      </c>
      <c r="JP33" s="349">
        <v>155995</v>
      </c>
      <c r="JQ33" s="347">
        <v>155995</v>
      </c>
      <c r="JR33" s="348">
        <v>0</v>
      </c>
      <c r="JS33" s="345">
        <v>0</v>
      </c>
      <c r="JT33" s="346">
        <v>0</v>
      </c>
      <c r="JU33" s="351">
        <v>0</v>
      </c>
      <c r="JV33" s="345">
        <v>0</v>
      </c>
      <c r="JW33" s="345">
        <v>0</v>
      </c>
      <c r="JX33" s="345">
        <v>0</v>
      </c>
      <c r="JY33" s="345">
        <v>0</v>
      </c>
      <c r="JZ33" s="345">
        <v>0</v>
      </c>
      <c r="KA33" s="349">
        <v>0</v>
      </c>
      <c r="KB33" s="347">
        <v>0</v>
      </c>
      <c r="KC33" s="352">
        <v>0</v>
      </c>
      <c r="KD33" s="353">
        <v>0</v>
      </c>
      <c r="KE33" s="349">
        <v>0</v>
      </c>
      <c r="KF33" s="351">
        <v>0</v>
      </c>
      <c r="KG33" s="345">
        <v>0</v>
      </c>
      <c r="KH33" s="345">
        <v>0</v>
      </c>
      <c r="KI33" s="345">
        <v>0</v>
      </c>
      <c r="KJ33" s="345">
        <v>0</v>
      </c>
      <c r="KK33" s="345">
        <v>0</v>
      </c>
      <c r="KL33" s="349">
        <v>0</v>
      </c>
      <c r="KM33" s="354">
        <v>0</v>
      </c>
      <c r="KN33" s="342">
        <v>0</v>
      </c>
      <c r="KO33" s="343">
        <v>0</v>
      </c>
      <c r="KP33" s="344">
        <v>0</v>
      </c>
      <c r="KQ33" s="404">
        <v>0</v>
      </c>
      <c r="KR33" s="345">
        <v>0</v>
      </c>
      <c r="KS33" s="345">
        <v>223872</v>
      </c>
      <c r="KT33" s="345">
        <v>0</v>
      </c>
      <c r="KU33" s="345">
        <v>0</v>
      </c>
      <c r="KV33" s="345">
        <v>0</v>
      </c>
      <c r="KW33" s="349">
        <v>223872</v>
      </c>
      <c r="KX33" s="347">
        <v>223872</v>
      </c>
      <c r="KY33" s="348">
        <v>0</v>
      </c>
      <c r="KZ33" s="345">
        <v>0</v>
      </c>
      <c r="LA33" s="349">
        <v>0</v>
      </c>
      <c r="LB33" s="404">
        <v>0</v>
      </c>
      <c r="LC33" s="345">
        <v>0</v>
      </c>
      <c r="LD33" s="345">
        <v>0</v>
      </c>
      <c r="LE33" s="345">
        <v>0</v>
      </c>
      <c r="LF33" s="345">
        <v>0</v>
      </c>
      <c r="LG33" s="345">
        <v>0</v>
      </c>
      <c r="LH33" s="349">
        <v>0</v>
      </c>
      <c r="LI33" s="350">
        <v>0</v>
      </c>
      <c r="LJ33" s="348">
        <v>0</v>
      </c>
      <c r="LK33" s="345">
        <v>0</v>
      </c>
      <c r="LL33" s="349">
        <v>0</v>
      </c>
      <c r="LM33" s="404">
        <v>0</v>
      </c>
      <c r="LN33" s="345">
        <v>0</v>
      </c>
      <c r="LO33" s="345">
        <v>0</v>
      </c>
      <c r="LP33" s="345">
        <v>0</v>
      </c>
      <c r="LQ33" s="345">
        <v>0</v>
      </c>
      <c r="LR33" s="345">
        <v>0</v>
      </c>
      <c r="LS33" s="349">
        <v>0</v>
      </c>
      <c r="LT33" s="347">
        <v>0</v>
      </c>
      <c r="LU33" s="348">
        <v>0</v>
      </c>
      <c r="LV33" s="345">
        <v>0</v>
      </c>
      <c r="LW33" s="349">
        <v>0</v>
      </c>
      <c r="LX33" s="404">
        <v>0</v>
      </c>
      <c r="LY33" s="345">
        <v>0</v>
      </c>
      <c r="LZ33" s="345">
        <v>0</v>
      </c>
      <c r="MA33" s="345">
        <v>0</v>
      </c>
      <c r="MB33" s="345">
        <v>0</v>
      </c>
      <c r="MC33" s="345">
        <v>0</v>
      </c>
      <c r="MD33" s="349">
        <v>0</v>
      </c>
      <c r="ME33" s="350">
        <v>0</v>
      </c>
      <c r="MF33" s="348">
        <v>0</v>
      </c>
      <c r="MG33" s="345">
        <v>0</v>
      </c>
      <c r="MH33" s="349">
        <v>0</v>
      </c>
      <c r="MI33" s="404">
        <v>0</v>
      </c>
      <c r="MJ33" s="345">
        <v>0</v>
      </c>
      <c r="MK33" s="345">
        <v>0</v>
      </c>
      <c r="ML33" s="345">
        <v>266807</v>
      </c>
      <c r="MM33" s="345">
        <v>0</v>
      </c>
      <c r="MN33" s="345">
        <v>0</v>
      </c>
      <c r="MO33" s="349">
        <v>266807</v>
      </c>
      <c r="MP33" s="354">
        <v>266807</v>
      </c>
      <c r="MQ33" s="348">
        <v>0</v>
      </c>
      <c r="MR33" s="345">
        <v>0</v>
      </c>
      <c r="MS33" s="349">
        <v>0</v>
      </c>
      <c r="MT33" s="404">
        <v>0</v>
      </c>
      <c r="MU33" s="345">
        <v>0</v>
      </c>
      <c r="MV33" s="345">
        <v>0</v>
      </c>
      <c r="MW33" s="345">
        <v>0</v>
      </c>
      <c r="MX33" s="345">
        <v>0</v>
      </c>
      <c r="MY33" s="345">
        <v>0</v>
      </c>
      <c r="MZ33" s="349">
        <v>0</v>
      </c>
      <c r="NA33" s="354">
        <v>0</v>
      </c>
      <c r="NB33" s="348">
        <v>0</v>
      </c>
      <c r="NC33" s="345">
        <v>0</v>
      </c>
      <c r="ND33" s="349">
        <v>0</v>
      </c>
      <c r="NE33" s="404">
        <v>0</v>
      </c>
      <c r="NF33" s="345">
        <v>0</v>
      </c>
      <c r="NG33" s="345">
        <v>0</v>
      </c>
      <c r="NH33" s="345">
        <v>266807</v>
      </c>
      <c r="NI33" s="345">
        <v>0</v>
      </c>
      <c r="NJ33" s="345">
        <v>0</v>
      </c>
      <c r="NK33" s="349">
        <v>266807</v>
      </c>
      <c r="NL33" s="347">
        <v>266807</v>
      </c>
      <c r="NM33" s="348">
        <v>0</v>
      </c>
      <c r="NN33" s="345">
        <v>0</v>
      </c>
      <c r="NO33" s="349">
        <v>0</v>
      </c>
      <c r="NP33" s="404">
        <v>0</v>
      </c>
      <c r="NQ33" s="345">
        <v>0</v>
      </c>
      <c r="NR33" s="345">
        <v>0</v>
      </c>
      <c r="NS33" s="345">
        <v>0</v>
      </c>
      <c r="NT33" s="345">
        <v>0</v>
      </c>
      <c r="NU33" s="345">
        <v>0</v>
      </c>
      <c r="NV33" s="349">
        <v>0</v>
      </c>
      <c r="NW33" s="350">
        <v>0</v>
      </c>
      <c r="NX33" s="348">
        <v>0</v>
      </c>
      <c r="NY33" s="345">
        <v>0</v>
      </c>
      <c r="NZ33" s="349">
        <v>0</v>
      </c>
      <c r="OA33" s="404">
        <v>0</v>
      </c>
      <c r="OB33" s="345">
        <v>0</v>
      </c>
      <c r="OC33" s="345">
        <v>0</v>
      </c>
      <c r="OD33" s="345">
        <v>0</v>
      </c>
      <c r="OE33" s="345">
        <v>0</v>
      </c>
      <c r="OF33" s="345">
        <v>0</v>
      </c>
      <c r="OG33" s="349">
        <v>0</v>
      </c>
      <c r="OH33" s="350">
        <v>0</v>
      </c>
      <c r="OI33" s="348">
        <v>0</v>
      </c>
      <c r="OJ33" s="345">
        <v>20930</v>
      </c>
      <c r="OK33" s="346">
        <v>20930</v>
      </c>
      <c r="OL33" s="351">
        <v>0</v>
      </c>
      <c r="OM33" s="345">
        <v>205075</v>
      </c>
      <c r="ON33" s="345">
        <v>443246</v>
      </c>
      <c r="OO33" s="345">
        <v>671447</v>
      </c>
      <c r="OP33" s="345">
        <v>125836</v>
      </c>
      <c r="OQ33" s="345">
        <v>303909</v>
      </c>
      <c r="OR33" s="349">
        <v>1749513</v>
      </c>
      <c r="OS33" s="354">
        <v>1770443</v>
      </c>
    </row>
    <row r="34" spans="2:409" s="70" customFormat="1" ht="21" customHeight="1" x14ac:dyDescent="0.2">
      <c r="B34" s="106" t="s">
        <v>29</v>
      </c>
      <c r="C34" s="326">
        <v>66138</v>
      </c>
      <c r="D34" s="327">
        <v>64799</v>
      </c>
      <c r="E34" s="328">
        <v>130937</v>
      </c>
      <c r="F34" s="329">
        <v>0</v>
      </c>
      <c r="G34" s="327">
        <v>360577</v>
      </c>
      <c r="H34" s="327">
        <v>521864</v>
      </c>
      <c r="I34" s="327">
        <v>189809</v>
      </c>
      <c r="J34" s="327">
        <v>552028</v>
      </c>
      <c r="K34" s="327">
        <v>201908</v>
      </c>
      <c r="L34" s="367">
        <v>1826186</v>
      </c>
      <c r="M34" s="330">
        <v>1957123</v>
      </c>
      <c r="N34" s="326">
        <v>17150</v>
      </c>
      <c r="O34" s="327">
        <v>52199</v>
      </c>
      <c r="P34" s="328">
        <v>69349</v>
      </c>
      <c r="Q34" s="326">
        <v>0</v>
      </c>
      <c r="R34" s="327">
        <v>188905</v>
      </c>
      <c r="S34" s="327">
        <v>273504</v>
      </c>
      <c r="T34" s="327">
        <v>87733</v>
      </c>
      <c r="U34" s="327">
        <v>302622</v>
      </c>
      <c r="V34" s="327">
        <v>0</v>
      </c>
      <c r="W34" s="328">
        <v>852764</v>
      </c>
      <c r="X34" s="330">
        <v>922113</v>
      </c>
      <c r="Y34" s="326">
        <v>0</v>
      </c>
      <c r="Z34" s="327">
        <v>0</v>
      </c>
      <c r="AA34" s="328">
        <v>0</v>
      </c>
      <c r="AB34" s="326">
        <v>0</v>
      </c>
      <c r="AC34" s="327">
        <v>47165</v>
      </c>
      <c r="AD34" s="327">
        <v>161380</v>
      </c>
      <c r="AE34" s="327">
        <v>0</v>
      </c>
      <c r="AF34" s="327">
        <v>240062</v>
      </c>
      <c r="AG34" s="327">
        <v>0</v>
      </c>
      <c r="AH34" s="328">
        <v>448607</v>
      </c>
      <c r="AI34" s="330">
        <v>448607</v>
      </c>
      <c r="AJ34" s="326">
        <v>0</v>
      </c>
      <c r="AK34" s="327">
        <v>0</v>
      </c>
      <c r="AL34" s="328">
        <v>0</v>
      </c>
      <c r="AM34" s="326">
        <v>0</v>
      </c>
      <c r="AN34" s="327">
        <v>0</v>
      </c>
      <c r="AO34" s="327">
        <v>0</v>
      </c>
      <c r="AP34" s="327">
        <v>0</v>
      </c>
      <c r="AQ34" s="327">
        <v>0</v>
      </c>
      <c r="AR34" s="327">
        <v>0</v>
      </c>
      <c r="AS34" s="328">
        <v>0</v>
      </c>
      <c r="AT34" s="330">
        <v>0</v>
      </c>
      <c r="AU34" s="326">
        <v>17150</v>
      </c>
      <c r="AV34" s="327">
        <v>52199</v>
      </c>
      <c r="AW34" s="328">
        <v>69349</v>
      </c>
      <c r="AX34" s="326">
        <v>0</v>
      </c>
      <c r="AY34" s="327">
        <v>121874</v>
      </c>
      <c r="AZ34" s="327">
        <v>103696</v>
      </c>
      <c r="BA34" s="327">
        <v>87733</v>
      </c>
      <c r="BB34" s="327">
        <v>17822</v>
      </c>
      <c r="BC34" s="327">
        <v>0</v>
      </c>
      <c r="BD34" s="328">
        <v>331125</v>
      </c>
      <c r="BE34" s="330">
        <v>400474</v>
      </c>
      <c r="BF34" s="326">
        <v>0</v>
      </c>
      <c r="BG34" s="327">
        <v>0</v>
      </c>
      <c r="BH34" s="331">
        <v>0</v>
      </c>
      <c r="BI34" s="332">
        <v>0</v>
      </c>
      <c r="BJ34" s="327">
        <v>0</v>
      </c>
      <c r="BK34" s="327">
        <v>0</v>
      </c>
      <c r="BL34" s="327">
        <v>0</v>
      </c>
      <c r="BM34" s="327">
        <v>27308</v>
      </c>
      <c r="BN34" s="327">
        <v>0</v>
      </c>
      <c r="BO34" s="328">
        <v>27308</v>
      </c>
      <c r="BP34" s="330">
        <v>27308</v>
      </c>
      <c r="BQ34" s="326">
        <v>0</v>
      </c>
      <c r="BR34" s="327">
        <v>0</v>
      </c>
      <c r="BS34" s="328">
        <v>0</v>
      </c>
      <c r="BT34" s="326">
        <v>0</v>
      </c>
      <c r="BU34" s="327">
        <v>19866</v>
      </c>
      <c r="BV34" s="327">
        <v>8428</v>
      </c>
      <c r="BW34" s="327">
        <v>0</v>
      </c>
      <c r="BX34" s="327">
        <v>17430</v>
      </c>
      <c r="BY34" s="327">
        <v>0</v>
      </c>
      <c r="BZ34" s="328">
        <v>45724</v>
      </c>
      <c r="CA34" s="330">
        <v>45724</v>
      </c>
      <c r="CB34" s="326">
        <v>0</v>
      </c>
      <c r="CC34" s="327">
        <v>0</v>
      </c>
      <c r="CD34" s="328">
        <v>0</v>
      </c>
      <c r="CE34" s="326">
        <v>0</v>
      </c>
      <c r="CF34" s="327">
        <v>169922</v>
      </c>
      <c r="CG34" s="327">
        <v>0</v>
      </c>
      <c r="CH34" s="327">
        <v>81398</v>
      </c>
      <c r="CI34" s="327">
        <v>0</v>
      </c>
      <c r="CJ34" s="327">
        <v>0</v>
      </c>
      <c r="CK34" s="328">
        <v>251320</v>
      </c>
      <c r="CL34" s="330">
        <v>251320</v>
      </c>
      <c r="CM34" s="326">
        <v>0</v>
      </c>
      <c r="CN34" s="327">
        <v>0</v>
      </c>
      <c r="CO34" s="328">
        <v>0</v>
      </c>
      <c r="CP34" s="332">
        <v>0</v>
      </c>
      <c r="CQ34" s="327">
        <v>113841</v>
      </c>
      <c r="CR34" s="327">
        <v>0</v>
      </c>
      <c r="CS34" s="327">
        <v>0</v>
      </c>
      <c r="CT34" s="327">
        <v>0</v>
      </c>
      <c r="CU34" s="327">
        <v>0</v>
      </c>
      <c r="CV34" s="328">
        <v>113841</v>
      </c>
      <c r="CW34" s="330">
        <v>113841</v>
      </c>
      <c r="CX34" s="326">
        <v>0</v>
      </c>
      <c r="CY34" s="327">
        <v>0</v>
      </c>
      <c r="CZ34" s="328">
        <v>0</v>
      </c>
      <c r="DA34" s="326">
        <v>0</v>
      </c>
      <c r="DB34" s="327">
        <v>56081</v>
      </c>
      <c r="DC34" s="327">
        <v>0</v>
      </c>
      <c r="DD34" s="327">
        <v>81398</v>
      </c>
      <c r="DE34" s="327">
        <v>0</v>
      </c>
      <c r="DF34" s="327">
        <v>0</v>
      </c>
      <c r="DG34" s="328">
        <v>137479</v>
      </c>
      <c r="DH34" s="330">
        <v>137479</v>
      </c>
      <c r="DI34" s="326">
        <v>0</v>
      </c>
      <c r="DJ34" s="327">
        <v>0</v>
      </c>
      <c r="DK34" s="331">
        <v>0</v>
      </c>
      <c r="DL34" s="332">
        <v>0</v>
      </c>
      <c r="DM34" s="327">
        <v>0</v>
      </c>
      <c r="DN34" s="327">
        <v>0</v>
      </c>
      <c r="DO34" s="327">
        <v>0</v>
      </c>
      <c r="DP34" s="327">
        <v>0</v>
      </c>
      <c r="DQ34" s="327">
        <v>0</v>
      </c>
      <c r="DR34" s="328">
        <v>0</v>
      </c>
      <c r="DS34" s="330">
        <v>0</v>
      </c>
      <c r="DT34" s="326">
        <v>0</v>
      </c>
      <c r="DU34" s="327">
        <v>0</v>
      </c>
      <c r="DV34" s="328">
        <v>0</v>
      </c>
      <c r="DW34" s="326">
        <v>0</v>
      </c>
      <c r="DX34" s="327">
        <v>0</v>
      </c>
      <c r="DY34" s="327">
        <v>0</v>
      </c>
      <c r="DZ34" s="327">
        <v>0</v>
      </c>
      <c r="EA34" s="327">
        <v>0</v>
      </c>
      <c r="EB34" s="327">
        <v>0</v>
      </c>
      <c r="EC34" s="328">
        <v>0</v>
      </c>
      <c r="ED34" s="330">
        <v>0</v>
      </c>
      <c r="EE34" s="326">
        <v>0</v>
      </c>
      <c r="EF34" s="331">
        <v>0</v>
      </c>
      <c r="EG34" s="328">
        <v>0</v>
      </c>
      <c r="EH34" s="326">
        <v>0</v>
      </c>
      <c r="EI34" s="327">
        <v>0</v>
      </c>
      <c r="EJ34" s="327">
        <v>0</v>
      </c>
      <c r="EK34" s="327">
        <v>0</v>
      </c>
      <c r="EL34" s="327">
        <v>0</v>
      </c>
      <c r="EM34" s="327">
        <v>0</v>
      </c>
      <c r="EN34" s="331">
        <v>0</v>
      </c>
      <c r="EO34" s="330">
        <v>0</v>
      </c>
      <c r="EP34" s="326">
        <v>0</v>
      </c>
      <c r="EQ34" s="327">
        <v>0</v>
      </c>
      <c r="ER34" s="331">
        <v>0</v>
      </c>
      <c r="ES34" s="332">
        <v>0</v>
      </c>
      <c r="ET34" s="327">
        <v>0</v>
      </c>
      <c r="EU34" s="327">
        <v>0</v>
      </c>
      <c r="EV34" s="327">
        <v>0</v>
      </c>
      <c r="EW34" s="327">
        <v>0</v>
      </c>
      <c r="EX34" s="327">
        <v>0</v>
      </c>
      <c r="EY34" s="328">
        <v>0</v>
      </c>
      <c r="EZ34" s="330">
        <v>0</v>
      </c>
      <c r="FA34" s="326">
        <v>0</v>
      </c>
      <c r="FB34" s="327">
        <v>0</v>
      </c>
      <c r="FC34" s="331">
        <v>0</v>
      </c>
      <c r="FD34" s="404">
        <v>0</v>
      </c>
      <c r="FE34" s="327">
        <v>0</v>
      </c>
      <c r="FF34" s="327">
        <v>0</v>
      </c>
      <c r="FG34" s="327">
        <v>0</v>
      </c>
      <c r="FH34" s="327">
        <v>0</v>
      </c>
      <c r="FI34" s="327">
        <v>0</v>
      </c>
      <c r="FJ34" s="328">
        <v>0</v>
      </c>
      <c r="FK34" s="330">
        <v>0</v>
      </c>
      <c r="FL34" s="326">
        <v>2100</v>
      </c>
      <c r="FM34" s="327">
        <v>12600</v>
      </c>
      <c r="FN34" s="328">
        <v>14700</v>
      </c>
      <c r="FO34" s="326">
        <v>0</v>
      </c>
      <c r="FP34" s="327">
        <v>1750</v>
      </c>
      <c r="FQ34" s="327">
        <v>88777</v>
      </c>
      <c r="FR34" s="327">
        <v>20678</v>
      </c>
      <c r="FS34" s="327">
        <v>59780</v>
      </c>
      <c r="FT34" s="327">
        <v>0</v>
      </c>
      <c r="FU34" s="328">
        <v>170985</v>
      </c>
      <c r="FV34" s="330">
        <v>185685</v>
      </c>
      <c r="FW34" s="333">
        <v>2100</v>
      </c>
      <c r="FX34" s="327">
        <v>12600</v>
      </c>
      <c r="FY34" s="331">
        <v>14700</v>
      </c>
      <c r="FZ34" s="332">
        <v>0</v>
      </c>
      <c r="GA34" s="327">
        <v>1750</v>
      </c>
      <c r="GB34" s="327">
        <v>66948</v>
      </c>
      <c r="GC34" s="327">
        <v>20678</v>
      </c>
      <c r="GD34" s="327">
        <v>59780</v>
      </c>
      <c r="GE34" s="327">
        <v>0</v>
      </c>
      <c r="GF34" s="328">
        <v>149156</v>
      </c>
      <c r="GG34" s="334">
        <v>163856</v>
      </c>
      <c r="GH34" s="333">
        <v>0</v>
      </c>
      <c r="GI34" s="327">
        <v>0</v>
      </c>
      <c r="GJ34" s="331">
        <v>0</v>
      </c>
      <c r="GK34" s="332">
        <v>0</v>
      </c>
      <c r="GL34" s="327">
        <v>0</v>
      </c>
      <c r="GM34" s="327">
        <v>21829</v>
      </c>
      <c r="GN34" s="327">
        <v>0</v>
      </c>
      <c r="GO34" s="327">
        <v>0</v>
      </c>
      <c r="GP34" s="327">
        <v>0</v>
      </c>
      <c r="GQ34" s="328">
        <v>21829</v>
      </c>
      <c r="GR34" s="330">
        <v>21829</v>
      </c>
      <c r="GS34" s="326">
        <v>0</v>
      </c>
      <c r="GT34" s="327">
        <v>0</v>
      </c>
      <c r="GU34" s="328">
        <v>0</v>
      </c>
      <c r="GV34" s="326">
        <v>0</v>
      </c>
      <c r="GW34" s="327">
        <v>0</v>
      </c>
      <c r="GX34" s="327">
        <v>0</v>
      </c>
      <c r="GY34" s="327">
        <v>0</v>
      </c>
      <c r="GZ34" s="327">
        <v>0</v>
      </c>
      <c r="HA34" s="327">
        <v>0</v>
      </c>
      <c r="HB34" s="331">
        <v>0</v>
      </c>
      <c r="HC34" s="330">
        <v>0</v>
      </c>
      <c r="HD34" s="326">
        <v>46888</v>
      </c>
      <c r="HE34" s="327">
        <v>0</v>
      </c>
      <c r="HF34" s="331">
        <v>46888</v>
      </c>
      <c r="HG34" s="332">
        <v>0</v>
      </c>
      <c r="HH34" s="327">
        <v>0</v>
      </c>
      <c r="HI34" s="327">
        <v>159583</v>
      </c>
      <c r="HJ34" s="327">
        <v>0</v>
      </c>
      <c r="HK34" s="327">
        <v>189626</v>
      </c>
      <c r="HL34" s="327">
        <v>201908</v>
      </c>
      <c r="HM34" s="328">
        <v>551117</v>
      </c>
      <c r="HN34" s="329">
        <v>598005</v>
      </c>
      <c r="HO34" s="333">
        <v>0</v>
      </c>
      <c r="HP34" s="327">
        <v>0</v>
      </c>
      <c r="HQ34" s="328">
        <v>0</v>
      </c>
      <c r="HR34" s="326">
        <v>0</v>
      </c>
      <c r="HS34" s="327">
        <v>0</v>
      </c>
      <c r="HT34" s="327">
        <v>0</v>
      </c>
      <c r="HU34" s="327">
        <v>0</v>
      </c>
      <c r="HV34" s="327">
        <v>0</v>
      </c>
      <c r="HW34" s="327">
        <v>0</v>
      </c>
      <c r="HX34" s="331">
        <v>0</v>
      </c>
      <c r="HY34" s="330">
        <v>0</v>
      </c>
      <c r="HZ34" s="358">
        <v>0</v>
      </c>
      <c r="IA34" s="356">
        <v>0</v>
      </c>
      <c r="IB34" s="358">
        <v>0</v>
      </c>
      <c r="IC34" s="355">
        <v>0</v>
      </c>
      <c r="ID34" s="356">
        <v>174034</v>
      </c>
      <c r="IE34" s="357">
        <v>157724</v>
      </c>
      <c r="IF34" s="358">
        <v>136122</v>
      </c>
      <c r="IG34" s="356">
        <v>242088</v>
      </c>
      <c r="IH34" s="358">
        <v>0</v>
      </c>
      <c r="II34" s="359">
        <v>709968</v>
      </c>
      <c r="IJ34" s="358">
        <v>709968</v>
      </c>
      <c r="IK34" s="342">
        <v>0</v>
      </c>
      <c r="IL34" s="343">
        <v>0</v>
      </c>
      <c r="IM34" s="344">
        <v>0</v>
      </c>
      <c r="IN34" s="404">
        <v>0</v>
      </c>
      <c r="IO34" s="345">
        <v>53403</v>
      </c>
      <c r="IP34" s="345">
        <v>0</v>
      </c>
      <c r="IQ34" s="345">
        <v>0</v>
      </c>
      <c r="IR34" s="345">
        <v>0</v>
      </c>
      <c r="IS34" s="345">
        <v>0</v>
      </c>
      <c r="IT34" s="346">
        <v>53403</v>
      </c>
      <c r="IU34" s="347">
        <v>53403</v>
      </c>
      <c r="IV34" s="348">
        <v>0</v>
      </c>
      <c r="IW34" s="345">
        <v>0</v>
      </c>
      <c r="IX34" s="349">
        <v>0</v>
      </c>
      <c r="IY34" s="404">
        <v>0</v>
      </c>
      <c r="IZ34" s="345">
        <v>0</v>
      </c>
      <c r="JA34" s="345">
        <v>0</v>
      </c>
      <c r="JB34" s="345">
        <v>0</v>
      </c>
      <c r="JC34" s="345">
        <v>0</v>
      </c>
      <c r="JD34" s="345">
        <v>0</v>
      </c>
      <c r="JE34" s="349">
        <v>0</v>
      </c>
      <c r="JF34" s="350">
        <v>0</v>
      </c>
      <c r="JG34" s="348">
        <v>0</v>
      </c>
      <c r="JH34" s="345">
        <v>0</v>
      </c>
      <c r="JI34" s="346">
        <v>0</v>
      </c>
      <c r="JJ34" s="351">
        <v>0</v>
      </c>
      <c r="JK34" s="345">
        <v>0</v>
      </c>
      <c r="JL34" s="345">
        <v>0</v>
      </c>
      <c r="JM34" s="345">
        <v>136122</v>
      </c>
      <c r="JN34" s="345">
        <v>0</v>
      </c>
      <c r="JO34" s="345">
        <v>0</v>
      </c>
      <c r="JP34" s="349">
        <v>136122</v>
      </c>
      <c r="JQ34" s="347">
        <v>136122</v>
      </c>
      <c r="JR34" s="348">
        <v>0</v>
      </c>
      <c r="JS34" s="345">
        <v>0</v>
      </c>
      <c r="JT34" s="346">
        <v>0</v>
      </c>
      <c r="JU34" s="351">
        <v>0</v>
      </c>
      <c r="JV34" s="345">
        <v>0</v>
      </c>
      <c r="JW34" s="345">
        <v>0</v>
      </c>
      <c r="JX34" s="345">
        <v>0</v>
      </c>
      <c r="JY34" s="345">
        <v>0</v>
      </c>
      <c r="JZ34" s="345">
        <v>0</v>
      </c>
      <c r="KA34" s="349">
        <v>0</v>
      </c>
      <c r="KB34" s="347">
        <v>0</v>
      </c>
      <c r="KC34" s="352">
        <v>0</v>
      </c>
      <c r="KD34" s="353">
        <v>0</v>
      </c>
      <c r="KE34" s="349">
        <v>0</v>
      </c>
      <c r="KF34" s="351">
        <v>0</v>
      </c>
      <c r="KG34" s="345">
        <v>120631</v>
      </c>
      <c r="KH34" s="345">
        <v>157724</v>
      </c>
      <c r="KI34" s="345">
        <v>0</v>
      </c>
      <c r="KJ34" s="345">
        <v>0</v>
      </c>
      <c r="KK34" s="345">
        <v>0</v>
      </c>
      <c r="KL34" s="349">
        <v>278355</v>
      </c>
      <c r="KM34" s="354">
        <v>278355</v>
      </c>
      <c r="KN34" s="342">
        <v>0</v>
      </c>
      <c r="KO34" s="343">
        <v>0</v>
      </c>
      <c r="KP34" s="344">
        <v>0</v>
      </c>
      <c r="KQ34" s="404">
        <v>0</v>
      </c>
      <c r="KR34" s="345">
        <v>0</v>
      </c>
      <c r="KS34" s="345">
        <v>0</v>
      </c>
      <c r="KT34" s="345">
        <v>0</v>
      </c>
      <c r="KU34" s="345">
        <v>0</v>
      </c>
      <c r="KV34" s="345">
        <v>0</v>
      </c>
      <c r="KW34" s="349">
        <v>0</v>
      </c>
      <c r="KX34" s="347">
        <v>0</v>
      </c>
      <c r="KY34" s="348">
        <v>0</v>
      </c>
      <c r="KZ34" s="345">
        <v>0</v>
      </c>
      <c r="LA34" s="349">
        <v>0</v>
      </c>
      <c r="LB34" s="404">
        <v>0</v>
      </c>
      <c r="LC34" s="345">
        <v>0</v>
      </c>
      <c r="LD34" s="345">
        <v>0</v>
      </c>
      <c r="LE34" s="345">
        <v>0</v>
      </c>
      <c r="LF34" s="345">
        <v>0</v>
      </c>
      <c r="LG34" s="345">
        <v>0</v>
      </c>
      <c r="LH34" s="349">
        <v>0</v>
      </c>
      <c r="LI34" s="350">
        <v>0</v>
      </c>
      <c r="LJ34" s="348">
        <v>0</v>
      </c>
      <c r="LK34" s="345">
        <v>0</v>
      </c>
      <c r="LL34" s="349">
        <v>0</v>
      </c>
      <c r="LM34" s="404">
        <v>0</v>
      </c>
      <c r="LN34" s="345">
        <v>0</v>
      </c>
      <c r="LO34" s="345">
        <v>0</v>
      </c>
      <c r="LP34" s="345">
        <v>0</v>
      </c>
      <c r="LQ34" s="345">
        <v>242088</v>
      </c>
      <c r="LR34" s="345">
        <v>0</v>
      </c>
      <c r="LS34" s="349">
        <v>242088</v>
      </c>
      <c r="LT34" s="347">
        <v>242088</v>
      </c>
      <c r="LU34" s="348">
        <v>0</v>
      </c>
      <c r="LV34" s="345">
        <v>0</v>
      </c>
      <c r="LW34" s="349">
        <v>0</v>
      </c>
      <c r="LX34" s="404">
        <v>0</v>
      </c>
      <c r="LY34" s="345">
        <v>0</v>
      </c>
      <c r="LZ34" s="345">
        <v>0</v>
      </c>
      <c r="MA34" s="345">
        <v>0</v>
      </c>
      <c r="MB34" s="345">
        <v>0</v>
      </c>
      <c r="MC34" s="345">
        <v>0</v>
      </c>
      <c r="MD34" s="349">
        <v>0</v>
      </c>
      <c r="ME34" s="350">
        <v>0</v>
      </c>
      <c r="MF34" s="348">
        <v>0</v>
      </c>
      <c r="MG34" s="345">
        <v>0</v>
      </c>
      <c r="MH34" s="349">
        <v>0</v>
      </c>
      <c r="MI34" s="404">
        <v>0</v>
      </c>
      <c r="MJ34" s="345">
        <v>0</v>
      </c>
      <c r="MK34" s="345">
        <v>0</v>
      </c>
      <c r="ML34" s="345">
        <v>0</v>
      </c>
      <c r="MM34" s="345">
        <v>0</v>
      </c>
      <c r="MN34" s="345">
        <v>844341</v>
      </c>
      <c r="MO34" s="349">
        <v>844341</v>
      </c>
      <c r="MP34" s="354">
        <v>844341</v>
      </c>
      <c r="MQ34" s="348">
        <v>0</v>
      </c>
      <c r="MR34" s="345">
        <v>0</v>
      </c>
      <c r="MS34" s="349">
        <v>0</v>
      </c>
      <c r="MT34" s="404">
        <v>0</v>
      </c>
      <c r="MU34" s="345">
        <v>0</v>
      </c>
      <c r="MV34" s="345">
        <v>0</v>
      </c>
      <c r="MW34" s="345">
        <v>0</v>
      </c>
      <c r="MX34" s="345">
        <v>0</v>
      </c>
      <c r="MY34" s="345">
        <v>0</v>
      </c>
      <c r="MZ34" s="349">
        <v>0</v>
      </c>
      <c r="NA34" s="354">
        <v>0</v>
      </c>
      <c r="NB34" s="348">
        <v>0</v>
      </c>
      <c r="NC34" s="345">
        <v>0</v>
      </c>
      <c r="ND34" s="349">
        <v>0</v>
      </c>
      <c r="NE34" s="404">
        <v>0</v>
      </c>
      <c r="NF34" s="345">
        <v>0</v>
      </c>
      <c r="NG34" s="345">
        <v>0</v>
      </c>
      <c r="NH34" s="345">
        <v>0</v>
      </c>
      <c r="NI34" s="345">
        <v>0</v>
      </c>
      <c r="NJ34" s="345">
        <v>844341</v>
      </c>
      <c r="NK34" s="349">
        <v>844341</v>
      </c>
      <c r="NL34" s="347">
        <v>844341</v>
      </c>
      <c r="NM34" s="348">
        <v>0</v>
      </c>
      <c r="NN34" s="345">
        <v>0</v>
      </c>
      <c r="NO34" s="349">
        <v>0</v>
      </c>
      <c r="NP34" s="404">
        <v>0</v>
      </c>
      <c r="NQ34" s="345">
        <v>0</v>
      </c>
      <c r="NR34" s="345">
        <v>0</v>
      </c>
      <c r="NS34" s="345">
        <v>0</v>
      </c>
      <c r="NT34" s="345">
        <v>0</v>
      </c>
      <c r="NU34" s="345">
        <v>0</v>
      </c>
      <c r="NV34" s="349">
        <v>0</v>
      </c>
      <c r="NW34" s="350">
        <v>0</v>
      </c>
      <c r="NX34" s="348">
        <v>0</v>
      </c>
      <c r="NY34" s="345">
        <v>0</v>
      </c>
      <c r="NZ34" s="349">
        <v>0</v>
      </c>
      <c r="OA34" s="404">
        <v>0</v>
      </c>
      <c r="OB34" s="345">
        <v>0</v>
      </c>
      <c r="OC34" s="345">
        <v>0</v>
      </c>
      <c r="OD34" s="345">
        <v>0</v>
      </c>
      <c r="OE34" s="345">
        <v>0</v>
      </c>
      <c r="OF34" s="345">
        <v>0</v>
      </c>
      <c r="OG34" s="349">
        <v>0</v>
      </c>
      <c r="OH34" s="350">
        <v>0</v>
      </c>
      <c r="OI34" s="348">
        <v>66138</v>
      </c>
      <c r="OJ34" s="345">
        <v>64799</v>
      </c>
      <c r="OK34" s="346">
        <v>130937</v>
      </c>
      <c r="OL34" s="351">
        <v>0</v>
      </c>
      <c r="OM34" s="345">
        <v>534611</v>
      </c>
      <c r="ON34" s="345">
        <v>679588</v>
      </c>
      <c r="OO34" s="345">
        <v>325931</v>
      </c>
      <c r="OP34" s="345">
        <v>794116</v>
      </c>
      <c r="OQ34" s="345">
        <v>1046249</v>
      </c>
      <c r="OR34" s="349">
        <v>3380495</v>
      </c>
      <c r="OS34" s="354">
        <v>3511432</v>
      </c>
    </row>
    <row r="35" spans="2:409" s="70" customFormat="1" ht="21" customHeight="1" x14ac:dyDescent="0.2">
      <c r="B35" s="106" t="s">
        <v>30</v>
      </c>
      <c r="C35" s="326">
        <v>22316</v>
      </c>
      <c r="D35" s="327">
        <v>0</v>
      </c>
      <c r="E35" s="368">
        <v>22316</v>
      </c>
      <c r="F35" s="370">
        <v>0</v>
      </c>
      <c r="G35" s="369">
        <v>583707</v>
      </c>
      <c r="H35" s="369">
        <v>292113</v>
      </c>
      <c r="I35" s="369">
        <v>285238</v>
      </c>
      <c r="J35" s="369">
        <v>118283</v>
      </c>
      <c r="K35" s="369">
        <v>0</v>
      </c>
      <c r="L35" s="370">
        <v>1279341</v>
      </c>
      <c r="M35" s="330">
        <v>1301657</v>
      </c>
      <c r="N35" s="326">
        <v>0</v>
      </c>
      <c r="O35" s="327">
        <v>0</v>
      </c>
      <c r="P35" s="328">
        <v>0</v>
      </c>
      <c r="Q35" s="326">
        <v>0</v>
      </c>
      <c r="R35" s="327">
        <v>228042</v>
      </c>
      <c r="S35" s="327">
        <v>86068</v>
      </c>
      <c r="T35" s="327">
        <v>202097</v>
      </c>
      <c r="U35" s="327">
        <v>0</v>
      </c>
      <c r="V35" s="327">
        <v>0</v>
      </c>
      <c r="W35" s="328">
        <v>516207</v>
      </c>
      <c r="X35" s="330">
        <v>516207</v>
      </c>
      <c r="Y35" s="326">
        <v>0</v>
      </c>
      <c r="Z35" s="327">
        <v>0</v>
      </c>
      <c r="AA35" s="328">
        <v>0</v>
      </c>
      <c r="AB35" s="326">
        <v>0</v>
      </c>
      <c r="AC35" s="327">
        <v>44912</v>
      </c>
      <c r="AD35" s="327">
        <v>49128</v>
      </c>
      <c r="AE35" s="327">
        <v>127526</v>
      </c>
      <c r="AF35" s="327">
        <v>0</v>
      </c>
      <c r="AG35" s="327">
        <v>0</v>
      </c>
      <c r="AH35" s="328">
        <v>221566</v>
      </c>
      <c r="AI35" s="330">
        <v>221566</v>
      </c>
      <c r="AJ35" s="326">
        <v>0</v>
      </c>
      <c r="AK35" s="327">
        <v>0</v>
      </c>
      <c r="AL35" s="328">
        <v>0</v>
      </c>
      <c r="AM35" s="326">
        <v>0</v>
      </c>
      <c r="AN35" s="327">
        <v>0</v>
      </c>
      <c r="AO35" s="327">
        <v>0</v>
      </c>
      <c r="AP35" s="327">
        <v>41195</v>
      </c>
      <c r="AQ35" s="327">
        <v>0</v>
      </c>
      <c r="AR35" s="327">
        <v>0</v>
      </c>
      <c r="AS35" s="328">
        <v>41195</v>
      </c>
      <c r="AT35" s="330">
        <v>41195</v>
      </c>
      <c r="AU35" s="326">
        <v>0</v>
      </c>
      <c r="AV35" s="327">
        <v>0</v>
      </c>
      <c r="AW35" s="328">
        <v>0</v>
      </c>
      <c r="AX35" s="326">
        <v>0</v>
      </c>
      <c r="AY35" s="327">
        <v>129027</v>
      </c>
      <c r="AZ35" s="327">
        <v>33300</v>
      </c>
      <c r="BA35" s="327">
        <v>29162</v>
      </c>
      <c r="BB35" s="327">
        <v>0</v>
      </c>
      <c r="BC35" s="327">
        <v>0</v>
      </c>
      <c r="BD35" s="328">
        <v>191489</v>
      </c>
      <c r="BE35" s="330">
        <v>191489</v>
      </c>
      <c r="BF35" s="326">
        <v>0</v>
      </c>
      <c r="BG35" s="327">
        <v>0</v>
      </c>
      <c r="BH35" s="331">
        <v>0</v>
      </c>
      <c r="BI35" s="332">
        <v>0</v>
      </c>
      <c r="BJ35" s="327">
        <v>0</v>
      </c>
      <c r="BK35" s="327">
        <v>0</v>
      </c>
      <c r="BL35" s="327">
        <v>0</v>
      </c>
      <c r="BM35" s="327">
        <v>0</v>
      </c>
      <c r="BN35" s="327">
        <v>0</v>
      </c>
      <c r="BO35" s="328">
        <v>0</v>
      </c>
      <c r="BP35" s="330">
        <v>0</v>
      </c>
      <c r="BQ35" s="326">
        <v>0</v>
      </c>
      <c r="BR35" s="327">
        <v>0</v>
      </c>
      <c r="BS35" s="328">
        <v>0</v>
      </c>
      <c r="BT35" s="326">
        <v>0</v>
      </c>
      <c r="BU35" s="327">
        <v>54103</v>
      </c>
      <c r="BV35" s="327">
        <v>3640</v>
      </c>
      <c r="BW35" s="327">
        <v>4214</v>
      </c>
      <c r="BX35" s="327">
        <v>0</v>
      </c>
      <c r="BY35" s="327">
        <v>0</v>
      </c>
      <c r="BZ35" s="328">
        <v>61957</v>
      </c>
      <c r="CA35" s="330">
        <v>61957</v>
      </c>
      <c r="CB35" s="326">
        <v>0</v>
      </c>
      <c r="CC35" s="327">
        <v>0</v>
      </c>
      <c r="CD35" s="328">
        <v>0</v>
      </c>
      <c r="CE35" s="326">
        <v>0</v>
      </c>
      <c r="CF35" s="327">
        <v>75702</v>
      </c>
      <c r="CG35" s="327">
        <v>0</v>
      </c>
      <c r="CH35" s="327">
        <v>14343</v>
      </c>
      <c r="CI35" s="327">
        <v>75107</v>
      </c>
      <c r="CJ35" s="327">
        <v>0</v>
      </c>
      <c r="CK35" s="328">
        <v>165152</v>
      </c>
      <c r="CL35" s="330">
        <v>165152</v>
      </c>
      <c r="CM35" s="326">
        <v>0</v>
      </c>
      <c r="CN35" s="327">
        <v>0</v>
      </c>
      <c r="CO35" s="328">
        <v>0</v>
      </c>
      <c r="CP35" s="332">
        <v>0</v>
      </c>
      <c r="CQ35" s="327">
        <v>27892</v>
      </c>
      <c r="CR35" s="327">
        <v>0</v>
      </c>
      <c r="CS35" s="327">
        <v>14343</v>
      </c>
      <c r="CT35" s="327">
        <v>0</v>
      </c>
      <c r="CU35" s="327">
        <v>0</v>
      </c>
      <c r="CV35" s="328">
        <v>42235</v>
      </c>
      <c r="CW35" s="330">
        <v>42235</v>
      </c>
      <c r="CX35" s="326">
        <v>0</v>
      </c>
      <c r="CY35" s="327">
        <v>0</v>
      </c>
      <c r="CZ35" s="328">
        <v>0</v>
      </c>
      <c r="DA35" s="326">
        <v>0</v>
      </c>
      <c r="DB35" s="327">
        <v>47810</v>
      </c>
      <c r="DC35" s="327">
        <v>0</v>
      </c>
      <c r="DD35" s="327">
        <v>0</v>
      </c>
      <c r="DE35" s="327">
        <v>75107</v>
      </c>
      <c r="DF35" s="327">
        <v>0</v>
      </c>
      <c r="DG35" s="328">
        <v>122917</v>
      </c>
      <c r="DH35" s="330">
        <v>122917</v>
      </c>
      <c r="DI35" s="326">
        <v>0</v>
      </c>
      <c r="DJ35" s="327">
        <v>0</v>
      </c>
      <c r="DK35" s="331">
        <v>0</v>
      </c>
      <c r="DL35" s="332">
        <v>0</v>
      </c>
      <c r="DM35" s="327">
        <v>0</v>
      </c>
      <c r="DN35" s="327">
        <v>19768</v>
      </c>
      <c r="DO35" s="327">
        <v>0</v>
      </c>
      <c r="DP35" s="327">
        <v>0</v>
      </c>
      <c r="DQ35" s="327">
        <v>0</v>
      </c>
      <c r="DR35" s="328">
        <v>19768</v>
      </c>
      <c r="DS35" s="330">
        <v>19768</v>
      </c>
      <c r="DT35" s="326">
        <v>0</v>
      </c>
      <c r="DU35" s="327">
        <v>0</v>
      </c>
      <c r="DV35" s="328">
        <v>0</v>
      </c>
      <c r="DW35" s="326">
        <v>0</v>
      </c>
      <c r="DX35" s="327">
        <v>0</v>
      </c>
      <c r="DY35" s="327">
        <v>19768</v>
      </c>
      <c r="DZ35" s="327">
        <v>0</v>
      </c>
      <c r="EA35" s="327">
        <v>0</v>
      </c>
      <c r="EB35" s="327">
        <v>0</v>
      </c>
      <c r="EC35" s="328">
        <v>19768</v>
      </c>
      <c r="ED35" s="330">
        <v>19768</v>
      </c>
      <c r="EE35" s="326">
        <v>0</v>
      </c>
      <c r="EF35" s="331">
        <v>0</v>
      </c>
      <c r="EG35" s="328">
        <v>0</v>
      </c>
      <c r="EH35" s="326">
        <v>0</v>
      </c>
      <c r="EI35" s="327">
        <v>0</v>
      </c>
      <c r="EJ35" s="327">
        <v>0</v>
      </c>
      <c r="EK35" s="327">
        <v>0</v>
      </c>
      <c r="EL35" s="327">
        <v>0</v>
      </c>
      <c r="EM35" s="327">
        <v>0</v>
      </c>
      <c r="EN35" s="331">
        <v>0</v>
      </c>
      <c r="EO35" s="330">
        <v>0</v>
      </c>
      <c r="EP35" s="326">
        <v>0</v>
      </c>
      <c r="EQ35" s="327">
        <v>0</v>
      </c>
      <c r="ER35" s="331">
        <v>0</v>
      </c>
      <c r="ES35" s="332">
        <v>0</v>
      </c>
      <c r="ET35" s="327">
        <v>0</v>
      </c>
      <c r="EU35" s="327">
        <v>0</v>
      </c>
      <c r="EV35" s="327">
        <v>0</v>
      </c>
      <c r="EW35" s="327">
        <v>0</v>
      </c>
      <c r="EX35" s="327">
        <v>0</v>
      </c>
      <c r="EY35" s="328">
        <v>0</v>
      </c>
      <c r="EZ35" s="330">
        <v>0</v>
      </c>
      <c r="FA35" s="326">
        <v>0</v>
      </c>
      <c r="FB35" s="327">
        <v>0</v>
      </c>
      <c r="FC35" s="331">
        <v>0</v>
      </c>
      <c r="FD35" s="404">
        <v>0</v>
      </c>
      <c r="FE35" s="327">
        <v>0</v>
      </c>
      <c r="FF35" s="327">
        <v>0</v>
      </c>
      <c r="FG35" s="327">
        <v>0</v>
      </c>
      <c r="FH35" s="327">
        <v>0</v>
      </c>
      <c r="FI35" s="327">
        <v>0</v>
      </c>
      <c r="FJ35" s="328">
        <v>0</v>
      </c>
      <c r="FK35" s="330">
        <v>0</v>
      </c>
      <c r="FL35" s="326">
        <v>22316</v>
      </c>
      <c r="FM35" s="327">
        <v>0</v>
      </c>
      <c r="FN35" s="328">
        <v>22316</v>
      </c>
      <c r="FO35" s="326">
        <v>0</v>
      </c>
      <c r="FP35" s="327">
        <v>5460</v>
      </c>
      <c r="FQ35" s="327">
        <v>17850</v>
      </c>
      <c r="FR35" s="327">
        <v>33299</v>
      </c>
      <c r="FS35" s="327">
        <v>43176</v>
      </c>
      <c r="FT35" s="327">
        <v>0</v>
      </c>
      <c r="FU35" s="328">
        <v>99785</v>
      </c>
      <c r="FV35" s="330">
        <v>122101</v>
      </c>
      <c r="FW35" s="333">
        <v>22316</v>
      </c>
      <c r="FX35" s="327">
        <v>0</v>
      </c>
      <c r="FY35" s="331">
        <v>22316</v>
      </c>
      <c r="FZ35" s="332">
        <v>0</v>
      </c>
      <c r="GA35" s="327">
        <v>5460</v>
      </c>
      <c r="GB35" s="327">
        <v>17850</v>
      </c>
      <c r="GC35" s="327">
        <v>33299</v>
      </c>
      <c r="GD35" s="327">
        <v>43176</v>
      </c>
      <c r="GE35" s="327">
        <v>0</v>
      </c>
      <c r="GF35" s="328">
        <v>99785</v>
      </c>
      <c r="GG35" s="334">
        <v>122101</v>
      </c>
      <c r="GH35" s="333">
        <v>0</v>
      </c>
      <c r="GI35" s="327">
        <v>0</v>
      </c>
      <c r="GJ35" s="331">
        <v>0</v>
      </c>
      <c r="GK35" s="332">
        <v>0</v>
      </c>
      <c r="GL35" s="327">
        <v>0</v>
      </c>
      <c r="GM35" s="327">
        <v>0</v>
      </c>
      <c r="GN35" s="327">
        <v>0</v>
      </c>
      <c r="GO35" s="327">
        <v>0</v>
      </c>
      <c r="GP35" s="327">
        <v>0</v>
      </c>
      <c r="GQ35" s="328">
        <v>0</v>
      </c>
      <c r="GR35" s="330">
        <v>0</v>
      </c>
      <c r="GS35" s="326">
        <v>0</v>
      </c>
      <c r="GT35" s="327">
        <v>0</v>
      </c>
      <c r="GU35" s="328">
        <v>0</v>
      </c>
      <c r="GV35" s="326">
        <v>0</v>
      </c>
      <c r="GW35" s="327">
        <v>0</v>
      </c>
      <c r="GX35" s="327">
        <v>0</v>
      </c>
      <c r="GY35" s="327">
        <v>0</v>
      </c>
      <c r="GZ35" s="327">
        <v>0</v>
      </c>
      <c r="HA35" s="327">
        <v>0</v>
      </c>
      <c r="HB35" s="331">
        <v>0</v>
      </c>
      <c r="HC35" s="330">
        <v>0</v>
      </c>
      <c r="HD35" s="326">
        <v>0</v>
      </c>
      <c r="HE35" s="327">
        <v>0</v>
      </c>
      <c r="HF35" s="331">
        <v>0</v>
      </c>
      <c r="HG35" s="332">
        <v>0</v>
      </c>
      <c r="HH35" s="327">
        <v>274503</v>
      </c>
      <c r="HI35" s="327">
        <v>168427</v>
      </c>
      <c r="HJ35" s="327">
        <v>35499</v>
      </c>
      <c r="HK35" s="327">
        <v>0</v>
      </c>
      <c r="HL35" s="327">
        <v>0</v>
      </c>
      <c r="HM35" s="328">
        <v>478429</v>
      </c>
      <c r="HN35" s="329">
        <v>478429</v>
      </c>
      <c r="HO35" s="333">
        <v>0</v>
      </c>
      <c r="HP35" s="327">
        <v>0</v>
      </c>
      <c r="HQ35" s="328">
        <v>0</v>
      </c>
      <c r="HR35" s="326">
        <v>0</v>
      </c>
      <c r="HS35" s="327">
        <v>0</v>
      </c>
      <c r="HT35" s="327">
        <v>0</v>
      </c>
      <c r="HU35" s="327">
        <v>0</v>
      </c>
      <c r="HV35" s="327">
        <v>0</v>
      </c>
      <c r="HW35" s="327">
        <v>0</v>
      </c>
      <c r="HX35" s="331">
        <v>0</v>
      </c>
      <c r="HY35" s="330">
        <v>0</v>
      </c>
      <c r="HZ35" s="335">
        <v>0</v>
      </c>
      <c r="IA35" s="336">
        <v>0</v>
      </c>
      <c r="IB35" s="337">
        <v>0</v>
      </c>
      <c r="IC35" s="338">
        <v>0</v>
      </c>
      <c r="ID35" s="336">
        <v>237111</v>
      </c>
      <c r="IE35" s="339">
        <v>49698</v>
      </c>
      <c r="IF35" s="337">
        <v>0</v>
      </c>
      <c r="IG35" s="336">
        <v>153412</v>
      </c>
      <c r="IH35" s="337">
        <v>0</v>
      </c>
      <c r="II35" s="340">
        <v>440221</v>
      </c>
      <c r="IJ35" s="341">
        <v>440221</v>
      </c>
      <c r="IK35" s="342">
        <v>0</v>
      </c>
      <c r="IL35" s="343">
        <v>0</v>
      </c>
      <c r="IM35" s="344">
        <v>0</v>
      </c>
      <c r="IN35" s="404">
        <v>0</v>
      </c>
      <c r="IO35" s="345">
        <v>0</v>
      </c>
      <c r="IP35" s="345">
        <v>0</v>
      </c>
      <c r="IQ35" s="345">
        <v>0</v>
      </c>
      <c r="IR35" s="345">
        <v>0</v>
      </c>
      <c r="IS35" s="345">
        <v>0</v>
      </c>
      <c r="IT35" s="346">
        <v>0</v>
      </c>
      <c r="IU35" s="347">
        <v>0</v>
      </c>
      <c r="IV35" s="348">
        <v>0</v>
      </c>
      <c r="IW35" s="345">
        <v>0</v>
      </c>
      <c r="IX35" s="349">
        <v>0</v>
      </c>
      <c r="IY35" s="404">
        <v>0</v>
      </c>
      <c r="IZ35" s="345">
        <v>0</v>
      </c>
      <c r="JA35" s="345">
        <v>0</v>
      </c>
      <c r="JB35" s="345">
        <v>0</v>
      </c>
      <c r="JC35" s="345">
        <v>0</v>
      </c>
      <c r="JD35" s="345">
        <v>0</v>
      </c>
      <c r="JE35" s="349">
        <v>0</v>
      </c>
      <c r="JF35" s="350">
        <v>0</v>
      </c>
      <c r="JG35" s="348">
        <v>0</v>
      </c>
      <c r="JH35" s="345">
        <v>0</v>
      </c>
      <c r="JI35" s="346">
        <v>0</v>
      </c>
      <c r="JJ35" s="351">
        <v>0</v>
      </c>
      <c r="JK35" s="345">
        <v>34013</v>
      </c>
      <c r="JL35" s="345">
        <v>0</v>
      </c>
      <c r="JM35" s="345">
        <v>0</v>
      </c>
      <c r="JN35" s="345">
        <v>153412</v>
      </c>
      <c r="JO35" s="345">
        <v>0</v>
      </c>
      <c r="JP35" s="349">
        <v>187425</v>
      </c>
      <c r="JQ35" s="347">
        <v>187425</v>
      </c>
      <c r="JR35" s="348">
        <v>0</v>
      </c>
      <c r="JS35" s="345">
        <v>0</v>
      </c>
      <c r="JT35" s="346">
        <v>0</v>
      </c>
      <c r="JU35" s="351">
        <v>0</v>
      </c>
      <c r="JV35" s="345">
        <v>0</v>
      </c>
      <c r="JW35" s="345">
        <v>49698</v>
      </c>
      <c r="JX35" s="345">
        <v>0</v>
      </c>
      <c r="JY35" s="345">
        <v>0</v>
      </c>
      <c r="JZ35" s="345">
        <v>0</v>
      </c>
      <c r="KA35" s="349">
        <v>49698</v>
      </c>
      <c r="KB35" s="347">
        <v>49698</v>
      </c>
      <c r="KC35" s="352">
        <v>0</v>
      </c>
      <c r="KD35" s="353">
        <v>0</v>
      </c>
      <c r="KE35" s="349">
        <v>0</v>
      </c>
      <c r="KF35" s="351">
        <v>0</v>
      </c>
      <c r="KG35" s="345">
        <v>0</v>
      </c>
      <c r="KH35" s="345">
        <v>0</v>
      </c>
      <c r="KI35" s="345">
        <v>0</v>
      </c>
      <c r="KJ35" s="345">
        <v>0</v>
      </c>
      <c r="KK35" s="345">
        <v>0</v>
      </c>
      <c r="KL35" s="349">
        <v>0</v>
      </c>
      <c r="KM35" s="354">
        <v>0</v>
      </c>
      <c r="KN35" s="342">
        <v>0</v>
      </c>
      <c r="KO35" s="343">
        <v>0</v>
      </c>
      <c r="KP35" s="344">
        <v>0</v>
      </c>
      <c r="KQ35" s="404">
        <v>0</v>
      </c>
      <c r="KR35" s="345">
        <v>203098</v>
      </c>
      <c r="KS35" s="345">
        <v>0</v>
      </c>
      <c r="KT35" s="345">
        <v>0</v>
      </c>
      <c r="KU35" s="345">
        <v>0</v>
      </c>
      <c r="KV35" s="345">
        <v>0</v>
      </c>
      <c r="KW35" s="349">
        <v>203098</v>
      </c>
      <c r="KX35" s="347">
        <v>203098</v>
      </c>
      <c r="KY35" s="348">
        <v>0</v>
      </c>
      <c r="KZ35" s="345">
        <v>0</v>
      </c>
      <c r="LA35" s="349">
        <v>0</v>
      </c>
      <c r="LB35" s="404">
        <v>0</v>
      </c>
      <c r="LC35" s="345">
        <v>0</v>
      </c>
      <c r="LD35" s="345">
        <v>0</v>
      </c>
      <c r="LE35" s="345">
        <v>0</v>
      </c>
      <c r="LF35" s="345">
        <v>0</v>
      </c>
      <c r="LG35" s="345">
        <v>0</v>
      </c>
      <c r="LH35" s="349">
        <v>0</v>
      </c>
      <c r="LI35" s="350">
        <v>0</v>
      </c>
      <c r="LJ35" s="348">
        <v>0</v>
      </c>
      <c r="LK35" s="345">
        <v>0</v>
      </c>
      <c r="LL35" s="349">
        <v>0</v>
      </c>
      <c r="LM35" s="404">
        <v>0</v>
      </c>
      <c r="LN35" s="345">
        <v>0</v>
      </c>
      <c r="LO35" s="345">
        <v>0</v>
      </c>
      <c r="LP35" s="345">
        <v>0</v>
      </c>
      <c r="LQ35" s="345">
        <v>0</v>
      </c>
      <c r="LR35" s="345">
        <v>0</v>
      </c>
      <c r="LS35" s="349">
        <v>0</v>
      </c>
      <c r="LT35" s="347">
        <v>0</v>
      </c>
      <c r="LU35" s="348">
        <v>0</v>
      </c>
      <c r="LV35" s="345">
        <v>0</v>
      </c>
      <c r="LW35" s="349">
        <v>0</v>
      </c>
      <c r="LX35" s="404">
        <v>0</v>
      </c>
      <c r="LY35" s="345">
        <v>0</v>
      </c>
      <c r="LZ35" s="345">
        <v>0</v>
      </c>
      <c r="MA35" s="345">
        <v>0</v>
      </c>
      <c r="MB35" s="345">
        <v>0</v>
      </c>
      <c r="MC35" s="345">
        <v>0</v>
      </c>
      <c r="MD35" s="349">
        <v>0</v>
      </c>
      <c r="ME35" s="350">
        <v>0</v>
      </c>
      <c r="MF35" s="348">
        <v>0</v>
      </c>
      <c r="MG35" s="345">
        <v>0</v>
      </c>
      <c r="MH35" s="349">
        <v>0</v>
      </c>
      <c r="MI35" s="404">
        <v>0</v>
      </c>
      <c r="MJ35" s="345">
        <v>196252</v>
      </c>
      <c r="MK35" s="345">
        <v>0</v>
      </c>
      <c r="ML35" s="345">
        <v>225063</v>
      </c>
      <c r="MM35" s="345">
        <v>399240</v>
      </c>
      <c r="MN35" s="345">
        <v>95609</v>
      </c>
      <c r="MO35" s="349">
        <v>916164</v>
      </c>
      <c r="MP35" s="354">
        <v>916164</v>
      </c>
      <c r="MQ35" s="348">
        <v>0</v>
      </c>
      <c r="MR35" s="345">
        <v>0</v>
      </c>
      <c r="MS35" s="349">
        <v>0</v>
      </c>
      <c r="MT35" s="404">
        <v>0</v>
      </c>
      <c r="MU35" s="345">
        <v>0</v>
      </c>
      <c r="MV35" s="345">
        <v>0</v>
      </c>
      <c r="MW35" s="345">
        <v>225063</v>
      </c>
      <c r="MX35" s="345">
        <v>239218</v>
      </c>
      <c r="MY35" s="345">
        <v>95609</v>
      </c>
      <c r="MZ35" s="349">
        <v>559890</v>
      </c>
      <c r="NA35" s="354">
        <v>559890</v>
      </c>
      <c r="NB35" s="348">
        <v>0</v>
      </c>
      <c r="NC35" s="345">
        <v>0</v>
      </c>
      <c r="ND35" s="349">
        <v>0</v>
      </c>
      <c r="NE35" s="404">
        <v>0</v>
      </c>
      <c r="NF35" s="345">
        <v>196252</v>
      </c>
      <c r="NG35" s="345">
        <v>0</v>
      </c>
      <c r="NH35" s="345">
        <v>0</v>
      </c>
      <c r="NI35" s="345">
        <v>160022</v>
      </c>
      <c r="NJ35" s="345">
        <v>0</v>
      </c>
      <c r="NK35" s="349">
        <v>356274</v>
      </c>
      <c r="NL35" s="347">
        <v>356274</v>
      </c>
      <c r="NM35" s="348">
        <v>0</v>
      </c>
      <c r="NN35" s="345">
        <v>0</v>
      </c>
      <c r="NO35" s="349">
        <v>0</v>
      </c>
      <c r="NP35" s="404">
        <v>0</v>
      </c>
      <c r="NQ35" s="345">
        <v>0</v>
      </c>
      <c r="NR35" s="345">
        <v>0</v>
      </c>
      <c r="NS35" s="345">
        <v>0</v>
      </c>
      <c r="NT35" s="345">
        <v>0</v>
      </c>
      <c r="NU35" s="345">
        <v>0</v>
      </c>
      <c r="NV35" s="349">
        <v>0</v>
      </c>
      <c r="NW35" s="350">
        <v>0</v>
      </c>
      <c r="NX35" s="348">
        <v>0</v>
      </c>
      <c r="NY35" s="345">
        <v>0</v>
      </c>
      <c r="NZ35" s="349">
        <v>0</v>
      </c>
      <c r="OA35" s="404">
        <v>0</v>
      </c>
      <c r="OB35" s="345">
        <v>0</v>
      </c>
      <c r="OC35" s="345">
        <v>0</v>
      </c>
      <c r="OD35" s="345">
        <v>0</v>
      </c>
      <c r="OE35" s="345">
        <v>0</v>
      </c>
      <c r="OF35" s="345">
        <v>0</v>
      </c>
      <c r="OG35" s="349">
        <v>0</v>
      </c>
      <c r="OH35" s="350">
        <v>0</v>
      </c>
      <c r="OI35" s="348">
        <v>22316</v>
      </c>
      <c r="OJ35" s="345">
        <v>0</v>
      </c>
      <c r="OK35" s="346">
        <v>22316</v>
      </c>
      <c r="OL35" s="351">
        <v>0</v>
      </c>
      <c r="OM35" s="345">
        <v>1017070</v>
      </c>
      <c r="ON35" s="345">
        <v>341811</v>
      </c>
      <c r="OO35" s="345">
        <v>510301</v>
      </c>
      <c r="OP35" s="345">
        <v>670935</v>
      </c>
      <c r="OQ35" s="345">
        <v>95609</v>
      </c>
      <c r="OR35" s="349">
        <v>2635726</v>
      </c>
      <c r="OS35" s="354">
        <v>2658042</v>
      </c>
    </row>
    <row r="36" spans="2:409" s="70" customFormat="1" ht="21" customHeight="1" x14ac:dyDescent="0.2">
      <c r="B36" s="106" t="s">
        <v>31</v>
      </c>
      <c r="C36" s="326">
        <v>4480</v>
      </c>
      <c r="D36" s="327">
        <v>18340</v>
      </c>
      <c r="E36" s="328">
        <v>22820</v>
      </c>
      <c r="F36" s="329">
        <v>0</v>
      </c>
      <c r="G36" s="327">
        <v>129020</v>
      </c>
      <c r="H36" s="327">
        <v>138271</v>
      </c>
      <c r="I36" s="327">
        <v>336810</v>
      </c>
      <c r="J36" s="327">
        <v>78526</v>
      </c>
      <c r="K36" s="327">
        <v>236754</v>
      </c>
      <c r="L36" s="367">
        <v>919381</v>
      </c>
      <c r="M36" s="330">
        <v>942201</v>
      </c>
      <c r="N36" s="326">
        <v>0</v>
      </c>
      <c r="O36" s="327">
        <v>18340</v>
      </c>
      <c r="P36" s="328">
        <v>18340</v>
      </c>
      <c r="Q36" s="326">
        <v>0</v>
      </c>
      <c r="R36" s="327">
        <v>50133</v>
      </c>
      <c r="S36" s="327">
        <v>0</v>
      </c>
      <c r="T36" s="327">
        <v>69720</v>
      </c>
      <c r="U36" s="327">
        <v>50176</v>
      </c>
      <c r="V36" s="327">
        <v>205604</v>
      </c>
      <c r="W36" s="328">
        <v>375633</v>
      </c>
      <c r="X36" s="330">
        <v>393973</v>
      </c>
      <c r="Y36" s="326">
        <v>0</v>
      </c>
      <c r="Z36" s="327">
        <v>0</v>
      </c>
      <c r="AA36" s="328">
        <v>0</v>
      </c>
      <c r="AB36" s="326">
        <v>0</v>
      </c>
      <c r="AC36" s="327">
        <v>22136</v>
      </c>
      <c r="AD36" s="327">
        <v>0</v>
      </c>
      <c r="AE36" s="327">
        <v>0</v>
      </c>
      <c r="AF36" s="327">
        <v>0</v>
      </c>
      <c r="AG36" s="327">
        <v>0</v>
      </c>
      <c r="AH36" s="328">
        <v>22136</v>
      </c>
      <c r="AI36" s="330">
        <v>22136</v>
      </c>
      <c r="AJ36" s="326">
        <v>0</v>
      </c>
      <c r="AK36" s="327">
        <v>0</v>
      </c>
      <c r="AL36" s="328">
        <v>0</v>
      </c>
      <c r="AM36" s="326">
        <v>0</v>
      </c>
      <c r="AN36" s="327">
        <v>0</v>
      </c>
      <c r="AO36" s="327">
        <v>0</v>
      </c>
      <c r="AP36" s="327">
        <v>0</v>
      </c>
      <c r="AQ36" s="327">
        <v>0</v>
      </c>
      <c r="AR36" s="327">
        <v>138579</v>
      </c>
      <c r="AS36" s="328">
        <v>138579</v>
      </c>
      <c r="AT36" s="330">
        <v>138579</v>
      </c>
      <c r="AU36" s="326">
        <v>0</v>
      </c>
      <c r="AV36" s="327">
        <v>18340</v>
      </c>
      <c r="AW36" s="328">
        <v>18340</v>
      </c>
      <c r="AX36" s="326">
        <v>0</v>
      </c>
      <c r="AY36" s="327">
        <v>27997</v>
      </c>
      <c r="AZ36" s="327">
        <v>0</v>
      </c>
      <c r="BA36" s="327">
        <v>69720</v>
      </c>
      <c r="BB36" s="327">
        <v>50176</v>
      </c>
      <c r="BC36" s="327">
        <v>67025</v>
      </c>
      <c r="BD36" s="328">
        <v>214918</v>
      </c>
      <c r="BE36" s="330">
        <v>233258</v>
      </c>
      <c r="BF36" s="326">
        <v>0</v>
      </c>
      <c r="BG36" s="327">
        <v>0</v>
      </c>
      <c r="BH36" s="331">
        <v>0</v>
      </c>
      <c r="BI36" s="332">
        <v>0</v>
      </c>
      <c r="BJ36" s="327">
        <v>0</v>
      </c>
      <c r="BK36" s="327">
        <v>0</v>
      </c>
      <c r="BL36" s="327">
        <v>0</v>
      </c>
      <c r="BM36" s="327">
        <v>0</v>
      </c>
      <c r="BN36" s="327">
        <v>0</v>
      </c>
      <c r="BO36" s="328">
        <v>0</v>
      </c>
      <c r="BP36" s="330">
        <v>0</v>
      </c>
      <c r="BQ36" s="326">
        <v>0</v>
      </c>
      <c r="BR36" s="327">
        <v>0</v>
      </c>
      <c r="BS36" s="328">
        <v>0</v>
      </c>
      <c r="BT36" s="326">
        <v>0</v>
      </c>
      <c r="BU36" s="327">
        <v>0</v>
      </c>
      <c r="BV36" s="327">
        <v>0</v>
      </c>
      <c r="BW36" s="327">
        <v>0</v>
      </c>
      <c r="BX36" s="327">
        <v>0</v>
      </c>
      <c r="BY36" s="327">
        <v>0</v>
      </c>
      <c r="BZ36" s="328">
        <v>0</v>
      </c>
      <c r="CA36" s="330">
        <v>0</v>
      </c>
      <c r="CB36" s="326">
        <v>0</v>
      </c>
      <c r="CC36" s="327">
        <v>0</v>
      </c>
      <c r="CD36" s="328">
        <v>0</v>
      </c>
      <c r="CE36" s="326">
        <v>0</v>
      </c>
      <c r="CF36" s="327">
        <v>61737</v>
      </c>
      <c r="CG36" s="327">
        <v>114611</v>
      </c>
      <c r="CH36" s="327">
        <v>243094</v>
      </c>
      <c r="CI36" s="327">
        <v>0</v>
      </c>
      <c r="CJ36" s="327">
        <v>0</v>
      </c>
      <c r="CK36" s="328">
        <v>419442</v>
      </c>
      <c r="CL36" s="330">
        <v>419442</v>
      </c>
      <c r="CM36" s="326">
        <v>0</v>
      </c>
      <c r="CN36" s="327">
        <v>0</v>
      </c>
      <c r="CO36" s="328">
        <v>0</v>
      </c>
      <c r="CP36" s="332">
        <v>0</v>
      </c>
      <c r="CQ36" s="327">
        <v>45306</v>
      </c>
      <c r="CR36" s="327">
        <v>114611</v>
      </c>
      <c r="CS36" s="327">
        <v>69954</v>
      </c>
      <c r="CT36" s="327">
        <v>0</v>
      </c>
      <c r="CU36" s="327">
        <v>0</v>
      </c>
      <c r="CV36" s="328">
        <v>229871</v>
      </c>
      <c r="CW36" s="330">
        <v>229871</v>
      </c>
      <c r="CX36" s="326">
        <v>0</v>
      </c>
      <c r="CY36" s="327">
        <v>0</v>
      </c>
      <c r="CZ36" s="328">
        <v>0</v>
      </c>
      <c r="DA36" s="326">
        <v>0</v>
      </c>
      <c r="DB36" s="327">
        <v>16431</v>
      </c>
      <c r="DC36" s="327">
        <v>0</v>
      </c>
      <c r="DD36" s="327">
        <v>173140</v>
      </c>
      <c r="DE36" s="327">
        <v>0</v>
      </c>
      <c r="DF36" s="327">
        <v>0</v>
      </c>
      <c r="DG36" s="328">
        <v>189571</v>
      </c>
      <c r="DH36" s="330">
        <v>189571</v>
      </c>
      <c r="DI36" s="326">
        <v>0</v>
      </c>
      <c r="DJ36" s="327">
        <v>0</v>
      </c>
      <c r="DK36" s="331">
        <v>0</v>
      </c>
      <c r="DL36" s="332">
        <v>0</v>
      </c>
      <c r="DM36" s="327">
        <v>0</v>
      </c>
      <c r="DN36" s="327">
        <v>0</v>
      </c>
      <c r="DO36" s="327">
        <v>0</v>
      </c>
      <c r="DP36" s="327">
        <v>0</v>
      </c>
      <c r="DQ36" s="327">
        <v>0</v>
      </c>
      <c r="DR36" s="328">
        <v>0</v>
      </c>
      <c r="DS36" s="330">
        <v>0</v>
      </c>
      <c r="DT36" s="326">
        <v>0</v>
      </c>
      <c r="DU36" s="327">
        <v>0</v>
      </c>
      <c r="DV36" s="328">
        <v>0</v>
      </c>
      <c r="DW36" s="326">
        <v>0</v>
      </c>
      <c r="DX36" s="327">
        <v>0</v>
      </c>
      <c r="DY36" s="327">
        <v>0</v>
      </c>
      <c r="DZ36" s="327">
        <v>0</v>
      </c>
      <c r="EA36" s="327">
        <v>0</v>
      </c>
      <c r="EB36" s="327">
        <v>0</v>
      </c>
      <c r="EC36" s="328">
        <v>0</v>
      </c>
      <c r="ED36" s="330">
        <v>0</v>
      </c>
      <c r="EE36" s="326">
        <v>0</v>
      </c>
      <c r="EF36" s="331">
        <v>0</v>
      </c>
      <c r="EG36" s="328">
        <v>0</v>
      </c>
      <c r="EH36" s="326">
        <v>0</v>
      </c>
      <c r="EI36" s="327">
        <v>0</v>
      </c>
      <c r="EJ36" s="327">
        <v>0</v>
      </c>
      <c r="EK36" s="327">
        <v>0</v>
      </c>
      <c r="EL36" s="327">
        <v>0</v>
      </c>
      <c r="EM36" s="327">
        <v>0</v>
      </c>
      <c r="EN36" s="331">
        <v>0</v>
      </c>
      <c r="EO36" s="330">
        <v>0</v>
      </c>
      <c r="EP36" s="326">
        <v>0</v>
      </c>
      <c r="EQ36" s="327">
        <v>0</v>
      </c>
      <c r="ER36" s="331">
        <v>0</v>
      </c>
      <c r="ES36" s="332">
        <v>0</v>
      </c>
      <c r="ET36" s="327">
        <v>0</v>
      </c>
      <c r="EU36" s="327">
        <v>0</v>
      </c>
      <c r="EV36" s="327">
        <v>0</v>
      </c>
      <c r="EW36" s="327">
        <v>0</v>
      </c>
      <c r="EX36" s="327">
        <v>0</v>
      </c>
      <c r="EY36" s="328">
        <v>0</v>
      </c>
      <c r="EZ36" s="330">
        <v>0</v>
      </c>
      <c r="FA36" s="326">
        <v>0</v>
      </c>
      <c r="FB36" s="327">
        <v>0</v>
      </c>
      <c r="FC36" s="331">
        <v>0</v>
      </c>
      <c r="FD36" s="404">
        <v>0</v>
      </c>
      <c r="FE36" s="327">
        <v>0</v>
      </c>
      <c r="FF36" s="327">
        <v>0</v>
      </c>
      <c r="FG36" s="327">
        <v>0</v>
      </c>
      <c r="FH36" s="327">
        <v>0</v>
      </c>
      <c r="FI36" s="327">
        <v>0</v>
      </c>
      <c r="FJ36" s="328">
        <v>0</v>
      </c>
      <c r="FK36" s="330">
        <v>0</v>
      </c>
      <c r="FL36" s="326">
        <v>4480</v>
      </c>
      <c r="FM36" s="327">
        <v>0</v>
      </c>
      <c r="FN36" s="328">
        <v>4480</v>
      </c>
      <c r="FO36" s="326">
        <v>0</v>
      </c>
      <c r="FP36" s="327">
        <v>17150</v>
      </c>
      <c r="FQ36" s="327">
        <v>23660</v>
      </c>
      <c r="FR36" s="327">
        <v>23996</v>
      </c>
      <c r="FS36" s="327">
        <v>28350</v>
      </c>
      <c r="FT36" s="327">
        <v>31150</v>
      </c>
      <c r="FU36" s="328">
        <v>124306</v>
      </c>
      <c r="FV36" s="330">
        <v>128786</v>
      </c>
      <c r="FW36" s="333">
        <v>4480</v>
      </c>
      <c r="FX36" s="327">
        <v>0</v>
      </c>
      <c r="FY36" s="331">
        <v>4480</v>
      </c>
      <c r="FZ36" s="332">
        <v>0</v>
      </c>
      <c r="GA36" s="327">
        <v>17150</v>
      </c>
      <c r="GB36" s="327">
        <v>0</v>
      </c>
      <c r="GC36" s="327">
        <v>23996</v>
      </c>
      <c r="GD36" s="327">
        <v>28350</v>
      </c>
      <c r="GE36" s="327">
        <v>31150</v>
      </c>
      <c r="GF36" s="328">
        <v>100646</v>
      </c>
      <c r="GG36" s="334">
        <v>105126</v>
      </c>
      <c r="GH36" s="333">
        <v>0</v>
      </c>
      <c r="GI36" s="327">
        <v>0</v>
      </c>
      <c r="GJ36" s="331">
        <v>0</v>
      </c>
      <c r="GK36" s="332">
        <v>0</v>
      </c>
      <c r="GL36" s="327">
        <v>0</v>
      </c>
      <c r="GM36" s="327">
        <v>23660</v>
      </c>
      <c r="GN36" s="327">
        <v>0</v>
      </c>
      <c r="GO36" s="327">
        <v>0</v>
      </c>
      <c r="GP36" s="327">
        <v>0</v>
      </c>
      <c r="GQ36" s="328">
        <v>23660</v>
      </c>
      <c r="GR36" s="330">
        <v>23660</v>
      </c>
      <c r="GS36" s="326">
        <v>0</v>
      </c>
      <c r="GT36" s="327">
        <v>0</v>
      </c>
      <c r="GU36" s="328">
        <v>0</v>
      </c>
      <c r="GV36" s="326">
        <v>0</v>
      </c>
      <c r="GW36" s="327">
        <v>0</v>
      </c>
      <c r="GX36" s="327">
        <v>0</v>
      </c>
      <c r="GY36" s="327">
        <v>0</v>
      </c>
      <c r="GZ36" s="327">
        <v>0</v>
      </c>
      <c r="HA36" s="327">
        <v>0</v>
      </c>
      <c r="HB36" s="331">
        <v>0</v>
      </c>
      <c r="HC36" s="330">
        <v>0</v>
      </c>
      <c r="HD36" s="326">
        <v>0</v>
      </c>
      <c r="HE36" s="327">
        <v>0</v>
      </c>
      <c r="HF36" s="331">
        <v>0</v>
      </c>
      <c r="HG36" s="332">
        <v>0</v>
      </c>
      <c r="HH36" s="327">
        <v>0</v>
      </c>
      <c r="HI36" s="327">
        <v>0</v>
      </c>
      <c r="HJ36" s="327">
        <v>0</v>
      </c>
      <c r="HK36" s="327">
        <v>0</v>
      </c>
      <c r="HL36" s="327">
        <v>0</v>
      </c>
      <c r="HM36" s="328">
        <v>0</v>
      </c>
      <c r="HN36" s="329">
        <v>0</v>
      </c>
      <c r="HO36" s="333">
        <v>0</v>
      </c>
      <c r="HP36" s="327">
        <v>0</v>
      </c>
      <c r="HQ36" s="328">
        <v>0</v>
      </c>
      <c r="HR36" s="326">
        <v>0</v>
      </c>
      <c r="HS36" s="327">
        <v>0</v>
      </c>
      <c r="HT36" s="327">
        <v>0</v>
      </c>
      <c r="HU36" s="327">
        <v>0</v>
      </c>
      <c r="HV36" s="327">
        <v>0</v>
      </c>
      <c r="HW36" s="327">
        <v>0</v>
      </c>
      <c r="HX36" s="331">
        <v>0</v>
      </c>
      <c r="HY36" s="330">
        <v>0</v>
      </c>
      <c r="HZ36" s="358">
        <v>0</v>
      </c>
      <c r="IA36" s="356">
        <v>0</v>
      </c>
      <c r="IB36" s="358">
        <v>0</v>
      </c>
      <c r="IC36" s="355">
        <v>0</v>
      </c>
      <c r="ID36" s="356">
        <v>48743</v>
      </c>
      <c r="IE36" s="357">
        <v>0</v>
      </c>
      <c r="IF36" s="358">
        <v>81557</v>
      </c>
      <c r="IG36" s="356">
        <v>0</v>
      </c>
      <c r="IH36" s="358">
        <v>0</v>
      </c>
      <c r="II36" s="359">
        <v>130300</v>
      </c>
      <c r="IJ36" s="358">
        <v>130300</v>
      </c>
      <c r="IK36" s="342">
        <v>0</v>
      </c>
      <c r="IL36" s="343">
        <v>0</v>
      </c>
      <c r="IM36" s="344">
        <v>0</v>
      </c>
      <c r="IN36" s="404">
        <v>0</v>
      </c>
      <c r="IO36" s="345">
        <v>0</v>
      </c>
      <c r="IP36" s="345">
        <v>0</v>
      </c>
      <c r="IQ36" s="345">
        <v>0</v>
      </c>
      <c r="IR36" s="345">
        <v>0</v>
      </c>
      <c r="IS36" s="345">
        <v>0</v>
      </c>
      <c r="IT36" s="346">
        <v>0</v>
      </c>
      <c r="IU36" s="347">
        <v>0</v>
      </c>
      <c r="IV36" s="348">
        <v>0</v>
      </c>
      <c r="IW36" s="345">
        <v>0</v>
      </c>
      <c r="IX36" s="349">
        <v>0</v>
      </c>
      <c r="IY36" s="404">
        <v>0</v>
      </c>
      <c r="IZ36" s="345">
        <v>0</v>
      </c>
      <c r="JA36" s="345">
        <v>0</v>
      </c>
      <c r="JB36" s="345">
        <v>0</v>
      </c>
      <c r="JC36" s="345">
        <v>0</v>
      </c>
      <c r="JD36" s="345">
        <v>0</v>
      </c>
      <c r="JE36" s="349">
        <v>0</v>
      </c>
      <c r="JF36" s="350">
        <v>0</v>
      </c>
      <c r="JG36" s="348">
        <v>0</v>
      </c>
      <c r="JH36" s="345">
        <v>0</v>
      </c>
      <c r="JI36" s="346">
        <v>0</v>
      </c>
      <c r="JJ36" s="351">
        <v>0</v>
      </c>
      <c r="JK36" s="345">
        <v>48743</v>
      </c>
      <c r="JL36" s="345">
        <v>0</v>
      </c>
      <c r="JM36" s="345">
        <v>81557</v>
      </c>
      <c r="JN36" s="345">
        <v>0</v>
      </c>
      <c r="JO36" s="345">
        <v>0</v>
      </c>
      <c r="JP36" s="349">
        <v>130300</v>
      </c>
      <c r="JQ36" s="347">
        <v>130300</v>
      </c>
      <c r="JR36" s="348">
        <v>0</v>
      </c>
      <c r="JS36" s="345">
        <v>0</v>
      </c>
      <c r="JT36" s="346">
        <v>0</v>
      </c>
      <c r="JU36" s="351">
        <v>0</v>
      </c>
      <c r="JV36" s="345">
        <v>0</v>
      </c>
      <c r="JW36" s="345">
        <v>0</v>
      </c>
      <c r="JX36" s="345">
        <v>0</v>
      </c>
      <c r="JY36" s="345">
        <v>0</v>
      </c>
      <c r="JZ36" s="345">
        <v>0</v>
      </c>
      <c r="KA36" s="349">
        <v>0</v>
      </c>
      <c r="KB36" s="347">
        <v>0</v>
      </c>
      <c r="KC36" s="352">
        <v>0</v>
      </c>
      <c r="KD36" s="353">
        <v>0</v>
      </c>
      <c r="KE36" s="349">
        <v>0</v>
      </c>
      <c r="KF36" s="351">
        <v>0</v>
      </c>
      <c r="KG36" s="345">
        <v>0</v>
      </c>
      <c r="KH36" s="345">
        <v>0</v>
      </c>
      <c r="KI36" s="345">
        <v>0</v>
      </c>
      <c r="KJ36" s="345">
        <v>0</v>
      </c>
      <c r="KK36" s="345">
        <v>0</v>
      </c>
      <c r="KL36" s="349">
        <v>0</v>
      </c>
      <c r="KM36" s="354">
        <v>0</v>
      </c>
      <c r="KN36" s="342">
        <v>0</v>
      </c>
      <c r="KO36" s="343">
        <v>0</v>
      </c>
      <c r="KP36" s="344">
        <v>0</v>
      </c>
      <c r="KQ36" s="404">
        <v>0</v>
      </c>
      <c r="KR36" s="345">
        <v>0</v>
      </c>
      <c r="KS36" s="345">
        <v>0</v>
      </c>
      <c r="KT36" s="345">
        <v>0</v>
      </c>
      <c r="KU36" s="345">
        <v>0</v>
      </c>
      <c r="KV36" s="345">
        <v>0</v>
      </c>
      <c r="KW36" s="349">
        <v>0</v>
      </c>
      <c r="KX36" s="347">
        <v>0</v>
      </c>
      <c r="KY36" s="348">
        <v>0</v>
      </c>
      <c r="KZ36" s="345">
        <v>0</v>
      </c>
      <c r="LA36" s="349">
        <v>0</v>
      </c>
      <c r="LB36" s="404">
        <v>0</v>
      </c>
      <c r="LC36" s="345">
        <v>0</v>
      </c>
      <c r="LD36" s="345">
        <v>0</v>
      </c>
      <c r="LE36" s="345">
        <v>0</v>
      </c>
      <c r="LF36" s="345">
        <v>0</v>
      </c>
      <c r="LG36" s="345">
        <v>0</v>
      </c>
      <c r="LH36" s="349">
        <v>0</v>
      </c>
      <c r="LI36" s="350">
        <v>0</v>
      </c>
      <c r="LJ36" s="348">
        <v>0</v>
      </c>
      <c r="LK36" s="345">
        <v>0</v>
      </c>
      <c r="LL36" s="349">
        <v>0</v>
      </c>
      <c r="LM36" s="404">
        <v>0</v>
      </c>
      <c r="LN36" s="345">
        <v>0</v>
      </c>
      <c r="LO36" s="345">
        <v>0</v>
      </c>
      <c r="LP36" s="345">
        <v>0</v>
      </c>
      <c r="LQ36" s="345">
        <v>0</v>
      </c>
      <c r="LR36" s="345">
        <v>0</v>
      </c>
      <c r="LS36" s="349">
        <v>0</v>
      </c>
      <c r="LT36" s="347">
        <v>0</v>
      </c>
      <c r="LU36" s="348">
        <v>0</v>
      </c>
      <c r="LV36" s="345">
        <v>0</v>
      </c>
      <c r="LW36" s="349">
        <v>0</v>
      </c>
      <c r="LX36" s="404">
        <v>0</v>
      </c>
      <c r="LY36" s="345">
        <v>0</v>
      </c>
      <c r="LZ36" s="345">
        <v>0</v>
      </c>
      <c r="MA36" s="345">
        <v>0</v>
      </c>
      <c r="MB36" s="345">
        <v>0</v>
      </c>
      <c r="MC36" s="345">
        <v>0</v>
      </c>
      <c r="MD36" s="349">
        <v>0</v>
      </c>
      <c r="ME36" s="350">
        <v>0</v>
      </c>
      <c r="MF36" s="348">
        <v>0</v>
      </c>
      <c r="MG36" s="345">
        <v>0</v>
      </c>
      <c r="MH36" s="349">
        <v>0</v>
      </c>
      <c r="MI36" s="404">
        <v>0</v>
      </c>
      <c r="MJ36" s="345">
        <v>0</v>
      </c>
      <c r="MK36" s="345">
        <v>0</v>
      </c>
      <c r="ML36" s="345">
        <v>955636</v>
      </c>
      <c r="MM36" s="345">
        <v>254115</v>
      </c>
      <c r="MN36" s="345">
        <v>238875</v>
      </c>
      <c r="MO36" s="349">
        <v>1448626</v>
      </c>
      <c r="MP36" s="354">
        <v>1448626</v>
      </c>
      <c r="MQ36" s="348">
        <v>0</v>
      </c>
      <c r="MR36" s="345">
        <v>0</v>
      </c>
      <c r="MS36" s="349">
        <v>0</v>
      </c>
      <c r="MT36" s="404">
        <v>0</v>
      </c>
      <c r="MU36" s="345">
        <v>0</v>
      </c>
      <c r="MV36" s="345">
        <v>0</v>
      </c>
      <c r="MW36" s="345">
        <v>551030</v>
      </c>
      <c r="MX36" s="345">
        <v>0</v>
      </c>
      <c r="MY36" s="345">
        <v>238875</v>
      </c>
      <c r="MZ36" s="349">
        <v>789905</v>
      </c>
      <c r="NA36" s="354">
        <v>789905</v>
      </c>
      <c r="NB36" s="348">
        <v>0</v>
      </c>
      <c r="NC36" s="345">
        <v>0</v>
      </c>
      <c r="ND36" s="349">
        <v>0</v>
      </c>
      <c r="NE36" s="404">
        <v>0</v>
      </c>
      <c r="NF36" s="345">
        <v>0</v>
      </c>
      <c r="NG36" s="345">
        <v>0</v>
      </c>
      <c r="NH36" s="345">
        <v>404606</v>
      </c>
      <c r="NI36" s="345">
        <v>254115</v>
      </c>
      <c r="NJ36" s="345">
        <v>0</v>
      </c>
      <c r="NK36" s="349">
        <v>658721</v>
      </c>
      <c r="NL36" s="347">
        <v>658721</v>
      </c>
      <c r="NM36" s="348">
        <v>0</v>
      </c>
      <c r="NN36" s="345">
        <v>0</v>
      </c>
      <c r="NO36" s="349">
        <v>0</v>
      </c>
      <c r="NP36" s="404">
        <v>0</v>
      </c>
      <c r="NQ36" s="345">
        <v>0</v>
      </c>
      <c r="NR36" s="345">
        <v>0</v>
      </c>
      <c r="NS36" s="345">
        <v>0</v>
      </c>
      <c r="NT36" s="345">
        <v>0</v>
      </c>
      <c r="NU36" s="345">
        <v>0</v>
      </c>
      <c r="NV36" s="349">
        <v>0</v>
      </c>
      <c r="NW36" s="350">
        <v>0</v>
      </c>
      <c r="NX36" s="348">
        <v>0</v>
      </c>
      <c r="NY36" s="345">
        <v>0</v>
      </c>
      <c r="NZ36" s="349">
        <v>0</v>
      </c>
      <c r="OA36" s="404">
        <v>0</v>
      </c>
      <c r="OB36" s="345">
        <v>0</v>
      </c>
      <c r="OC36" s="345">
        <v>0</v>
      </c>
      <c r="OD36" s="345">
        <v>0</v>
      </c>
      <c r="OE36" s="345">
        <v>0</v>
      </c>
      <c r="OF36" s="345">
        <v>0</v>
      </c>
      <c r="OG36" s="349">
        <v>0</v>
      </c>
      <c r="OH36" s="350">
        <v>0</v>
      </c>
      <c r="OI36" s="348">
        <v>4480</v>
      </c>
      <c r="OJ36" s="345">
        <v>18340</v>
      </c>
      <c r="OK36" s="346">
        <v>22820</v>
      </c>
      <c r="OL36" s="351">
        <v>0</v>
      </c>
      <c r="OM36" s="345">
        <v>177763</v>
      </c>
      <c r="ON36" s="345">
        <v>138271</v>
      </c>
      <c r="OO36" s="345">
        <v>1374003</v>
      </c>
      <c r="OP36" s="345">
        <v>332641</v>
      </c>
      <c r="OQ36" s="345">
        <v>475629</v>
      </c>
      <c r="OR36" s="349">
        <v>2498307</v>
      </c>
      <c r="OS36" s="354">
        <v>2521127</v>
      </c>
    </row>
    <row r="37" spans="2:409" s="70" customFormat="1" ht="21" customHeight="1" x14ac:dyDescent="0.2">
      <c r="B37" s="106" t="s">
        <v>32</v>
      </c>
      <c r="C37" s="326">
        <v>25893</v>
      </c>
      <c r="D37" s="327">
        <v>104426</v>
      </c>
      <c r="E37" s="368">
        <v>130319</v>
      </c>
      <c r="F37" s="370">
        <v>0</v>
      </c>
      <c r="G37" s="369">
        <v>280071</v>
      </c>
      <c r="H37" s="369">
        <v>386819</v>
      </c>
      <c r="I37" s="369">
        <v>30256</v>
      </c>
      <c r="J37" s="369">
        <v>281914</v>
      </c>
      <c r="K37" s="369">
        <v>466946</v>
      </c>
      <c r="L37" s="370">
        <v>1446006</v>
      </c>
      <c r="M37" s="330">
        <v>1576325</v>
      </c>
      <c r="N37" s="326">
        <v>18613</v>
      </c>
      <c r="O37" s="327">
        <v>45213</v>
      </c>
      <c r="P37" s="328">
        <v>63826</v>
      </c>
      <c r="Q37" s="326">
        <v>0</v>
      </c>
      <c r="R37" s="327">
        <v>80094</v>
      </c>
      <c r="S37" s="327">
        <v>145180</v>
      </c>
      <c r="T37" s="327">
        <v>26756</v>
      </c>
      <c r="U37" s="327">
        <v>35489</v>
      </c>
      <c r="V37" s="327">
        <v>21469</v>
      </c>
      <c r="W37" s="328">
        <v>308988</v>
      </c>
      <c r="X37" s="330">
        <v>372814</v>
      </c>
      <c r="Y37" s="326">
        <v>0</v>
      </c>
      <c r="Z37" s="327">
        <v>0</v>
      </c>
      <c r="AA37" s="328">
        <v>0</v>
      </c>
      <c r="AB37" s="326">
        <v>0</v>
      </c>
      <c r="AC37" s="327">
        <v>0</v>
      </c>
      <c r="AD37" s="327">
        <v>59752</v>
      </c>
      <c r="AE37" s="327">
        <v>0</v>
      </c>
      <c r="AF37" s="327">
        <v>0</v>
      </c>
      <c r="AG37" s="327">
        <v>0</v>
      </c>
      <c r="AH37" s="328">
        <v>59752</v>
      </c>
      <c r="AI37" s="330">
        <v>59752</v>
      </c>
      <c r="AJ37" s="326">
        <v>0</v>
      </c>
      <c r="AK37" s="327">
        <v>0</v>
      </c>
      <c r="AL37" s="328">
        <v>0</v>
      </c>
      <c r="AM37" s="326">
        <v>0</v>
      </c>
      <c r="AN37" s="327">
        <v>0</v>
      </c>
      <c r="AO37" s="327">
        <v>0</v>
      </c>
      <c r="AP37" s="327">
        <v>0</v>
      </c>
      <c r="AQ37" s="327">
        <v>0</v>
      </c>
      <c r="AR37" s="327">
        <v>0</v>
      </c>
      <c r="AS37" s="328">
        <v>0</v>
      </c>
      <c r="AT37" s="330">
        <v>0</v>
      </c>
      <c r="AU37" s="326">
        <v>18613</v>
      </c>
      <c r="AV37" s="327">
        <v>45213</v>
      </c>
      <c r="AW37" s="328">
        <v>63826</v>
      </c>
      <c r="AX37" s="326">
        <v>0</v>
      </c>
      <c r="AY37" s="327">
        <v>80094</v>
      </c>
      <c r="AZ37" s="327">
        <v>39312</v>
      </c>
      <c r="BA37" s="327">
        <v>11734</v>
      </c>
      <c r="BB37" s="327">
        <v>0</v>
      </c>
      <c r="BC37" s="327">
        <v>0</v>
      </c>
      <c r="BD37" s="328">
        <v>131140</v>
      </c>
      <c r="BE37" s="330">
        <v>194966</v>
      </c>
      <c r="BF37" s="326">
        <v>0</v>
      </c>
      <c r="BG37" s="327">
        <v>0</v>
      </c>
      <c r="BH37" s="331">
        <v>0</v>
      </c>
      <c r="BI37" s="332">
        <v>0</v>
      </c>
      <c r="BJ37" s="327">
        <v>0</v>
      </c>
      <c r="BK37" s="327">
        <v>0</v>
      </c>
      <c r="BL37" s="327">
        <v>0</v>
      </c>
      <c r="BM37" s="327">
        <v>20481</v>
      </c>
      <c r="BN37" s="327">
        <v>0</v>
      </c>
      <c r="BO37" s="328">
        <v>20481</v>
      </c>
      <c r="BP37" s="330">
        <v>20481</v>
      </c>
      <c r="BQ37" s="326">
        <v>0</v>
      </c>
      <c r="BR37" s="327">
        <v>0</v>
      </c>
      <c r="BS37" s="328">
        <v>0</v>
      </c>
      <c r="BT37" s="326">
        <v>0</v>
      </c>
      <c r="BU37" s="327">
        <v>0</v>
      </c>
      <c r="BV37" s="327">
        <v>46116</v>
      </c>
      <c r="BW37" s="327">
        <v>15022</v>
      </c>
      <c r="BX37" s="327">
        <v>15008</v>
      </c>
      <c r="BY37" s="327">
        <v>21469</v>
      </c>
      <c r="BZ37" s="328">
        <v>97615</v>
      </c>
      <c r="CA37" s="330">
        <v>97615</v>
      </c>
      <c r="CB37" s="326">
        <v>0</v>
      </c>
      <c r="CC37" s="327">
        <v>35063</v>
      </c>
      <c r="CD37" s="328">
        <v>35063</v>
      </c>
      <c r="CE37" s="326">
        <v>0</v>
      </c>
      <c r="CF37" s="327">
        <v>172635</v>
      </c>
      <c r="CG37" s="327">
        <v>162336</v>
      </c>
      <c r="CH37" s="327">
        <v>0</v>
      </c>
      <c r="CI37" s="327">
        <v>63312</v>
      </c>
      <c r="CJ37" s="327">
        <v>0</v>
      </c>
      <c r="CK37" s="328">
        <v>398283</v>
      </c>
      <c r="CL37" s="330">
        <v>433346</v>
      </c>
      <c r="CM37" s="326">
        <v>0</v>
      </c>
      <c r="CN37" s="327">
        <v>0</v>
      </c>
      <c r="CO37" s="328">
        <v>0</v>
      </c>
      <c r="CP37" s="332">
        <v>0</v>
      </c>
      <c r="CQ37" s="327">
        <v>172635</v>
      </c>
      <c r="CR37" s="327">
        <v>82586</v>
      </c>
      <c r="CS37" s="327">
        <v>0</v>
      </c>
      <c r="CT37" s="327">
        <v>34787</v>
      </c>
      <c r="CU37" s="327">
        <v>0</v>
      </c>
      <c r="CV37" s="328">
        <v>290008</v>
      </c>
      <c r="CW37" s="330">
        <v>290008</v>
      </c>
      <c r="CX37" s="326">
        <v>0</v>
      </c>
      <c r="CY37" s="327">
        <v>35063</v>
      </c>
      <c r="CZ37" s="328">
        <v>35063</v>
      </c>
      <c r="DA37" s="326">
        <v>0</v>
      </c>
      <c r="DB37" s="327">
        <v>0</v>
      </c>
      <c r="DC37" s="327">
        <v>79750</v>
      </c>
      <c r="DD37" s="327">
        <v>0</v>
      </c>
      <c r="DE37" s="327">
        <v>28525</v>
      </c>
      <c r="DF37" s="327">
        <v>0</v>
      </c>
      <c r="DG37" s="328">
        <v>108275</v>
      </c>
      <c r="DH37" s="330">
        <v>143338</v>
      </c>
      <c r="DI37" s="326">
        <v>0</v>
      </c>
      <c r="DJ37" s="327">
        <v>0</v>
      </c>
      <c r="DK37" s="331">
        <v>0</v>
      </c>
      <c r="DL37" s="332">
        <v>0</v>
      </c>
      <c r="DM37" s="327">
        <v>0</v>
      </c>
      <c r="DN37" s="327">
        <v>0</v>
      </c>
      <c r="DO37" s="327">
        <v>0</v>
      </c>
      <c r="DP37" s="327">
        <v>0</v>
      </c>
      <c r="DQ37" s="327">
        <v>0</v>
      </c>
      <c r="DR37" s="328">
        <v>0</v>
      </c>
      <c r="DS37" s="330">
        <v>0</v>
      </c>
      <c r="DT37" s="326">
        <v>0</v>
      </c>
      <c r="DU37" s="327">
        <v>0</v>
      </c>
      <c r="DV37" s="328">
        <v>0</v>
      </c>
      <c r="DW37" s="326">
        <v>0</v>
      </c>
      <c r="DX37" s="327">
        <v>0</v>
      </c>
      <c r="DY37" s="327">
        <v>0</v>
      </c>
      <c r="DZ37" s="327">
        <v>0</v>
      </c>
      <c r="EA37" s="327">
        <v>0</v>
      </c>
      <c r="EB37" s="327">
        <v>0</v>
      </c>
      <c r="EC37" s="328">
        <v>0</v>
      </c>
      <c r="ED37" s="330">
        <v>0</v>
      </c>
      <c r="EE37" s="326">
        <v>0</v>
      </c>
      <c r="EF37" s="331">
        <v>0</v>
      </c>
      <c r="EG37" s="328">
        <v>0</v>
      </c>
      <c r="EH37" s="326">
        <v>0</v>
      </c>
      <c r="EI37" s="327">
        <v>0</v>
      </c>
      <c r="EJ37" s="327">
        <v>0</v>
      </c>
      <c r="EK37" s="327">
        <v>0</v>
      </c>
      <c r="EL37" s="327">
        <v>0</v>
      </c>
      <c r="EM37" s="327">
        <v>0</v>
      </c>
      <c r="EN37" s="331">
        <v>0</v>
      </c>
      <c r="EO37" s="330">
        <v>0</v>
      </c>
      <c r="EP37" s="326">
        <v>0</v>
      </c>
      <c r="EQ37" s="327">
        <v>0</v>
      </c>
      <c r="ER37" s="331">
        <v>0</v>
      </c>
      <c r="ES37" s="332">
        <v>0</v>
      </c>
      <c r="ET37" s="327">
        <v>0</v>
      </c>
      <c r="EU37" s="327">
        <v>0</v>
      </c>
      <c r="EV37" s="327">
        <v>0</v>
      </c>
      <c r="EW37" s="327">
        <v>0</v>
      </c>
      <c r="EX37" s="327">
        <v>0</v>
      </c>
      <c r="EY37" s="328">
        <v>0</v>
      </c>
      <c r="EZ37" s="330">
        <v>0</v>
      </c>
      <c r="FA37" s="326">
        <v>0</v>
      </c>
      <c r="FB37" s="327">
        <v>0</v>
      </c>
      <c r="FC37" s="331">
        <v>0</v>
      </c>
      <c r="FD37" s="404">
        <v>0</v>
      </c>
      <c r="FE37" s="327">
        <v>0</v>
      </c>
      <c r="FF37" s="327">
        <v>0</v>
      </c>
      <c r="FG37" s="327">
        <v>0</v>
      </c>
      <c r="FH37" s="327">
        <v>0</v>
      </c>
      <c r="FI37" s="327">
        <v>0</v>
      </c>
      <c r="FJ37" s="328">
        <v>0</v>
      </c>
      <c r="FK37" s="330">
        <v>0</v>
      </c>
      <c r="FL37" s="326">
        <v>7280</v>
      </c>
      <c r="FM37" s="327">
        <v>24150</v>
      </c>
      <c r="FN37" s="328">
        <v>31430</v>
      </c>
      <c r="FO37" s="326">
        <v>0</v>
      </c>
      <c r="FP37" s="327">
        <v>27342</v>
      </c>
      <c r="FQ37" s="327">
        <v>79303</v>
      </c>
      <c r="FR37" s="327">
        <v>3500</v>
      </c>
      <c r="FS37" s="327">
        <v>21378</v>
      </c>
      <c r="FT37" s="327">
        <v>0</v>
      </c>
      <c r="FU37" s="328">
        <v>131523</v>
      </c>
      <c r="FV37" s="330">
        <v>162953</v>
      </c>
      <c r="FW37" s="333">
        <v>7280</v>
      </c>
      <c r="FX37" s="327">
        <v>24150</v>
      </c>
      <c r="FY37" s="331">
        <v>31430</v>
      </c>
      <c r="FZ37" s="332">
        <v>0</v>
      </c>
      <c r="GA37" s="327">
        <v>27342</v>
      </c>
      <c r="GB37" s="327">
        <v>55237</v>
      </c>
      <c r="GC37" s="327">
        <v>3500</v>
      </c>
      <c r="GD37" s="327">
        <v>21378</v>
      </c>
      <c r="GE37" s="327">
        <v>0</v>
      </c>
      <c r="GF37" s="328">
        <v>107457</v>
      </c>
      <c r="GG37" s="334">
        <v>138887</v>
      </c>
      <c r="GH37" s="333">
        <v>0</v>
      </c>
      <c r="GI37" s="327">
        <v>0</v>
      </c>
      <c r="GJ37" s="331">
        <v>0</v>
      </c>
      <c r="GK37" s="332">
        <v>0</v>
      </c>
      <c r="GL37" s="327">
        <v>0</v>
      </c>
      <c r="GM37" s="327">
        <v>24066</v>
      </c>
      <c r="GN37" s="327">
        <v>0</v>
      </c>
      <c r="GO37" s="327">
        <v>0</v>
      </c>
      <c r="GP37" s="327">
        <v>0</v>
      </c>
      <c r="GQ37" s="328">
        <v>24066</v>
      </c>
      <c r="GR37" s="330">
        <v>24066</v>
      </c>
      <c r="GS37" s="326">
        <v>0</v>
      </c>
      <c r="GT37" s="327">
        <v>0</v>
      </c>
      <c r="GU37" s="328">
        <v>0</v>
      </c>
      <c r="GV37" s="326">
        <v>0</v>
      </c>
      <c r="GW37" s="327">
        <v>0</v>
      </c>
      <c r="GX37" s="327">
        <v>0</v>
      </c>
      <c r="GY37" s="327">
        <v>0</v>
      </c>
      <c r="GZ37" s="327">
        <v>0</v>
      </c>
      <c r="HA37" s="327">
        <v>0</v>
      </c>
      <c r="HB37" s="331">
        <v>0</v>
      </c>
      <c r="HC37" s="330">
        <v>0</v>
      </c>
      <c r="HD37" s="326">
        <v>0</v>
      </c>
      <c r="HE37" s="327">
        <v>0</v>
      </c>
      <c r="HF37" s="331">
        <v>0</v>
      </c>
      <c r="HG37" s="332">
        <v>0</v>
      </c>
      <c r="HH37" s="327">
        <v>0</v>
      </c>
      <c r="HI37" s="327">
        <v>0</v>
      </c>
      <c r="HJ37" s="327">
        <v>0</v>
      </c>
      <c r="HK37" s="327">
        <v>161735</v>
      </c>
      <c r="HL37" s="327">
        <v>445477</v>
      </c>
      <c r="HM37" s="328">
        <v>607212</v>
      </c>
      <c r="HN37" s="329">
        <v>607212</v>
      </c>
      <c r="HO37" s="333">
        <v>0</v>
      </c>
      <c r="HP37" s="327">
        <v>0</v>
      </c>
      <c r="HQ37" s="328">
        <v>0</v>
      </c>
      <c r="HR37" s="326">
        <v>0</v>
      </c>
      <c r="HS37" s="327">
        <v>0</v>
      </c>
      <c r="HT37" s="327">
        <v>0</v>
      </c>
      <c r="HU37" s="327">
        <v>0</v>
      </c>
      <c r="HV37" s="327">
        <v>0</v>
      </c>
      <c r="HW37" s="327">
        <v>0</v>
      </c>
      <c r="HX37" s="331">
        <v>0</v>
      </c>
      <c r="HY37" s="330">
        <v>0</v>
      </c>
      <c r="HZ37" s="335">
        <v>0</v>
      </c>
      <c r="IA37" s="336">
        <v>0</v>
      </c>
      <c r="IB37" s="337">
        <v>0</v>
      </c>
      <c r="IC37" s="338">
        <v>0</v>
      </c>
      <c r="ID37" s="336">
        <v>333648</v>
      </c>
      <c r="IE37" s="339">
        <v>180439</v>
      </c>
      <c r="IF37" s="337">
        <v>451638</v>
      </c>
      <c r="IG37" s="336">
        <v>0</v>
      </c>
      <c r="IH37" s="337">
        <v>0</v>
      </c>
      <c r="II37" s="340">
        <v>965725</v>
      </c>
      <c r="IJ37" s="341">
        <v>965725</v>
      </c>
      <c r="IK37" s="342">
        <v>0</v>
      </c>
      <c r="IL37" s="343">
        <v>0</v>
      </c>
      <c r="IM37" s="344">
        <v>0</v>
      </c>
      <c r="IN37" s="404">
        <v>0</v>
      </c>
      <c r="IO37" s="345">
        <v>55027</v>
      </c>
      <c r="IP37" s="345">
        <v>133357</v>
      </c>
      <c r="IQ37" s="345">
        <v>0</v>
      </c>
      <c r="IR37" s="345">
        <v>0</v>
      </c>
      <c r="IS37" s="345">
        <v>0</v>
      </c>
      <c r="IT37" s="346">
        <v>188384</v>
      </c>
      <c r="IU37" s="347">
        <v>188384</v>
      </c>
      <c r="IV37" s="348">
        <v>0</v>
      </c>
      <c r="IW37" s="345">
        <v>0</v>
      </c>
      <c r="IX37" s="349">
        <v>0</v>
      </c>
      <c r="IY37" s="404">
        <v>0</v>
      </c>
      <c r="IZ37" s="345">
        <v>0</v>
      </c>
      <c r="JA37" s="345">
        <v>0</v>
      </c>
      <c r="JB37" s="345">
        <v>0</v>
      </c>
      <c r="JC37" s="345">
        <v>0</v>
      </c>
      <c r="JD37" s="345">
        <v>0</v>
      </c>
      <c r="JE37" s="349">
        <v>0</v>
      </c>
      <c r="JF37" s="350">
        <v>0</v>
      </c>
      <c r="JG37" s="348">
        <v>0</v>
      </c>
      <c r="JH37" s="345">
        <v>0</v>
      </c>
      <c r="JI37" s="346">
        <v>0</v>
      </c>
      <c r="JJ37" s="351">
        <v>0</v>
      </c>
      <c r="JK37" s="345">
        <v>91042</v>
      </c>
      <c r="JL37" s="345">
        <v>47082</v>
      </c>
      <c r="JM37" s="345">
        <v>0</v>
      </c>
      <c r="JN37" s="345">
        <v>0</v>
      </c>
      <c r="JO37" s="345">
        <v>0</v>
      </c>
      <c r="JP37" s="349">
        <v>138124</v>
      </c>
      <c r="JQ37" s="347">
        <v>138124</v>
      </c>
      <c r="JR37" s="348">
        <v>0</v>
      </c>
      <c r="JS37" s="345">
        <v>0</v>
      </c>
      <c r="JT37" s="346">
        <v>0</v>
      </c>
      <c r="JU37" s="351">
        <v>0</v>
      </c>
      <c r="JV37" s="345">
        <v>80899</v>
      </c>
      <c r="JW37" s="345">
        <v>0</v>
      </c>
      <c r="JX37" s="345">
        <v>234610</v>
      </c>
      <c r="JY37" s="345">
        <v>0</v>
      </c>
      <c r="JZ37" s="345">
        <v>0</v>
      </c>
      <c r="KA37" s="349">
        <v>315509</v>
      </c>
      <c r="KB37" s="347">
        <v>315509</v>
      </c>
      <c r="KC37" s="352">
        <v>0</v>
      </c>
      <c r="KD37" s="353">
        <v>0</v>
      </c>
      <c r="KE37" s="349">
        <v>0</v>
      </c>
      <c r="KF37" s="351">
        <v>0</v>
      </c>
      <c r="KG37" s="345">
        <v>106680</v>
      </c>
      <c r="KH37" s="345">
        <v>0</v>
      </c>
      <c r="KI37" s="345">
        <v>0</v>
      </c>
      <c r="KJ37" s="345">
        <v>0</v>
      </c>
      <c r="KK37" s="345">
        <v>0</v>
      </c>
      <c r="KL37" s="349">
        <v>106680</v>
      </c>
      <c r="KM37" s="354">
        <v>106680</v>
      </c>
      <c r="KN37" s="342">
        <v>0</v>
      </c>
      <c r="KO37" s="343">
        <v>0</v>
      </c>
      <c r="KP37" s="344">
        <v>0</v>
      </c>
      <c r="KQ37" s="404">
        <v>0</v>
      </c>
      <c r="KR37" s="345">
        <v>0</v>
      </c>
      <c r="KS37" s="345">
        <v>0</v>
      </c>
      <c r="KT37" s="345">
        <v>217028</v>
      </c>
      <c r="KU37" s="345">
        <v>0</v>
      </c>
      <c r="KV37" s="345">
        <v>0</v>
      </c>
      <c r="KW37" s="349">
        <v>217028</v>
      </c>
      <c r="KX37" s="347">
        <v>217028</v>
      </c>
      <c r="KY37" s="348">
        <v>0</v>
      </c>
      <c r="KZ37" s="345">
        <v>0</v>
      </c>
      <c r="LA37" s="349">
        <v>0</v>
      </c>
      <c r="LB37" s="404">
        <v>0</v>
      </c>
      <c r="LC37" s="345">
        <v>0</v>
      </c>
      <c r="LD37" s="345">
        <v>0</v>
      </c>
      <c r="LE37" s="345">
        <v>0</v>
      </c>
      <c r="LF37" s="345">
        <v>0</v>
      </c>
      <c r="LG37" s="345">
        <v>0</v>
      </c>
      <c r="LH37" s="349">
        <v>0</v>
      </c>
      <c r="LI37" s="350">
        <v>0</v>
      </c>
      <c r="LJ37" s="348">
        <v>0</v>
      </c>
      <c r="LK37" s="345">
        <v>0</v>
      </c>
      <c r="LL37" s="349">
        <v>0</v>
      </c>
      <c r="LM37" s="404">
        <v>0</v>
      </c>
      <c r="LN37" s="345">
        <v>0</v>
      </c>
      <c r="LO37" s="345">
        <v>0</v>
      </c>
      <c r="LP37" s="345">
        <v>0</v>
      </c>
      <c r="LQ37" s="345">
        <v>0</v>
      </c>
      <c r="LR37" s="345">
        <v>0</v>
      </c>
      <c r="LS37" s="349">
        <v>0</v>
      </c>
      <c r="LT37" s="347">
        <v>0</v>
      </c>
      <c r="LU37" s="348">
        <v>0</v>
      </c>
      <c r="LV37" s="345">
        <v>0</v>
      </c>
      <c r="LW37" s="349">
        <v>0</v>
      </c>
      <c r="LX37" s="404">
        <v>0</v>
      </c>
      <c r="LY37" s="345">
        <v>0</v>
      </c>
      <c r="LZ37" s="345">
        <v>0</v>
      </c>
      <c r="MA37" s="345">
        <v>0</v>
      </c>
      <c r="MB37" s="345">
        <v>0</v>
      </c>
      <c r="MC37" s="345">
        <v>0</v>
      </c>
      <c r="MD37" s="349">
        <v>0</v>
      </c>
      <c r="ME37" s="350">
        <v>0</v>
      </c>
      <c r="MF37" s="348">
        <v>0</v>
      </c>
      <c r="MG37" s="345">
        <v>0</v>
      </c>
      <c r="MH37" s="349">
        <v>0</v>
      </c>
      <c r="MI37" s="404">
        <v>0</v>
      </c>
      <c r="MJ37" s="345">
        <v>0</v>
      </c>
      <c r="MK37" s="345">
        <v>0</v>
      </c>
      <c r="ML37" s="345">
        <v>0</v>
      </c>
      <c r="MM37" s="345">
        <v>779171</v>
      </c>
      <c r="MN37" s="345">
        <v>271737</v>
      </c>
      <c r="MO37" s="349">
        <v>1050908</v>
      </c>
      <c r="MP37" s="354">
        <v>1050908</v>
      </c>
      <c r="MQ37" s="348">
        <v>0</v>
      </c>
      <c r="MR37" s="345">
        <v>0</v>
      </c>
      <c r="MS37" s="349">
        <v>0</v>
      </c>
      <c r="MT37" s="404">
        <v>0</v>
      </c>
      <c r="MU37" s="345">
        <v>0</v>
      </c>
      <c r="MV37" s="345">
        <v>0</v>
      </c>
      <c r="MW37" s="345">
        <v>0</v>
      </c>
      <c r="MX37" s="345">
        <v>474610</v>
      </c>
      <c r="MY37" s="345">
        <v>271737</v>
      </c>
      <c r="MZ37" s="349">
        <v>746347</v>
      </c>
      <c r="NA37" s="354">
        <v>746347</v>
      </c>
      <c r="NB37" s="348">
        <v>0</v>
      </c>
      <c r="NC37" s="345">
        <v>0</v>
      </c>
      <c r="ND37" s="349">
        <v>0</v>
      </c>
      <c r="NE37" s="404">
        <v>0</v>
      </c>
      <c r="NF37" s="345">
        <v>0</v>
      </c>
      <c r="NG37" s="345">
        <v>0</v>
      </c>
      <c r="NH37" s="345">
        <v>0</v>
      </c>
      <c r="NI37" s="345">
        <v>304561</v>
      </c>
      <c r="NJ37" s="345">
        <v>0</v>
      </c>
      <c r="NK37" s="349">
        <v>304561</v>
      </c>
      <c r="NL37" s="347">
        <v>304561</v>
      </c>
      <c r="NM37" s="348">
        <v>0</v>
      </c>
      <c r="NN37" s="345">
        <v>0</v>
      </c>
      <c r="NO37" s="349">
        <v>0</v>
      </c>
      <c r="NP37" s="404">
        <v>0</v>
      </c>
      <c r="NQ37" s="345">
        <v>0</v>
      </c>
      <c r="NR37" s="345">
        <v>0</v>
      </c>
      <c r="NS37" s="345">
        <v>0</v>
      </c>
      <c r="NT37" s="345">
        <v>0</v>
      </c>
      <c r="NU37" s="345">
        <v>0</v>
      </c>
      <c r="NV37" s="349">
        <v>0</v>
      </c>
      <c r="NW37" s="350">
        <v>0</v>
      </c>
      <c r="NX37" s="348">
        <v>0</v>
      </c>
      <c r="NY37" s="345">
        <v>0</v>
      </c>
      <c r="NZ37" s="349">
        <v>0</v>
      </c>
      <c r="OA37" s="404">
        <v>0</v>
      </c>
      <c r="OB37" s="345">
        <v>0</v>
      </c>
      <c r="OC37" s="345">
        <v>0</v>
      </c>
      <c r="OD37" s="345">
        <v>0</v>
      </c>
      <c r="OE37" s="345">
        <v>0</v>
      </c>
      <c r="OF37" s="345">
        <v>0</v>
      </c>
      <c r="OG37" s="349">
        <v>0</v>
      </c>
      <c r="OH37" s="350">
        <v>0</v>
      </c>
      <c r="OI37" s="348">
        <v>25893</v>
      </c>
      <c r="OJ37" s="345">
        <v>104426</v>
      </c>
      <c r="OK37" s="346">
        <v>130319</v>
      </c>
      <c r="OL37" s="351">
        <v>0</v>
      </c>
      <c r="OM37" s="345">
        <v>613719</v>
      </c>
      <c r="ON37" s="345">
        <v>567258</v>
      </c>
      <c r="OO37" s="345">
        <v>481894</v>
      </c>
      <c r="OP37" s="345">
        <v>1061085</v>
      </c>
      <c r="OQ37" s="345">
        <v>738683</v>
      </c>
      <c r="OR37" s="349">
        <v>3462639</v>
      </c>
      <c r="OS37" s="354">
        <v>3592958</v>
      </c>
    </row>
    <row r="38" spans="2:409" s="70" customFormat="1" ht="21" customHeight="1" x14ac:dyDescent="0.2">
      <c r="B38" s="106" t="s">
        <v>33</v>
      </c>
      <c r="C38" s="326">
        <v>18402</v>
      </c>
      <c r="D38" s="327">
        <v>95702</v>
      </c>
      <c r="E38" s="328">
        <v>114104</v>
      </c>
      <c r="F38" s="329">
        <v>0</v>
      </c>
      <c r="G38" s="327">
        <v>589303</v>
      </c>
      <c r="H38" s="327">
        <v>390429</v>
      </c>
      <c r="I38" s="327">
        <v>740221</v>
      </c>
      <c r="J38" s="327">
        <v>299754</v>
      </c>
      <c r="K38" s="327">
        <v>362126</v>
      </c>
      <c r="L38" s="367">
        <v>2381833</v>
      </c>
      <c r="M38" s="330">
        <v>2495937</v>
      </c>
      <c r="N38" s="326">
        <v>0</v>
      </c>
      <c r="O38" s="327">
        <v>8428</v>
      </c>
      <c r="P38" s="328">
        <v>8428</v>
      </c>
      <c r="Q38" s="326">
        <v>0</v>
      </c>
      <c r="R38" s="327">
        <v>221769</v>
      </c>
      <c r="S38" s="327">
        <v>189956</v>
      </c>
      <c r="T38" s="327">
        <v>154954</v>
      </c>
      <c r="U38" s="327">
        <v>82231</v>
      </c>
      <c r="V38" s="327">
        <v>9856</v>
      </c>
      <c r="W38" s="328">
        <v>658766</v>
      </c>
      <c r="X38" s="330">
        <v>667194</v>
      </c>
      <c r="Y38" s="326">
        <v>0</v>
      </c>
      <c r="Z38" s="327">
        <v>0</v>
      </c>
      <c r="AA38" s="328">
        <v>0</v>
      </c>
      <c r="AB38" s="326">
        <v>0</v>
      </c>
      <c r="AC38" s="327">
        <v>80943</v>
      </c>
      <c r="AD38" s="327">
        <v>0</v>
      </c>
      <c r="AE38" s="327">
        <v>61999</v>
      </c>
      <c r="AF38" s="327">
        <v>0</v>
      </c>
      <c r="AG38" s="327">
        <v>0</v>
      </c>
      <c r="AH38" s="328">
        <v>142942</v>
      </c>
      <c r="AI38" s="330">
        <v>142942</v>
      </c>
      <c r="AJ38" s="326">
        <v>0</v>
      </c>
      <c r="AK38" s="327">
        <v>0</v>
      </c>
      <c r="AL38" s="328">
        <v>0</v>
      </c>
      <c r="AM38" s="326">
        <v>0</v>
      </c>
      <c r="AN38" s="327">
        <v>0</v>
      </c>
      <c r="AO38" s="327">
        <v>0</v>
      </c>
      <c r="AP38" s="327">
        <v>0</v>
      </c>
      <c r="AQ38" s="327">
        <v>0</v>
      </c>
      <c r="AR38" s="327">
        <v>0</v>
      </c>
      <c r="AS38" s="328">
        <v>0</v>
      </c>
      <c r="AT38" s="330">
        <v>0</v>
      </c>
      <c r="AU38" s="326">
        <v>0</v>
      </c>
      <c r="AV38" s="327">
        <v>0</v>
      </c>
      <c r="AW38" s="328">
        <v>0</v>
      </c>
      <c r="AX38" s="326">
        <v>0</v>
      </c>
      <c r="AY38" s="327">
        <v>60772</v>
      </c>
      <c r="AZ38" s="327">
        <v>105723</v>
      </c>
      <c r="BA38" s="327">
        <v>0</v>
      </c>
      <c r="BB38" s="327">
        <v>0</v>
      </c>
      <c r="BC38" s="327">
        <v>0</v>
      </c>
      <c r="BD38" s="328">
        <v>166495</v>
      </c>
      <c r="BE38" s="330">
        <v>166495</v>
      </c>
      <c r="BF38" s="326">
        <v>0</v>
      </c>
      <c r="BG38" s="327">
        <v>0</v>
      </c>
      <c r="BH38" s="331">
        <v>0</v>
      </c>
      <c r="BI38" s="332">
        <v>0</v>
      </c>
      <c r="BJ38" s="327">
        <v>47112</v>
      </c>
      <c r="BK38" s="327">
        <v>57087</v>
      </c>
      <c r="BL38" s="327">
        <v>50381</v>
      </c>
      <c r="BM38" s="327">
        <v>50381</v>
      </c>
      <c r="BN38" s="327">
        <v>0</v>
      </c>
      <c r="BO38" s="328">
        <v>204961</v>
      </c>
      <c r="BP38" s="330">
        <v>204961</v>
      </c>
      <c r="BQ38" s="326">
        <v>0</v>
      </c>
      <c r="BR38" s="327">
        <v>8428</v>
      </c>
      <c r="BS38" s="328">
        <v>8428</v>
      </c>
      <c r="BT38" s="326">
        <v>0</v>
      </c>
      <c r="BU38" s="327">
        <v>32942</v>
      </c>
      <c r="BV38" s="327">
        <v>27146</v>
      </c>
      <c r="BW38" s="327">
        <v>42574</v>
      </c>
      <c r="BX38" s="327">
        <v>31850</v>
      </c>
      <c r="BY38" s="327">
        <v>9856</v>
      </c>
      <c r="BZ38" s="328">
        <v>144368</v>
      </c>
      <c r="CA38" s="330">
        <v>152796</v>
      </c>
      <c r="CB38" s="326">
        <v>18402</v>
      </c>
      <c r="CC38" s="327">
        <v>0</v>
      </c>
      <c r="CD38" s="328">
        <v>18402</v>
      </c>
      <c r="CE38" s="326">
        <v>0</v>
      </c>
      <c r="CF38" s="327">
        <v>136059</v>
      </c>
      <c r="CG38" s="327">
        <v>0</v>
      </c>
      <c r="CH38" s="327">
        <v>0</v>
      </c>
      <c r="CI38" s="327">
        <v>0</v>
      </c>
      <c r="CJ38" s="327">
        <v>0</v>
      </c>
      <c r="CK38" s="328">
        <v>136059</v>
      </c>
      <c r="CL38" s="330">
        <v>154461</v>
      </c>
      <c r="CM38" s="326">
        <v>0</v>
      </c>
      <c r="CN38" s="327">
        <v>0</v>
      </c>
      <c r="CO38" s="328">
        <v>0</v>
      </c>
      <c r="CP38" s="332">
        <v>0</v>
      </c>
      <c r="CQ38" s="327">
        <v>81180</v>
      </c>
      <c r="CR38" s="327">
        <v>0</v>
      </c>
      <c r="CS38" s="327">
        <v>0</v>
      </c>
      <c r="CT38" s="327">
        <v>0</v>
      </c>
      <c r="CU38" s="327">
        <v>0</v>
      </c>
      <c r="CV38" s="328">
        <v>81180</v>
      </c>
      <c r="CW38" s="330">
        <v>81180</v>
      </c>
      <c r="CX38" s="326">
        <v>18402</v>
      </c>
      <c r="CY38" s="327">
        <v>0</v>
      </c>
      <c r="CZ38" s="328">
        <v>18402</v>
      </c>
      <c r="DA38" s="326">
        <v>0</v>
      </c>
      <c r="DB38" s="327">
        <v>54879</v>
      </c>
      <c r="DC38" s="327">
        <v>0</v>
      </c>
      <c r="DD38" s="327">
        <v>0</v>
      </c>
      <c r="DE38" s="327">
        <v>0</v>
      </c>
      <c r="DF38" s="327">
        <v>0</v>
      </c>
      <c r="DG38" s="328">
        <v>54879</v>
      </c>
      <c r="DH38" s="330">
        <v>73281</v>
      </c>
      <c r="DI38" s="326">
        <v>0</v>
      </c>
      <c r="DJ38" s="327">
        <v>0</v>
      </c>
      <c r="DK38" s="331">
        <v>0</v>
      </c>
      <c r="DL38" s="332">
        <v>0</v>
      </c>
      <c r="DM38" s="327">
        <v>61833</v>
      </c>
      <c r="DN38" s="327">
        <v>0</v>
      </c>
      <c r="DO38" s="327">
        <v>0</v>
      </c>
      <c r="DP38" s="327">
        <v>14672</v>
      </c>
      <c r="DQ38" s="327">
        <v>0</v>
      </c>
      <c r="DR38" s="328">
        <v>76505</v>
      </c>
      <c r="DS38" s="330">
        <v>76505</v>
      </c>
      <c r="DT38" s="326">
        <v>0</v>
      </c>
      <c r="DU38" s="327">
        <v>0</v>
      </c>
      <c r="DV38" s="328">
        <v>0</v>
      </c>
      <c r="DW38" s="326">
        <v>0</v>
      </c>
      <c r="DX38" s="327">
        <v>0</v>
      </c>
      <c r="DY38" s="327">
        <v>0</v>
      </c>
      <c r="DZ38" s="327">
        <v>0</v>
      </c>
      <c r="EA38" s="327">
        <v>14672</v>
      </c>
      <c r="EB38" s="327">
        <v>0</v>
      </c>
      <c r="EC38" s="328">
        <v>14672</v>
      </c>
      <c r="ED38" s="330">
        <v>14672</v>
      </c>
      <c r="EE38" s="326">
        <v>0</v>
      </c>
      <c r="EF38" s="331">
        <v>0</v>
      </c>
      <c r="EG38" s="328">
        <v>0</v>
      </c>
      <c r="EH38" s="326">
        <v>0</v>
      </c>
      <c r="EI38" s="327">
        <v>0</v>
      </c>
      <c r="EJ38" s="327">
        <v>0</v>
      </c>
      <c r="EK38" s="327">
        <v>0</v>
      </c>
      <c r="EL38" s="327">
        <v>0</v>
      </c>
      <c r="EM38" s="327">
        <v>0</v>
      </c>
      <c r="EN38" s="331">
        <v>0</v>
      </c>
      <c r="EO38" s="330">
        <v>0</v>
      </c>
      <c r="EP38" s="326">
        <v>0</v>
      </c>
      <c r="EQ38" s="327">
        <v>0</v>
      </c>
      <c r="ER38" s="331">
        <v>0</v>
      </c>
      <c r="ES38" s="332">
        <v>0</v>
      </c>
      <c r="ET38" s="327">
        <v>0</v>
      </c>
      <c r="EU38" s="327">
        <v>0</v>
      </c>
      <c r="EV38" s="327">
        <v>0</v>
      </c>
      <c r="EW38" s="327">
        <v>0</v>
      </c>
      <c r="EX38" s="327">
        <v>0</v>
      </c>
      <c r="EY38" s="328">
        <v>0</v>
      </c>
      <c r="EZ38" s="330">
        <v>0</v>
      </c>
      <c r="FA38" s="326">
        <v>0</v>
      </c>
      <c r="FB38" s="327">
        <v>0</v>
      </c>
      <c r="FC38" s="331">
        <v>0</v>
      </c>
      <c r="FD38" s="404">
        <v>0</v>
      </c>
      <c r="FE38" s="327">
        <v>61833</v>
      </c>
      <c r="FF38" s="327">
        <v>0</v>
      </c>
      <c r="FG38" s="327">
        <v>0</v>
      </c>
      <c r="FH38" s="327">
        <v>0</v>
      </c>
      <c r="FI38" s="327">
        <v>0</v>
      </c>
      <c r="FJ38" s="328">
        <v>61833</v>
      </c>
      <c r="FK38" s="330">
        <v>61833</v>
      </c>
      <c r="FL38" s="326">
        <v>0</v>
      </c>
      <c r="FM38" s="327">
        <v>4200</v>
      </c>
      <c r="FN38" s="328">
        <v>4200</v>
      </c>
      <c r="FO38" s="326">
        <v>0</v>
      </c>
      <c r="FP38" s="327">
        <v>36946</v>
      </c>
      <c r="FQ38" s="327">
        <v>32046</v>
      </c>
      <c r="FR38" s="327">
        <v>38290</v>
      </c>
      <c r="FS38" s="327">
        <v>1960</v>
      </c>
      <c r="FT38" s="327">
        <v>0</v>
      </c>
      <c r="FU38" s="328">
        <v>109242</v>
      </c>
      <c r="FV38" s="330">
        <v>113442</v>
      </c>
      <c r="FW38" s="333">
        <v>0</v>
      </c>
      <c r="FX38" s="327">
        <v>4200</v>
      </c>
      <c r="FY38" s="331">
        <v>4200</v>
      </c>
      <c r="FZ38" s="332">
        <v>0</v>
      </c>
      <c r="GA38" s="327">
        <v>36946</v>
      </c>
      <c r="GB38" s="327">
        <v>32046</v>
      </c>
      <c r="GC38" s="327">
        <v>38290</v>
      </c>
      <c r="GD38" s="327">
        <v>1960</v>
      </c>
      <c r="GE38" s="327">
        <v>0</v>
      </c>
      <c r="GF38" s="328">
        <v>109242</v>
      </c>
      <c r="GG38" s="334">
        <v>113442</v>
      </c>
      <c r="GH38" s="333">
        <v>0</v>
      </c>
      <c r="GI38" s="327">
        <v>0</v>
      </c>
      <c r="GJ38" s="331">
        <v>0</v>
      </c>
      <c r="GK38" s="332">
        <v>0</v>
      </c>
      <c r="GL38" s="327">
        <v>0</v>
      </c>
      <c r="GM38" s="327">
        <v>0</v>
      </c>
      <c r="GN38" s="327">
        <v>0</v>
      </c>
      <c r="GO38" s="327">
        <v>0</v>
      </c>
      <c r="GP38" s="327">
        <v>0</v>
      </c>
      <c r="GQ38" s="328">
        <v>0</v>
      </c>
      <c r="GR38" s="330">
        <v>0</v>
      </c>
      <c r="GS38" s="326">
        <v>0</v>
      </c>
      <c r="GT38" s="327">
        <v>0</v>
      </c>
      <c r="GU38" s="328">
        <v>0</v>
      </c>
      <c r="GV38" s="326">
        <v>0</v>
      </c>
      <c r="GW38" s="327">
        <v>0</v>
      </c>
      <c r="GX38" s="327">
        <v>0</v>
      </c>
      <c r="GY38" s="327">
        <v>0</v>
      </c>
      <c r="GZ38" s="327">
        <v>0</v>
      </c>
      <c r="HA38" s="327">
        <v>0</v>
      </c>
      <c r="HB38" s="331">
        <v>0</v>
      </c>
      <c r="HC38" s="330">
        <v>0</v>
      </c>
      <c r="HD38" s="326">
        <v>0</v>
      </c>
      <c r="HE38" s="327">
        <v>83074</v>
      </c>
      <c r="HF38" s="331">
        <v>83074</v>
      </c>
      <c r="HG38" s="332">
        <v>0</v>
      </c>
      <c r="HH38" s="327">
        <v>132696</v>
      </c>
      <c r="HI38" s="327">
        <v>168427</v>
      </c>
      <c r="HJ38" s="327">
        <v>546977</v>
      </c>
      <c r="HK38" s="327">
        <v>200891</v>
      </c>
      <c r="HL38" s="327">
        <v>352270</v>
      </c>
      <c r="HM38" s="328">
        <v>1401261</v>
      </c>
      <c r="HN38" s="329">
        <v>1484335</v>
      </c>
      <c r="HO38" s="333">
        <v>0</v>
      </c>
      <c r="HP38" s="327">
        <v>0</v>
      </c>
      <c r="HQ38" s="328">
        <v>0</v>
      </c>
      <c r="HR38" s="326">
        <v>0</v>
      </c>
      <c r="HS38" s="327">
        <v>0</v>
      </c>
      <c r="HT38" s="327">
        <v>0</v>
      </c>
      <c r="HU38" s="327">
        <v>0</v>
      </c>
      <c r="HV38" s="327">
        <v>0</v>
      </c>
      <c r="HW38" s="327">
        <v>0</v>
      </c>
      <c r="HX38" s="331">
        <v>0</v>
      </c>
      <c r="HY38" s="330">
        <v>0</v>
      </c>
      <c r="HZ38" s="358">
        <v>0</v>
      </c>
      <c r="IA38" s="356">
        <v>0</v>
      </c>
      <c r="IB38" s="358">
        <v>0</v>
      </c>
      <c r="IC38" s="338">
        <v>0</v>
      </c>
      <c r="ID38" s="336">
        <v>0</v>
      </c>
      <c r="IE38" s="339">
        <v>0</v>
      </c>
      <c r="IF38" s="337">
        <v>221315</v>
      </c>
      <c r="IG38" s="336">
        <v>91315</v>
      </c>
      <c r="IH38" s="337">
        <v>0</v>
      </c>
      <c r="II38" s="340">
        <v>312630</v>
      </c>
      <c r="IJ38" s="358">
        <v>312630</v>
      </c>
      <c r="IK38" s="342">
        <v>0</v>
      </c>
      <c r="IL38" s="343">
        <v>0</v>
      </c>
      <c r="IM38" s="344">
        <v>0</v>
      </c>
      <c r="IN38" s="404">
        <v>0</v>
      </c>
      <c r="IO38" s="345">
        <v>0</v>
      </c>
      <c r="IP38" s="345">
        <v>0</v>
      </c>
      <c r="IQ38" s="345">
        <v>0</v>
      </c>
      <c r="IR38" s="345">
        <v>0</v>
      </c>
      <c r="IS38" s="345">
        <v>0</v>
      </c>
      <c r="IT38" s="346">
        <v>0</v>
      </c>
      <c r="IU38" s="347">
        <v>0</v>
      </c>
      <c r="IV38" s="348">
        <v>0</v>
      </c>
      <c r="IW38" s="345">
        <v>0</v>
      </c>
      <c r="IX38" s="349">
        <v>0</v>
      </c>
      <c r="IY38" s="404">
        <v>0</v>
      </c>
      <c r="IZ38" s="345">
        <v>0</v>
      </c>
      <c r="JA38" s="345">
        <v>0</v>
      </c>
      <c r="JB38" s="345">
        <v>0</v>
      </c>
      <c r="JC38" s="345">
        <v>0</v>
      </c>
      <c r="JD38" s="345">
        <v>0</v>
      </c>
      <c r="JE38" s="349">
        <v>0</v>
      </c>
      <c r="JF38" s="350">
        <v>0</v>
      </c>
      <c r="JG38" s="348">
        <v>0</v>
      </c>
      <c r="JH38" s="345">
        <v>0</v>
      </c>
      <c r="JI38" s="346">
        <v>0</v>
      </c>
      <c r="JJ38" s="351">
        <v>0</v>
      </c>
      <c r="JK38" s="345">
        <v>0</v>
      </c>
      <c r="JL38" s="345">
        <v>0</v>
      </c>
      <c r="JM38" s="345">
        <v>0</v>
      </c>
      <c r="JN38" s="345">
        <v>91315</v>
      </c>
      <c r="JO38" s="345">
        <v>0</v>
      </c>
      <c r="JP38" s="349">
        <v>91315</v>
      </c>
      <c r="JQ38" s="347">
        <v>91315</v>
      </c>
      <c r="JR38" s="348">
        <v>0</v>
      </c>
      <c r="JS38" s="345">
        <v>0</v>
      </c>
      <c r="JT38" s="346">
        <v>0</v>
      </c>
      <c r="JU38" s="351">
        <v>0</v>
      </c>
      <c r="JV38" s="345">
        <v>0</v>
      </c>
      <c r="JW38" s="345">
        <v>0</v>
      </c>
      <c r="JX38" s="345">
        <v>0</v>
      </c>
      <c r="JY38" s="345">
        <v>0</v>
      </c>
      <c r="JZ38" s="345">
        <v>0</v>
      </c>
      <c r="KA38" s="349">
        <v>0</v>
      </c>
      <c r="KB38" s="347">
        <v>0</v>
      </c>
      <c r="KC38" s="352">
        <v>0</v>
      </c>
      <c r="KD38" s="353">
        <v>0</v>
      </c>
      <c r="KE38" s="349">
        <v>0</v>
      </c>
      <c r="KF38" s="351">
        <v>0</v>
      </c>
      <c r="KG38" s="345">
        <v>0</v>
      </c>
      <c r="KH38" s="345">
        <v>0</v>
      </c>
      <c r="KI38" s="345">
        <v>0</v>
      </c>
      <c r="KJ38" s="345">
        <v>0</v>
      </c>
      <c r="KK38" s="345">
        <v>0</v>
      </c>
      <c r="KL38" s="349">
        <v>0</v>
      </c>
      <c r="KM38" s="354">
        <v>0</v>
      </c>
      <c r="KN38" s="342">
        <v>0</v>
      </c>
      <c r="KO38" s="343">
        <v>0</v>
      </c>
      <c r="KP38" s="344">
        <v>0</v>
      </c>
      <c r="KQ38" s="404">
        <v>0</v>
      </c>
      <c r="KR38" s="345">
        <v>0</v>
      </c>
      <c r="KS38" s="345">
        <v>0</v>
      </c>
      <c r="KT38" s="345">
        <v>221315</v>
      </c>
      <c r="KU38" s="345">
        <v>0</v>
      </c>
      <c r="KV38" s="345">
        <v>0</v>
      </c>
      <c r="KW38" s="349">
        <v>221315</v>
      </c>
      <c r="KX38" s="347">
        <v>221315</v>
      </c>
      <c r="KY38" s="348">
        <v>0</v>
      </c>
      <c r="KZ38" s="345">
        <v>0</v>
      </c>
      <c r="LA38" s="349">
        <v>0</v>
      </c>
      <c r="LB38" s="404">
        <v>0</v>
      </c>
      <c r="LC38" s="345">
        <v>0</v>
      </c>
      <c r="LD38" s="345">
        <v>0</v>
      </c>
      <c r="LE38" s="345">
        <v>0</v>
      </c>
      <c r="LF38" s="345">
        <v>0</v>
      </c>
      <c r="LG38" s="345">
        <v>0</v>
      </c>
      <c r="LH38" s="349">
        <v>0</v>
      </c>
      <c r="LI38" s="350">
        <v>0</v>
      </c>
      <c r="LJ38" s="348">
        <v>0</v>
      </c>
      <c r="LK38" s="345">
        <v>0</v>
      </c>
      <c r="LL38" s="349">
        <v>0</v>
      </c>
      <c r="LM38" s="404">
        <v>0</v>
      </c>
      <c r="LN38" s="345">
        <v>0</v>
      </c>
      <c r="LO38" s="345">
        <v>0</v>
      </c>
      <c r="LP38" s="345">
        <v>0</v>
      </c>
      <c r="LQ38" s="345">
        <v>0</v>
      </c>
      <c r="LR38" s="345">
        <v>0</v>
      </c>
      <c r="LS38" s="349">
        <v>0</v>
      </c>
      <c r="LT38" s="347">
        <v>0</v>
      </c>
      <c r="LU38" s="348">
        <v>0</v>
      </c>
      <c r="LV38" s="345">
        <v>0</v>
      </c>
      <c r="LW38" s="349">
        <v>0</v>
      </c>
      <c r="LX38" s="404">
        <v>0</v>
      </c>
      <c r="LY38" s="345">
        <v>0</v>
      </c>
      <c r="LZ38" s="345">
        <v>0</v>
      </c>
      <c r="MA38" s="345">
        <v>0</v>
      </c>
      <c r="MB38" s="345">
        <v>0</v>
      </c>
      <c r="MC38" s="345">
        <v>0</v>
      </c>
      <c r="MD38" s="349">
        <v>0</v>
      </c>
      <c r="ME38" s="350">
        <v>0</v>
      </c>
      <c r="MF38" s="348">
        <v>0</v>
      </c>
      <c r="MG38" s="345">
        <v>0</v>
      </c>
      <c r="MH38" s="349">
        <v>0</v>
      </c>
      <c r="MI38" s="404">
        <v>0</v>
      </c>
      <c r="MJ38" s="345">
        <v>0</v>
      </c>
      <c r="MK38" s="345">
        <v>201784</v>
      </c>
      <c r="ML38" s="345">
        <v>0</v>
      </c>
      <c r="MM38" s="345">
        <v>279842</v>
      </c>
      <c r="MN38" s="345">
        <v>620785</v>
      </c>
      <c r="MO38" s="349">
        <v>1102411</v>
      </c>
      <c r="MP38" s="354">
        <v>1102411</v>
      </c>
      <c r="MQ38" s="348">
        <v>0</v>
      </c>
      <c r="MR38" s="345">
        <v>0</v>
      </c>
      <c r="MS38" s="349">
        <v>0</v>
      </c>
      <c r="MT38" s="404">
        <v>0</v>
      </c>
      <c r="MU38" s="345">
        <v>0</v>
      </c>
      <c r="MV38" s="345">
        <v>0</v>
      </c>
      <c r="MW38" s="345">
        <v>0</v>
      </c>
      <c r="MX38" s="345">
        <v>0</v>
      </c>
      <c r="MY38" s="345">
        <v>0</v>
      </c>
      <c r="MZ38" s="349">
        <v>0</v>
      </c>
      <c r="NA38" s="354">
        <v>0</v>
      </c>
      <c r="NB38" s="348">
        <v>0</v>
      </c>
      <c r="NC38" s="345">
        <v>0</v>
      </c>
      <c r="ND38" s="349">
        <v>0</v>
      </c>
      <c r="NE38" s="404">
        <v>0</v>
      </c>
      <c r="NF38" s="345">
        <v>0</v>
      </c>
      <c r="NG38" s="345">
        <v>0</v>
      </c>
      <c r="NH38" s="345">
        <v>0</v>
      </c>
      <c r="NI38" s="345">
        <v>0</v>
      </c>
      <c r="NJ38" s="345">
        <v>0</v>
      </c>
      <c r="NK38" s="349">
        <v>0</v>
      </c>
      <c r="NL38" s="347">
        <v>0</v>
      </c>
      <c r="NM38" s="348">
        <v>0</v>
      </c>
      <c r="NN38" s="345">
        <v>0</v>
      </c>
      <c r="NO38" s="349">
        <v>0</v>
      </c>
      <c r="NP38" s="404">
        <v>0</v>
      </c>
      <c r="NQ38" s="345">
        <v>0</v>
      </c>
      <c r="NR38" s="345">
        <v>0</v>
      </c>
      <c r="NS38" s="345">
        <v>0</v>
      </c>
      <c r="NT38" s="345">
        <v>0</v>
      </c>
      <c r="NU38" s="345">
        <v>0</v>
      </c>
      <c r="NV38" s="349">
        <v>0</v>
      </c>
      <c r="NW38" s="350">
        <v>0</v>
      </c>
      <c r="NX38" s="348">
        <v>0</v>
      </c>
      <c r="NY38" s="345">
        <v>0</v>
      </c>
      <c r="NZ38" s="349">
        <v>0</v>
      </c>
      <c r="OA38" s="404">
        <v>0</v>
      </c>
      <c r="OB38" s="345">
        <v>0</v>
      </c>
      <c r="OC38" s="345">
        <v>201784</v>
      </c>
      <c r="OD38" s="345">
        <v>0</v>
      </c>
      <c r="OE38" s="345">
        <v>279842</v>
      </c>
      <c r="OF38" s="345">
        <v>620785</v>
      </c>
      <c r="OG38" s="349">
        <v>1102411</v>
      </c>
      <c r="OH38" s="350">
        <v>1102411</v>
      </c>
      <c r="OI38" s="348">
        <v>18402</v>
      </c>
      <c r="OJ38" s="345">
        <v>95702</v>
      </c>
      <c r="OK38" s="346">
        <v>114104</v>
      </c>
      <c r="OL38" s="351">
        <v>0</v>
      </c>
      <c r="OM38" s="345">
        <v>589303</v>
      </c>
      <c r="ON38" s="345">
        <v>592213</v>
      </c>
      <c r="OO38" s="345">
        <v>961536</v>
      </c>
      <c r="OP38" s="345">
        <v>670911</v>
      </c>
      <c r="OQ38" s="345">
        <v>982911</v>
      </c>
      <c r="OR38" s="349">
        <v>3796874</v>
      </c>
      <c r="OS38" s="354">
        <v>3910978</v>
      </c>
    </row>
    <row r="39" spans="2:409" s="70" customFormat="1" ht="21" customHeight="1" x14ac:dyDescent="0.2">
      <c r="B39" s="106" t="s">
        <v>34</v>
      </c>
      <c r="C39" s="326">
        <v>2800</v>
      </c>
      <c r="D39" s="327">
        <v>0</v>
      </c>
      <c r="E39" s="368">
        <v>2800</v>
      </c>
      <c r="F39" s="370">
        <v>0</v>
      </c>
      <c r="G39" s="369">
        <v>85540</v>
      </c>
      <c r="H39" s="369">
        <v>478020</v>
      </c>
      <c r="I39" s="369">
        <v>556676</v>
      </c>
      <c r="J39" s="369">
        <v>117313</v>
      </c>
      <c r="K39" s="369">
        <v>0</v>
      </c>
      <c r="L39" s="370">
        <v>1237549</v>
      </c>
      <c r="M39" s="330">
        <v>1240349</v>
      </c>
      <c r="N39" s="326">
        <v>0</v>
      </c>
      <c r="O39" s="327">
        <v>0</v>
      </c>
      <c r="P39" s="328">
        <v>0</v>
      </c>
      <c r="Q39" s="326">
        <v>0</v>
      </c>
      <c r="R39" s="327">
        <v>82040</v>
      </c>
      <c r="S39" s="327">
        <v>152558</v>
      </c>
      <c r="T39" s="327">
        <v>13580</v>
      </c>
      <c r="U39" s="327">
        <v>0</v>
      </c>
      <c r="V39" s="327">
        <v>0</v>
      </c>
      <c r="W39" s="328">
        <v>248178</v>
      </c>
      <c r="X39" s="330">
        <v>248178</v>
      </c>
      <c r="Y39" s="326">
        <v>0</v>
      </c>
      <c r="Z39" s="327">
        <v>0</v>
      </c>
      <c r="AA39" s="328">
        <v>0</v>
      </c>
      <c r="AB39" s="326">
        <v>0</v>
      </c>
      <c r="AC39" s="327">
        <v>44205</v>
      </c>
      <c r="AD39" s="327">
        <v>38521</v>
      </c>
      <c r="AE39" s="327">
        <v>0</v>
      </c>
      <c r="AF39" s="327">
        <v>0</v>
      </c>
      <c r="AG39" s="327">
        <v>0</v>
      </c>
      <c r="AH39" s="328">
        <v>82726</v>
      </c>
      <c r="AI39" s="330">
        <v>82726</v>
      </c>
      <c r="AJ39" s="326">
        <v>0</v>
      </c>
      <c r="AK39" s="327">
        <v>0</v>
      </c>
      <c r="AL39" s="328">
        <v>0</v>
      </c>
      <c r="AM39" s="326">
        <v>0</v>
      </c>
      <c r="AN39" s="327">
        <v>0</v>
      </c>
      <c r="AO39" s="327">
        <v>0</v>
      </c>
      <c r="AP39" s="327">
        <v>0</v>
      </c>
      <c r="AQ39" s="327">
        <v>0</v>
      </c>
      <c r="AR39" s="327">
        <v>0</v>
      </c>
      <c r="AS39" s="328">
        <v>0</v>
      </c>
      <c r="AT39" s="330">
        <v>0</v>
      </c>
      <c r="AU39" s="326">
        <v>0</v>
      </c>
      <c r="AV39" s="327">
        <v>0</v>
      </c>
      <c r="AW39" s="328">
        <v>0</v>
      </c>
      <c r="AX39" s="326">
        <v>0</v>
      </c>
      <c r="AY39" s="327">
        <v>22260</v>
      </c>
      <c r="AZ39" s="327">
        <v>34783</v>
      </c>
      <c r="BA39" s="327">
        <v>0</v>
      </c>
      <c r="BB39" s="327">
        <v>0</v>
      </c>
      <c r="BC39" s="327">
        <v>0</v>
      </c>
      <c r="BD39" s="328">
        <v>57043</v>
      </c>
      <c r="BE39" s="330">
        <v>57043</v>
      </c>
      <c r="BF39" s="326">
        <v>0</v>
      </c>
      <c r="BG39" s="327">
        <v>0</v>
      </c>
      <c r="BH39" s="331">
        <v>0</v>
      </c>
      <c r="BI39" s="332">
        <v>0</v>
      </c>
      <c r="BJ39" s="327">
        <v>0</v>
      </c>
      <c r="BK39" s="327">
        <v>52752</v>
      </c>
      <c r="BL39" s="327">
        <v>0</v>
      </c>
      <c r="BM39" s="327">
        <v>0</v>
      </c>
      <c r="BN39" s="327">
        <v>0</v>
      </c>
      <c r="BO39" s="328">
        <v>52752</v>
      </c>
      <c r="BP39" s="330">
        <v>52752</v>
      </c>
      <c r="BQ39" s="326">
        <v>0</v>
      </c>
      <c r="BR39" s="327">
        <v>0</v>
      </c>
      <c r="BS39" s="328">
        <v>0</v>
      </c>
      <c r="BT39" s="326">
        <v>0</v>
      </c>
      <c r="BU39" s="327">
        <v>15575</v>
      </c>
      <c r="BV39" s="327">
        <v>26502</v>
      </c>
      <c r="BW39" s="327">
        <v>13580</v>
      </c>
      <c r="BX39" s="327">
        <v>0</v>
      </c>
      <c r="BY39" s="327">
        <v>0</v>
      </c>
      <c r="BZ39" s="328">
        <v>55657</v>
      </c>
      <c r="CA39" s="330">
        <v>55657</v>
      </c>
      <c r="CB39" s="326">
        <v>0</v>
      </c>
      <c r="CC39" s="327">
        <v>0</v>
      </c>
      <c r="CD39" s="328">
        <v>0</v>
      </c>
      <c r="CE39" s="326">
        <v>0</v>
      </c>
      <c r="CF39" s="327">
        <v>0</v>
      </c>
      <c r="CG39" s="327">
        <v>0</v>
      </c>
      <c r="CH39" s="327">
        <v>172249</v>
      </c>
      <c r="CI39" s="327">
        <v>114191</v>
      </c>
      <c r="CJ39" s="327">
        <v>0</v>
      </c>
      <c r="CK39" s="328">
        <v>286440</v>
      </c>
      <c r="CL39" s="330">
        <v>286440</v>
      </c>
      <c r="CM39" s="326">
        <v>0</v>
      </c>
      <c r="CN39" s="327">
        <v>0</v>
      </c>
      <c r="CO39" s="328">
        <v>0</v>
      </c>
      <c r="CP39" s="332">
        <v>0</v>
      </c>
      <c r="CQ39" s="327">
        <v>0</v>
      </c>
      <c r="CR39" s="327">
        <v>0</v>
      </c>
      <c r="CS39" s="327">
        <v>172249</v>
      </c>
      <c r="CT39" s="327">
        <v>114191</v>
      </c>
      <c r="CU39" s="327">
        <v>0</v>
      </c>
      <c r="CV39" s="328">
        <v>286440</v>
      </c>
      <c r="CW39" s="330">
        <v>286440</v>
      </c>
      <c r="CX39" s="326">
        <v>0</v>
      </c>
      <c r="CY39" s="327">
        <v>0</v>
      </c>
      <c r="CZ39" s="328">
        <v>0</v>
      </c>
      <c r="DA39" s="326">
        <v>0</v>
      </c>
      <c r="DB39" s="327">
        <v>0</v>
      </c>
      <c r="DC39" s="327">
        <v>0</v>
      </c>
      <c r="DD39" s="327">
        <v>0</v>
      </c>
      <c r="DE39" s="327">
        <v>0</v>
      </c>
      <c r="DF39" s="327">
        <v>0</v>
      </c>
      <c r="DG39" s="328">
        <v>0</v>
      </c>
      <c r="DH39" s="330">
        <v>0</v>
      </c>
      <c r="DI39" s="326">
        <v>0</v>
      </c>
      <c r="DJ39" s="327">
        <v>0</v>
      </c>
      <c r="DK39" s="331">
        <v>0</v>
      </c>
      <c r="DL39" s="332">
        <v>0</v>
      </c>
      <c r="DM39" s="327">
        <v>0</v>
      </c>
      <c r="DN39" s="327">
        <v>0</v>
      </c>
      <c r="DO39" s="327">
        <v>15750</v>
      </c>
      <c r="DP39" s="327">
        <v>0</v>
      </c>
      <c r="DQ39" s="327">
        <v>0</v>
      </c>
      <c r="DR39" s="328">
        <v>15750</v>
      </c>
      <c r="DS39" s="330">
        <v>15750</v>
      </c>
      <c r="DT39" s="326">
        <v>0</v>
      </c>
      <c r="DU39" s="327">
        <v>0</v>
      </c>
      <c r="DV39" s="328">
        <v>0</v>
      </c>
      <c r="DW39" s="326">
        <v>0</v>
      </c>
      <c r="DX39" s="327">
        <v>0</v>
      </c>
      <c r="DY39" s="327">
        <v>0</v>
      </c>
      <c r="DZ39" s="327">
        <v>15750</v>
      </c>
      <c r="EA39" s="327">
        <v>0</v>
      </c>
      <c r="EB39" s="327">
        <v>0</v>
      </c>
      <c r="EC39" s="328">
        <v>15750</v>
      </c>
      <c r="ED39" s="330">
        <v>15750</v>
      </c>
      <c r="EE39" s="326">
        <v>0</v>
      </c>
      <c r="EF39" s="331">
        <v>0</v>
      </c>
      <c r="EG39" s="328">
        <v>0</v>
      </c>
      <c r="EH39" s="326">
        <v>0</v>
      </c>
      <c r="EI39" s="327">
        <v>0</v>
      </c>
      <c r="EJ39" s="327">
        <v>0</v>
      </c>
      <c r="EK39" s="327">
        <v>0</v>
      </c>
      <c r="EL39" s="327">
        <v>0</v>
      </c>
      <c r="EM39" s="327">
        <v>0</v>
      </c>
      <c r="EN39" s="331">
        <v>0</v>
      </c>
      <c r="EO39" s="330">
        <v>0</v>
      </c>
      <c r="EP39" s="326">
        <v>0</v>
      </c>
      <c r="EQ39" s="327">
        <v>0</v>
      </c>
      <c r="ER39" s="331">
        <v>0</v>
      </c>
      <c r="ES39" s="332">
        <v>0</v>
      </c>
      <c r="ET39" s="327">
        <v>0</v>
      </c>
      <c r="EU39" s="327">
        <v>0</v>
      </c>
      <c r="EV39" s="327">
        <v>0</v>
      </c>
      <c r="EW39" s="327">
        <v>0</v>
      </c>
      <c r="EX39" s="327">
        <v>0</v>
      </c>
      <c r="EY39" s="328">
        <v>0</v>
      </c>
      <c r="EZ39" s="330">
        <v>0</v>
      </c>
      <c r="FA39" s="326">
        <v>0</v>
      </c>
      <c r="FB39" s="327">
        <v>0</v>
      </c>
      <c r="FC39" s="331">
        <v>0</v>
      </c>
      <c r="FD39" s="404">
        <v>0</v>
      </c>
      <c r="FE39" s="327">
        <v>0</v>
      </c>
      <c r="FF39" s="327">
        <v>0</v>
      </c>
      <c r="FG39" s="327">
        <v>0</v>
      </c>
      <c r="FH39" s="327">
        <v>0</v>
      </c>
      <c r="FI39" s="327">
        <v>0</v>
      </c>
      <c r="FJ39" s="328">
        <v>0</v>
      </c>
      <c r="FK39" s="330">
        <v>0</v>
      </c>
      <c r="FL39" s="326">
        <v>2800</v>
      </c>
      <c r="FM39" s="327">
        <v>0</v>
      </c>
      <c r="FN39" s="328">
        <v>2800</v>
      </c>
      <c r="FO39" s="326">
        <v>0</v>
      </c>
      <c r="FP39" s="327">
        <v>3500</v>
      </c>
      <c r="FQ39" s="327">
        <v>17430</v>
      </c>
      <c r="FR39" s="327">
        <v>0</v>
      </c>
      <c r="FS39" s="327">
        <v>3122</v>
      </c>
      <c r="FT39" s="327">
        <v>0</v>
      </c>
      <c r="FU39" s="328">
        <v>24052</v>
      </c>
      <c r="FV39" s="330">
        <v>26852</v>
      </c>
      <c r="FW39" s="333">
        <v>2800</v>
      </c>
      <c r="FX39" s="327">
        <v>0</v>
      </c>
      <c r="FY39" s="331">
        <v>2800</v>
      </c>
      <c r="FZ39" s="332">
        <v>0</v>
      </c>
      <c r="GA39" s="327">
        <v>3500</v>
      </c>
      <c r="GB39" s="327">
        <v>17430</v>
      </c>
      <c r="GC39" s="327">
        <v>0</v>
      </c>
      <c r="GD39" s="327">
        <v>3122</v>
      </c>
      <c r="GE39" s="327">
        <v>0</v>
      </c>
      <c r="GF39" s="328">
        <v>24052</v>
      </c>
      <c r="GG39" s="334">
        <v>26852</v>
      </c>
      <c r="GH39" s="333">
        <v>0</v>
      </c>
      <c r="GI39" s="327">
        <v>0</v>
      </c>
      <c r="GJ39" s="331">
        <v>0</v>
      </c>
      <c r="GK39" s="332">
        <v>0</v>
      </c>
      <c r="GL39" s="327">
        <v>0</v>
      </c>
      <c r="GM39" s="327">
        <v>0</v>
      </c>
      <c r="GN39" s="327">
        <v>0</v>
      </c>
      <c r="GO39" s="327">
        <v>0</v>
      </c>
      <c r="GP39" s="327">
        <v>0</v>
      </c>
      <c r="GQ39" s="328">
        <v>0</v>
      </c>
      <c r="GR39" s="330">
        <v>0</v>
      </c>
      <c r="GS39" s="326">
        <v>0</v>
      </c>
      <c r="GT39" s="327">
        <v>0</v>
      </c>
      <c r="GU39" s="328">
        <v>0</v>
      </c>
      <c r="GV39" s="326">
        <v>0</v>
      </c>
      <c r="GW39" s="327">
        <v>0</v>
      </c>
      <c r="GX39" s="327">
        <v>0</v>
      </c>
      <c r="GY39" s="327">
        <v>0</v>
      </c>
      <c r="GZ39" s="327">
        <v>0</v>
      </c>
      <c r="HA39" s="327">
        <v>0</v>
      </c>
      <c r="HB39" s="331">
        <v>0</v>
      </c>
      <c r="HC39" s="330">
        <v>0</v>
      </c>
      <c r="HD39" s="326">
        <v>0</v>
      </c>
      <c r="HE39" s="327">
        <v>0</v>
      </c>
      <c r="HF39" s="331">
        <v>0</v>
      </c>
      <c r="HG39" s="332">
        <v>0</v>
      </c>
      <c r="HH39" s="327">
        <v>0</v>
      </c>
      <c r="HI39" s="327">
        <v>308032</v>
      </c>
      <c r="HJ39" s="327">
        <v>355097</v>
      </c>
      <c r="HK39" s="327">
        <v>0</v>
      </c>
      <c r="HL39" s="327">
        <v>0</v>
      </c>
      <c r="HM39" s="328">
        <v>663129</v>
      </c>
      <c r="HN39" s="329">
        <v>663129</v>
      </c>
      <c r="HO39" s="333">
        <v>0</v>
      </c>
      <c r="HP39" s="327">
        <v>0</v>
      </c>
      <c r="HQ39" s="328">
        <v>0</v>
      </c>
      <c r="HR39" s="326">
        <v>0</v>
      </c>
      <c r="HS39" s="327">
        <v>0</v>
      </c>
      <c r="HT39" s="327">
        <v>0</v>
      </c>
      <c r="HU39" s="327">
        <v>0</v>
      </c>
      <c r="HV39" s="327">
        <v>0</v>
      </c>
      <c r="HW39" s="327">
        <v>0</v>
      </c>
      <c r="HX39" s="331">
        <v>0</v>
      </c>
      <c r="HY39" s="330">
        <v>0</v>
      </c>
      <c r="HZ39" s="335">
        <v>0</v>
      </c>
      <c r="IA39" s="336">
        <v>0</v>
      </c>
      <c r="IB39" s="337">
        <v>0</v>
      </c>
      <c r="IC39" s="338">
        <v>0</v>
      </c>
      <c r="ID39" s="336">
        <v>0</v>
      </c>
      <c r="IE39" s="339">
        <v>0</v>
      </c>
      <c r="IF39" s="337">
        <v>0</v>
      </c>
      <c r="IG39" s="336">
        <v>0</v>
      </c>
      <c r="IH39" s="337">
        <v>0</v>
      </c>
      <c r="II39" s="340">
        <v>0</v>
      </c>
      <c r="IJ39" s="341">
        <v>0</v>
      </c>
      <c r="IK39" s="342">
        <v>0</v>
      </c>
      <c r="IL39" s="343">
        <v>0</v>
      </c>
      <c r="IM39" s="344">
        <v>0</v>
      </c>
      <c r="IN39" s="404">
        <v>0</v>
      </c>
      <c r="IO39" s="345">
        <v>0</v>
      </c>
      <c r="IP39" s="345">
        <v>0</v>
      </c>
      <c r="IQ39" s="345">
        <v>0</v>
      </c>
      <c r="IR39" s="345">
        <v>0</v>
      </c>
      <c r="IS39" s="345">
        <v>0</v>
      </c>
      <c r="IT39" s="346">
        <v>0</v>
      </c>
      <c r="IU39" s="347">
        <v>0</v>
      </c>
      <c r="IV39" s="348">
        <v>0</v>
      </c>
      <c r="IW39" s="345">
        <v>0</v>
      </c>
      <c r="IX39" s="349">
        <v>0</v>
      </c>
      <c r="IY39" s="404">
        <v>0</v>
      </c>
      <c r="IZ39" s="345">
        <v>0</v>
      </c>
      <c r="JA39" s="345">
        <v>0</v>
      </c>
      <c r="JB39" s="345">
        <v>0</v>
      </c>
      <c r="JC39" s="345">
        <v>0</v>
      </c>
      <c r="JD39" s="345">
        <v>0</v>
      </c>
      <c r="JE39" s="349">
        <v>0</v>
      </c>
      <c r="JF39" s="350">
        <v>0</v>
      </c>
      <c r="JG39" s="348">
        <v>0</v>
      </c>
      <c r="JH39" s="345">
        <v>0</v>
      </c>
      <c r="JI39" s="346">
        <v>0</v>
      </c>
      <c r="JJ39" s="351">
        <v>0</v>
      </c>
      <c r="JK39" s="345">
        <v>0</v>
      </c>
      <c r="JL39" s="345">
        <v>0</v>
      </c>
      <c r="JM39" s="345">
        <v>0</v>
      </c>
      <c r="JN39" s="345">
        <v>0</v>
      </c>
      <c r="JO39" s="345">
        <v>0</v>
      </c>
      <c r="JP39" s="349">
        <v>0</v>
      </c>
      <c r="JQ39" s="347">
        <v>0</v>
      </c>
      <c r="JR39" s="348">
        <v>0</v>
      </c>
      <c r="JS39" s="345">
        <v>0</v>
      </c>
      <c r="JT39" s="346">
        <v>0</v>
      </c>
      <c r="JU39" s="351">
        <v>0</v>
      </c>
      <c r="JV39" s="345">
        <v>0</v>
      </c>
      <c r="JW39" s="345">
        <v>0</v>
      </c>
      <c r="JX39" s="345">
        <v>0</v>
      </c>
      <c r="JY39" s="345">
        <v>0</v>
      </c>
      <c r="JZ39" s="345">
        <v>0</v>
      </c>
      <c r="KA39" s="349">
        <v>0</v>
      </c>
      <c r="KB39" s="347">
        <v>0</v>
      </c>
      <c r="KC39" s="352">
        <v>0</v>
      </c>
      <c r="KD39" s="353">
        <v>0</v>
      </c>
      <c r="KE39" s="349">
        <v>0</v>
      </c>
      <c r="KF39" s="351">
        <v>0</v>
      </c>
      <c r="KG39" s="345">
        <v>0</v>
      </c>
      <c r="KH39" s="345">
        <v>0</v>
      </c>
      <c r="KI39" s="345">
        <v>0</v>
      </c>
      <c r="KJ39" s="345">
        <v>0</v>
      </c>
      <c r="KK39" s="345">
        <v>0</v>
      </c>
      <c r="KL39" s="349">
        <v>0</v>
      </c>
      <c r="KM39" s="354">
        <v>0</v>
      </c>
      <c r="KN39" s="342">
        <v>0</v>
      </c>
      <c r="KO39" s="343">
        <v>0</v>
      </c>
      <c r="KP39" s="344">
        <v>0</v>
      </c>
      <c r="KQ39" s="404">
        <v>0</v>
      </c>
      <c r="KR39" s="345">
        <v>0</v>
      </c>
      <c r="KS39" s="345">
        <v>0</v>
      </c>
      <c r="KT39" s="345">
        <v>0</v>
      </c>
      <c r="KU39" s="345">
        <v>0</v>
      </c>
      <c r="KV39" s="345">
        <v>0</v>
      </c>
      <c r="KW39" s="349">
        <v>0</v>
      </c>
      <c r="KX39" s="347">
        <v>0</v>
      </c>
      <c r="KY39" s="348">
        <v>0</v>
      </c>
      <c r="KZ39" s="345">
        <v>0</v>
      </c>
      <c r="LA39" s="349">
        <v>0</v>
      </c>
      <c r="LB39" s="404">
        <v>0</v>
      </c>
      <c r="LC39" s="345">
        <v>0</v>
      </c>
      <c r="LD39" s="345">
        <v>0</v>
      </c>
      <c r="LE39" s="345">
        <v>0</v>
      </c>
      <c r="LF39" s="345">
        <v>0</v>
      </c>
      <c r="LG39" s="345">
        <v>0</v>
      </c>
      <c r="LH39" s="349">
        <v>0</v>
      </c>
      <c r="LI39" s="350">
        <v>0</v>
      </c>
      <c r="LJ39" s="348">
        <v>0</v>
      </c>
      <c r="LK39" s="345">
        <v>0</v>
      </c>
      <c r="LL39" s="349">
        <v>0</v>
      </c>
      <c r="LM39" s="404">
        <v>0</v>
      </c>
      <c r="LN39" s="345">
        <v>0</v>
      </c>
      <c r="LO39" s="345">
        <v>0</v>
      </c>
      <c r="LP39" s="345">
        <v>0</v>
      </c>
      <c r="LQ39" s="345">
        <v>0</v>
      </c>
      <c r="LR39" s="345">
        <v>0</v>
      </c>
      <c r="LS39" s="349">
        <v>0</v>
      </c>
      <c r="LT39" s="347">
        <v>0</v>
      </c>
      <c r="LU39" s="348">
        <v>0</v>
      </c>
      <c r="LV39" s="345">
        <v>0</v>
      </c>
      <c r="LW39" s="349">
        <v>0</v>
      </c>
      <c r="LX39" s="404">
        <v>0</v>
      </c>
      <c r="LY39" s="345">
        <v>0</v>
      </c>
      <c r="LZ39" s="345">
        <v>0</v>
      </c>
      <c r="MA39" s="345">
        <v>0</v>
      </c>
      <c r="MB39" s="345">
        <v>0</v>
      </c>
      <c r="MC39" s="345">
        <v>0</v>
      </c>
      <c r="MD39" s="349">
        <v>0</v>
      </c>
      <c r="ME39" s="350">
        <v>0</v>
      </c>
      <c r="MF39" s="348">
        <v>0</v>
      </c>
      <c r="MG39" s="345">
        <v>0</v>
      </c>
      <c r="MH39" s="349">
        <v>0</v>
      </c>
      <c r="MI39" s="404">
        <v>0</v>
      </c>
      <c r="MJ39" s="345">
        <v>0</v>
      </c>
      <c r="MK39" s="345">
        <v>0</v>
      </c>
      <c r="ML39" s="345">
        <v>0</v>
      </c>
      <c r="MM39" s="345">
        <v>202718</v>
      </c>
      <c r="MN39" s="345">
        <v>0</v>
      </c>
      <c r="MO39" s="349">
        <v>202718</v>
      </c>
      <c r="MP39" s="354">
        <v>202718</v>
      </c>
      <c r="MQ39" s="348">
        <v>0</v>
      </c>
      <c r="MR39" s="345">
        <v>0</v>
      </c>
      <c r="MS39" s="349">
        <v>0</v>
      </c>
      <c r="MT39" s="404">
        <v>0</v>
      </c>
      <c r="MU39" s="345">
        <v>0</v>
      </c>
      <c r="MV39" s="345">
        <v>0</v>
      </c>
      <c r="MW39" s="345">
        <v>0</v>
      </c>
      <c r="MX39" s="345">
        <v>202718</v>
      </c>
      <c r="MY39" s="345">
        <v>0</v>
      </c>
      <c r="MZ39" s="349">
        <v>202718</v>
      </c>
      <c r="NA39" s="354">
        <v>202718</v>
      </c>
      <c r="NB39" s="348">
        <v>0</v>
      </c>
      <c r="NC39" s="345">
        <v>0</v>
      </c>
      <c r="ND39" s="349">
        <v>0</v>
      </c>
      <c r="NE39" s="404">
        <v>0</v>
      </c>
      <c r="NF39" s="345">
        <v>0</v>
      </c>
      <c r="NG39" s="345">
        <v>0</v>
      </c>
      <c r="NH39" s="345">
        <v>0</v>
      </c>
      <c r="NI39" s="345">
        <v>0</v>
      </c>
      <c r="NJ39" s="345">
        <v>0</v>
      </c>
      <c r="NK39" s="349">
        <v>0</v>
      </c>
      <c r="NL39" s="347">
        <v>0</v>
      </c>
      <c r="NM39" s="348">
        <v>0</v>
      </c>
      <c r="NN39" s="345">
        <v>0</v>
      </c>
      <c r="NO39" s="349">
        <v>0</v>
      </c>
      <c r="NP39" s="404">
        <v>0</v>
      </c>
      <c r="NQ39" s="345">
        <v>0</v>
      </c>
      <c r="NR39" s="345">
        <v>0</v>
      </c>
      <c r="NS39" s="345">
        <v>0</v>
      </c>
      <c r="NT39" s="345">
        <v>0</v>
      </c>
      <c r="NU39" s="345">
        <v>0</v>
      </c>
      <c r="NV39" s="349">
        <v>0</v>
      </c>
      <c r="NW39" s="350">
        <v>0</v>
      </c>
      <c r="NX39" s="348">
        <v>0</v>
      </c>
      <c r="NY39" s="345">
        <v>0</v>
      </c>
      <c r="NZ39" s="349">
        <v>0</v>
      </c>
      <c r="OA39" s="404">
        <v>0</v>
      </c>
      <c r="OB39" s="345">
        <v>0</v>
      </c>
      <c r="OC39" s="345">
        <v>0</v>
      </c>
      <c r="OD39" s="345">
        <v>0</v>
      </c>
      <c r="OE39" s="345">
        <v>0</v>
      </c>
      <c r="OF39" s="345">
        <v>0</v>
      </c>
      <c r="OG39" s="349">
        <v>0</v>
      </c>
      <c r="OH39" s="350">
        <v>0</v>
      </c>
      <c r="OI39" s="348">
        <v>2800</v>
      </c>
      <c r="OJ39" s="345">
        <v>0</v>
      </c>
      <c r="OK39" s="346">
        <v>2800</v>
      </c>
      <c r="OL39" s="351">
        <v>0</v>
      </c>
      <c r="OM39" s="345">
        <v>85540</v>
      </c>
      <c r="ON39" s="345">
        <v>478020</v>
      </c>
      <c r="OO39" s="345">
        <v>556676</v>
      </c>
      <c r="OP39" s="345">
        <v>320031</v>
      </c>
      <c r="OQ39" s="345">
        <v>0</v>
      </c>
      <c r="OR39" s="349">
        <v>1440267</v>
      </c>
      <c r="OS39" s="354">
        <v>1443067</v>
      </c>
    </row>
    <row r="40" spans="2:409" s="70" customFormat="1" ht="21" customHeight="1" x14ac:dyDescent="0.2">
      <c r="B40" s="106" t="s">
        <v>35</v>
      </c>
      <c r="C40" s="326">
        <v>268506</v>
      </c>
      <c r="D40" s="327">
        <v>309876</v>
      </c>
      <c r="E40" s="328">
        <v>578382</v>
      </c>
      <c r="F40" s="329">
        <v>0</v>
      </c>
      <c r="G40" s="327">
        <v>951816</v>
      </c>
      <c r="H40" s="327">
        <v>981438</v>
      </c>
      <c r="I40" s="327">
        <v>973801</v>
      </c>
      <c r="J40" s="327">
        <v>401926</v>
      </c>
      <c r="K40" s="327">
        <v>526884</v>
      </c>
      <c r="L40" s="367">
        <v>3835865</v>
      </c>
      <c r="M40" s="330">
        <v>4414247</v>
      </c>
      <c r="N40" s="326">
        <v>81494</v>
      </c>
      <c r="O40" s="327">
        <v>121674</v>
      </c>
      <c r="P40" s="328">
        <v>203168</v>
      </c>
      <c r="Q40" s="326">
        <v>0</v>
      </c>
      <c r="R40" s="327">
        <v>216793</v>
      </c>
      <c r="S40" s="327">
        <v>256287</v>
      </c>
      <c r="T40" s="327">
        <v>180936</v>
      </c>
      <c r="U40" s="327">
        <v>18004</v>
      </c>
      <c r="V40" s="327">
        <v>87199</v>
      </c>
      <c r="W40" s="328">
        <v>759219</v>
      </c>
      <c r="X40" s="330">
        <v>962387</v>
      </c>
      <c r="Y40" s="326">
        <v>0</v>
      </c>
      <c r="Z40" s="327">
        <v>0</v>
      </c>
      <c r="AA40" s="328">
        <v>0</v>
      </c>
      <c r="AB40" s="326">
        <v>0</v>
      </c>
      <c r="AC40" s="327">
        <v>62223</v>
      </c>
      <c r="AD40" s="327">
        <v>85032</v>
      </c>
      <c r="AE40" s="327">
        <v>16597</v>
      </c>
      <c r="AF40" s="327">
        <v>0</v>
      </c>
      <c r="AG40" s="327">
        <v>0</v>
      </c>
      <c r="AH40" s="328">
        <v>163852</v>
      </c>
      <c r="AI40" s="330">
        <v>163852</v>
      </c>
      <c r="AJ40" s="326">
        <v>0</v>
      </c>
      <c r="AK40" s="327">
        <v>0</v>
      </c>
      <c r="AL40" s="328">
        <v>0</v>
      </c>
      <c r="AM40" s="326">
        <v>0</v>
      </c>
      <c r="AN40" s="327">
        <v>0</v>
      </c>
      <c r="AO40" s="327">
        <v>0</v>
      </c>
      <c r="AP40" s="327">
        <v>11627</v>
      </c>
      <c r="AQ40" s="327">
        <v>0</v>
      </c>
      <c r="AR40" s="327">
        <v>0</v>
      </c>
      <c r="AS40" s="328">
        <v>11627</v>
      </c>
      <c r="AT40" s="330">
        <v>11627</v>
      </c>
      <c r="AU40" s="326">
        <v>30989</v>
      </c>
      <c r="AV40" s="327">
        <v>45297</v>
      </c>
      <c r="AW40" s="328">
        <v>76286</v>
      </c>
      <c r="AX40" s="326">
        <v>0</v>
      </c>
      <c r="AY40" s="327">
        <v>95021</v>
      </c>
      <c r="AZ40" s="327">
        <v>91588</v>
      </c>
      <c r="BA40" s="327">
        <v>95235</v>
      </c>
      <c r="BB40" s="327">
        <v>0</v>
      </c>
      <c r="BC40" s="327">
        <v>20174</v>
      </c>
      <c r="BD40" s="328">
        <v>302018</v>
      </c>
      <c r="BE40" s="330">
        <v>378304</v>
      </c>
      <c r="BF40" s="326">
        <v>21280</v>
      </c>
      <c r="BG40" s="327">
        <v>57456</v>
      </c>
      <c r="BH40" s="331">
        <v>78736</v>
      </c>
      <c r="BI40" s="332">
        <v>0</v>
      </c>
      <c r="BJ40" s="327">
        <v>0</v>
      </c>
      <c r="BK40" s="327">
        <v>61866</v>
      </c>
      <c r="BL40" s="327">
        <v>0</v>
      </c>
      <c r="BM40" s="327">
        <v>0</v>
      </c>
      <c r="BN40" s="327">
        <v>39564</v>
      </c>
      <c r="BO40" s="328">
        <v>101430</v>
      </c>
      <c r="BP40" s="330">
        <v>180166</v>
      </c>
      <c r="BQ40" s="326">
        <v>29225</v>
      </c>
      <c r="BR40" s="327">
        <v>18921</v>
      </c>
      <c r="BS40" s="328">
        <v>48146</v>
      </c>
      <c r="BT40" s="326">
        <v>0</v>
      </c>
      <c r="BU40" s="327">
        <v>59549</v>
      </c>
      <c r="BV40" s="327">
        <v>17801</v>
      </c>
      <c r="BW40" s="327">
        <v>57477</v>
      </c>
      <c r="BX40" s="327">
        <v>18004</v>
      </c>
      <c r="BY40" s="327">
        <v>27461</v>
      </c>
      <c r="BZ40" s="328">
        <v>180292</v>
      </c>
      <c r="CA40" s="330">
        <v>228438</v>
      </c>
      <c r="CB40" s="326">
        <v>17682</v>
      </c>
      <c r="CC40" s="327">
        <v>64680</v>
      </c>
      <c r="CD40" s="328">
        <v>82362</v>
      </c>
      <c r="CE40" s="326">
        <v>0</v>
      </c>
      <c r="CF40" s="327">
        <v>160706</v>
      </c>
      <c r="CG40" s="327">
        <v>161630</v>
      </c>
      <c r="CH40" s="327">
        <v>276671</v>
      </c>
      <c r="CI40" s="327">
        <v>0</v>
      </c>
      <c r="CJ40" s="327">
        <v>41937</v>
      </c>
      <c r="CK40" s="328">
        <v>640944</v>
      </c>
      <c r="CL40" s="330">
        <v>723306</v>
      </c>
      <c r="CM40" s="326">
        <v>0</v>
      </c>
      <c r="CN40" s="327">
        <v>0</v>
      </c>
      <c r="CO40" s="328">
        <v>0</v>
      </c>
      <c r="CP40" s="332">
        <v>0</v>
      </c>
      <c r="CQ40" s="327">
        <v>108472</v>
      </c>
      <c r="CR40" s="327">
        <v>118636</v>
      </c>
      <c r="CS40" s="327">
        <v>91819</v>
      </c>
      <c r="CT40" s="327">
        <v>0</v>
      </c>
      <c r="CU40" s="327">
        <v>41937</v>
      </c>
      <c r="CV40" s="328">
        <v>360864</v>
      </c>
      <c r="CW40" s="330">
        <v>360864</v>
      </c>
      <c r="CX40" s="326">
        <v>17682</v>
      </c>
      <c r="CY40" s="327">
        <v>64680</v>
      </c>
      <c r="CZ40" s="328">
        <v>82362</v>
      </c>
      <c r="DA40" s="326">
        <v>0</v>
      </c>
      <c r="DB40" s="327">
        <v>52234</v>
      </c>
      <c r="DC40" s="327">
        <v>42994</v>
      </c>
      <c r="DD40" s="327">
        <v>184852</v>
      </c>
      <c r="DE40" s="327">
        <v>0</v>
      </c>
      <c r="DF40" s="327">
        <v>0</v>
      </c>
      <c r="DG40" s="328">
        <v>280080</v>
      </c>
      <c r="DH40" s="330">
        <v>362442</v>
      </c>
      <c r="DI40" s="326">
        <v>0</v>
      </c>
      <c r="DJ40" s="327">
        <v>0</v>
      </c>
      <c r="DK40" s="331">
        <v>0</v>
      </c>
      <c r="DL40" s="332">
        <v>0</v>
      </c>
      <c r="DM40" s="327">
        <v>0</v>
      </c>
      <c r="DN40" s="327">
        <v>18235</v>
      </c>
      <c r="DO40" s="327">
        <v>22897</v>
      </c>
      <c r="DP40" s="327">
        <v>0</v>
      </c>
      <c r="DQ40" s="327">
        <v>133938</v>
      </c>
      <c r="DR40" s="328">
        <v>175070</v>
      </c>
      <c r="DS40" s="330">
        <v>175070</v>
      </c>
      <c r="DT40" s="326">
        <v>0</v>
      </c>
      <c r="DU40" s="327">
        <v>0</v>
      </c>
      <c r="DV40" s="328">
        <v>0</v>
      </c>
      <c r="DW40" s="326">
        <v>0</v>
      </c>
      <c r="DX40" s="327">
        <v>0</v>
      </c>
      <c r="DY40" s="327">
        <v>18235</v>
      </c>
      <c r="DZ40" s="327">
        <v>22897</v>
      </c>
      <c r="EA40" s="327">
        <v>0</v>
      </c>
      <c r="EB40" s="327">
        <v>133938</v>
      </c>
      <c r="EC40" s="328">
        <v>175070</v>
      </c>
      <c r="ED40" s="330">
        <v>175070</v>
      </c>
      <c r="EE40" s="326">
        <v>0</v>
      </c>
      <c r="EF40" s="331">
        <v>0</v>
      </c>
      <c r="EG40" s="328">
        <v>0</v>
      </c>
      <c r="EH40" s="326">
        <v>0</v>
      </c>
      <c r="EI40" s="327">
        <v>0</v>
      </c>
      <c r="EJ40" s="327">
        <v>0</v>
      </c>
      <c r="EK40" s="327">
        <v>0</v>
      </c>
      <c r="EL40" s="327">
        <v>0</v>
      </c>
      <c r="EM40" s="327">
        <v>0</v>
      </c>
      <c r="EN40" s="331">
        <v>0</v>
      </c>
      <c r="EO40" s="330">
        <v>0</v>
      </c>
      <c r="EP40" s="326">
        <v>0</v>
      </c>
      <c r="EQ40" s="327">
        <v>0</v>
      </c>
      <c r="ER40" s="331">
        <v>0</v>
      </c>
      <c r="ES40" s="332">
        <v>0</v>
      </c>
      <c r="ET40" s="327">
        <v>0</v>
      </c>
      <c r="EU40" s="327">
        <v>0</v>
      </c>
      <c r="EV40" s="327">
        <v>0</v>
      </c>
      <c r="EW40" s="327">
        <v>0</v>
      </c>
      <c r="EX40" s="327">
        <v>0</v>
      </c>
      <c r="EY40" s="328">
        <v>0</v>
      </c>
      <c r="EZ40" s="330">
        <v>0</v>
      </c>
      <c r="FA40" s="326">
        <v>0</v>
      </c>
      <c r="FB40" s="327">
        <v>0</v>
      </c>
      <c r="FC40" s="331">
        <v>0</v>
      </c>
      <c r="FD40" s="404">
        <v>0</v>
      </c>
      <c r="FE40" s="327">
        <v>0</v>
      </c>
      <c r="FF40" s="327">
        <v>0</v>
      </c>
      <c r="FG40" s="327">
        <v>0</v>
      </c>
      <c r="FH40" s="327">
        <v>0</v>
      </c>
      <c r="FI40" s="327">
        <v>0</v>
      </c>
      <c r="FJ40" s="328">
        <v>0</v>
      </c>
      <c r="FK40" s="330">
        <v>0</v>
      </c>
      <c r="FL40" s="326">
        <v>20748</v>
      </c>
      <c r="FM40" s="327">
        <v>40180</v>
      </c>
      <c r="FN40" s="328">
        <v>60928</v>
      </c>
      <c r="FO40" s="326">
        <v>0</v>
      </c>
      <c r="FP40" s="327">
        <v>7280</v>
      </c>
      <c r="FQ40" s="327">
        <v>90594</v>
      </c>
      <c r="FR40" s="327">
        <v>158585</v>
      </c>
      <c r="FS40" s="327">
        <v>0</v>
      </c>
      <c r="FT40" s="327">
        <v>45850</v>
      </c>
      <c r="FU40" s="328">
        <v>302309</v>
      </c>
      <c r="FV40" s="330">
        <v>363237</v>
      </c>
      <c r="FW40" s="333">
        <v>20748</v>
      </c>
      <c r="FX40" s="327">
        <v>17080</v>
      </c>
      <c r="FY40" s="331">
        <v>37828</v>
      </c>
      <c r="FZ40" s="332">
        <v>0</v>
      </c>
      <c r="GA40" s="327">
        <v>7280</v>
      </c>
      <c r="GB40" s="327">
        <v>90594</v>
      </c>
      <c r="GC40" s="327">
        <v>158585</v>
      </c>
      <c r="GD40" s="327">
        <v>0</v>
      </c>
      <c r="GE40" s="327">
        <v>45850</v>
      </c>
      <c r="GF40" s="328">
        <v>302309</v>
      </c>
      <c r="GG40" s="334">
        <v>340137</v>
      </c>
      <c r="GH40" s="333">
        <v>0</v>
      </c>
      <c r="GI40" s="327">
        <v>23100</v>
      </c>
      <c r="GJ40" s="331">
        <v>23100</v>
      </c>
      <c r="GK40" s="332">
        <v>0</v>
      </c>
      <c r="GL40" s="327">
        <v>0</v>
      </c>
      <c r="GM40" s="327">
        <v>0</v>
      </c>
      <c r="GN40" s="327">
        <v>0</v>
      </c>
      <c r="GO40" s="327">
        <v>0</v>
      </c>
      <c r="GP40" s="327">
        <v>0</v>
      </c>
      <c r="GQ40" s="328">
        <v>0</v>
      </c>
      <c r="GR40" s="330">
        <v>23100</v>
      </c>
      <c r="GS40" s="326">
        <v>0</v>
      </c>
      <c r="GT40" s="327">
        <v>0</v>
      </c>
      <c r="GU40" s="328">
        <v>0</v>
      </c>
      <c r="GV40" s="326">
        <v>0</v>
      </c>
      <c r="GW40" s="327">
        <v>0</v>
      </c>
      <c r="GX40" s="327">
        <v>0</v>
      </c>
      <c r="GY40" s="327">
        <v>0</v>
      </c>
      <c r="GZ40" s="327">
        <v>0</v>
      </c>
      <c r="HA40" s="327">
        <v>0</v>
      </c>
      <c r="HB40" s="331">
        <v>0</v>
      </c>
      <c r="HC40" s="330">
        <v>0</v>
      </c>
      <c r="HD40" s="326">
        <v>148582</v>
      </c>
      <c r="HE40" s="327">
        <v>83342</v>
      </c>
      <c r="HF40" s="331">
        <v>231924</v>
      </c>
      <c r="HG40" s="332">
        <v>0</v>
      </c>
      <c r="HH40" s="327">
        <v>567037</v>
      </c>
      <c r="HI40" s="327">
        <v>454692</v>
      </c>
      <c r="HJ40" s="327">
        <v>334712</v>
      </c>
      <c r="HK40" s="327">
        <v>383922</v>
      </c>
      <c r="HL40" s="327">
        <v>217960</v>
      </c>
      <c r="HM40" s="328">
        <v>1958323</v>
      </c>
      <c r="HN40" s="329">
        <v>2190247</v>
      </c>
      <c r="HO40" s="333">
        <v>0</v>
      </c>
      <c r="HP40" s="327">
        <v>0</v>
      </c>
      <c r="HQ40" s="328">
        <v>0</v>
      </c>
      <c r="HR40" s="326">
        <v>0</v>
      </c>
      <c r="HS40" s="327">
        <v>0</v>
      </c>
      <c r="HT40" s="327">
        <v>0</v>
      </c>
      <c r="HU40" s="327">
        <v>0</v>
      </c>
      <c r="HV40" s="327">
        <v>0</v>
      </c>
      <c r="HW40" s="327">
        <v>0</v>
      </c>
      <c r="HX40" s="331">
        <v>0</v>
      </c>
      <c r="HY40" s="330">
        <v>0</v>
      </c>
      <c r="HZ40" s="358">
        <v>34979</v>
      </c>
      <c r="IA40" s="356">
        <v>0</v>
      </c>
      <c r="IB40" s="358">
        <v>34979</v>
      </c>
      <c r="IC40" s="338">
        <v>0</v>
      </c>
      <c r="ID40" s="336">
        <v>216696</v>
      </c>
      <c r="IE40" s="339">
        <v>0</v>
      </c>
      <c r="IF40" s="337">
        <v>0</v>
      </c>
      <c r="IG40" s="336">
        <v>0</v>
      </c>
      <c r="IH40" s="337">
        <v>0</v>
      </c>
      <c r="II40" s="340">
        <v>216696</v>
      </c>
      <c r="IJ40" s="358">
        <v>251675</v>
      </c>
      <c r="IK40" s="342">
        <v>0</v>
      </c>
      <c r="IL40" s="343">
        <v>0</v>
      </c>
      <c r="IM40" s="344">
        <v>0</v>
      </c>
      <c r="IN40" s="404">
        <v>0</v>
      </c>
      <c r="IO40" s="345">
        <v>0</v>
      </c>
      <c r="IP40" s="345">
        <v>0</v>
      </c>
      <c r="IQ40" s="345">
        <v>0</v>
      </c>
      <c r="IR40" s="345">
        <v>0</v>
      </c>
      <c r="IS40" s="345">
        <v>0</v>
      </c>
      <c r="IT40" s="346">
        <v>0</v>
      </c>
      <c r="IU40" s="347">
        <v>0</v>
      </c>
      <c r="IV40" s="348">
        <v>0</v>
      </c>
      <c r="IW40" s="345">
        <v>0</v>
      </c>
      <c r="IX40" s="349">
        <v>0</v>
      </c>
      <c r="IY40" s="404">
        <v>0</v>
      </c>
      <c r="IZ40" s="345">
        <v>0</v>
      </c>
      <c r="JA40" s="345">
        <v>0</v>
      </c>
      <c r="JB40" s="345">
        <v>0</v>
      </c>
      <c r="JC40" s="345">
        <v>0</v>
      </c>
      <c r="JD40" s="345">
        <v>0</v>
      </c>
      <c r="JE40" s="349">
        <v>0</v>
      </c>
      <c r="JF40" s="350">
        <v>0</v>
      </c>
      <c r="JG40" s="348">
        <v>0</v>
      </c>
      <c r="JH40" s="345">
        <v>0</v>
      </c>
      <c r="JI40" s="346">
        <v>0</v>
      </c>
      <c r="JJ40" s="351">
        <v>0</v>
      </c>
      <c r="JK40" s="345">
        <v>12968</v>
      </c>
      <c r="JL40" s="345">
        <v>0</v>
      </c>
      <c r="JM40" s="345">
        <v>0</v>
      </c>
      <c r="JN40" s="345">
        <v>0</v>
      </c>
      <c r="JO40" s="345">
        <v>0</v>
      </c>
      <c r="JP40" s="349">
        <v>12968</v>
      </c>
      <c r="JQ40" s="347">
        <v>12968</v>
      </c>
      <c r="JR40" s="348">
        <v>0</v>
      </c>
      <c r="JS40" s="345">
        <v>0</v>
      </c>
      <c r="JT40" s="346">
        <v>0</v>
      </c>
      <c r="JU40" s="351">
        <v>0</v>
      </c>
      <c r="JV40" s="345">
        <v>0</v>
      </c>
      <c r="JW40" s="345">
        <v>0</v>
      </c>
      <c r="JX40" s="345">
        <v>0</v>
      </c>
      <c r="JY40" s="345">
        <v>0</v>
      </c>
      <c r="JZ40" s="345">
        <v>0</v>
      </c>
      <c r="KA40" s="349">
        <v>0</v>
      </c>
      <c r="KB40" s="347">
        <v>0</v>
      </c>
      <c r="KC40" s="352">
        <v>34979</v>
      </c>
      <c r="KD40" s="353">
        <v>0</v>
      </c>
      <c r="KE40" s="349">
        <v>34979</v>
      </c>
      <c r="KF40" s="351">
        <v>0</v>
      </c>
      <c r="KG40" s="345">
        <v>0</v>
      </c>
      <c r="KH40" s="345">
        <v>0</v>
      </c>
      <c r="KI40" s="345">
        <v>0</v>
      </c>
      <c r="KJ40" s="345">
        <v>0</v>
      </c>
      <c r="KK40" s="345">
        <v>0</v>
      </c>
      <c r="KL40" s="349">
        <v>0</v>
      </c>
      <c r="KM40" s="354">
        <v>34979</v>
      </c>
      <c r="KN40" s="342">
        <v>0</v>
      </c>
      <c r="KO40" s="343">
        <v>0</v>
      </c>
      <c r="KP40" s="344">
        <v>0</v>
      </c>
      <c r="KQ40" s="404">
        <v>0</v>
      </c>
      <c r="KR40" s="345">
        <v>203728</v>
      </c>
      <c r="KS40" s="345">
        <v>0</v>
      </c>
      <c r="KT40" s="345">
        <v>0</v>
      </c>
      <c r="KU40" s="345">
        <v>0</v>
      </c>
      <c r="KV40" s="345">
        <v>0</v>
      </c>
      <c r="KW40" s="349">
        <v>203728</v>
      </c>
      <c r="KX40" s="347">
        <v>203728</v>
      </c>
      <c r="KY40" s="348">
        <v>0</v>
      </c>
      <c r="KZ40" s="345">
        <v>0</v>
      </c>
      <c r="LA40" s="349">
        <v>0</v>
      </c>
      <c r="LB40" s="404">
        <v>0</v>
      </c>
      <c r="LC40" s="345">
        <v>0</v>
      </c>
      <c r="LD40" s="345">
        <v>0</v>
      </c>
      <c r="LE40" s="345">
        <v>0</v>
      </c>
      <c r="LF40" s="345">
        <v>0</v>
      </c>
      <c r="LG40" s="345">
        <v>0</v>
      </c>
      <c r="LH40" s="349">
        <v>0</v>
      </c>
      <c r="LI40" s="350">
        <v>0</v>
      </c>
      <c r="LJ40" s="348">
        <v>0</v>
      </c>
      <c r="LK40" s="345">
        <v>0</v>
      </c>
      <c r="LL40" s="349">
        <v>0</v>
      </c>
      <c r="LM40" s="404">
        <v>0</v>
      </c>
      <c r="LN40" s="345">
        <v>0</v>
      </c>
      <c r="LO40" s="345">
        <v>0</v>
      </c>
      <c r="LP40" s="345">
        <v>0</v>
      </c>
      <c r="LQ40" s="345">
        <v>0</v>
      </c>
      <c r="LR40" s="345">
        <v>0</v>
      </c>
      <c r="LS40" s="349">
        <v>0</v>
      </c>
      <c r="LT40" s="347">
        <v>0</v>
      </c>
      <c r="LU40" s="348">
        <v>0</v>
      </c>
      <c r="LV40" s="345">
        <v>0</v>
      </c>
      <c r="LW40" s="349">
        <v>0</v>
      </c>
      <c r="LX40" s="404">
        <v>0</v>
      </c>
      <c r="LY40" s="345">
        <v>0</v>
      </c>
      <c r="LZ40" s="345">
        <v>0</v>
      </c>
      <c r="MA40" s="345">
        <v>0</v>
      </c>
      <c r="MB40" s="345">
        <v>0</v>
      </c>
      <c r="MC40" s="345">
        <v>0</v>
      </c>
      <c r="MD40" s="349">
        <v>0</v>
      </c>
      <c r="ME40" s="350">
        <v>0</v>
      </c>
      <c r="MF40" s="348">
        <v>0</v>
      </c>
      <c r="MG40" s="345">
        <v>0</v>
      </c>
      <c r="MH40" s="349">
        <v>0</v>
      </c>
      <c r="MI40" s="404">
        <v>0</v>
      </c>
      <c r="MJ40" s="345">
        <v>174734</v>
      </c>
      <c r="MK40" s="345">
        <v>0</v>
      </c>
      <c r="ML40" s="345">
        <v>0</v>
      </c>
      <c r="MM40" s="345">
        <v>240604</v>
      </c>
      <c r="MN40" s="345">
        <v>0</v>
      </c>
      <c r="MO40" s="349">
        <v>415338</v>
      </c>
      <c r="MP40" s="354">
        <v>415338</v>
      </c>
      <c r="MQ40" s="348">
        <v>0</v>
      </c>
      <c r="MR40" s="345">
        <v>0</v>
      </c>
      <c r="MS40" s="349">
        <v>0</v>
      </c>
      <c r="MT40" s="404">
        <v>0</v>
      </c>
      <c r="MU40" s="345">
        <v>0</v>
      </c>
      <c r="MV40" s="345">
        <v>0</v>
      </c>
      <c r="MW40" s="345">
        <v>0</v>
      </c>
      <c r="MX40" s="345">
        <v>240604</v>
      </c>
      <c r="MY40" s="345">
        <v>0</v>
      </c>
      <c r="MZ40" s="349">
        <v>240604</v>
      </c>
      <c r="NA40" s="354">
        <v>240604</v>
      </c>
      <c r="NB40" s="348">
        <v>0</v>
      </c>
      <c r="NC40" s="345">
        <v>0</v>
      </c>
      <c r="ND40" s="349">
        <v>0</v>
      </c>
      <c r="NE40" s="404">
        <v>0</v>
      </c>
      <c r="NF40" s="345">
        <v>174734</v>
      </c>
      <c r="NG40" s="345">
        <v>0</v>
      </c>
      <c r="NH40" s="345">
        <v>0</v>
      </c>
      <c r="NI40" s="345">
        <v>0</v>
      </c>
      <c r="NJ40" s="345">
        <v>0</v>
      </c>
      <c r="NK40" s="349">
        <v>174734</v>
      </c>
      <c r="NL40" s="347">
        <v>174734</v>
      </c>
      <c r="NM40" s="348">
        <v>0</v>
      </c>
      <c r="NN40" s="345">
        <v>0</v>
      </c>
      <c r="NO40" s="349">
        <v>0</v>
      </c>
      <c r="NP40" s="404">
        <v>0</v>
      </c>
      <c r="NQ40" s="345">
        <v>0</v>
      </c>
      <c r="NR40" s="345">
        <v>0</v>
      </c>
      <c r="NS40" s="345">
        <v>0</v>
      </c>
      <c r="NT40" s="345">
        <v>0</v>
      </c>
      <c r="NU40" s="345">
        <v>0</v>
      </c>
      <c r="NV40" s="349">
        <v>0</v>
      </c>
      <c r="NW40" s="350">
        <v>0</v>
      </c>
      <c r="NX40" s="348">
        <v>0</v>
      </c>
      <c r="NY40" s="345">
        <v>0</v>
      </c>
      <c r="NZ40" s="349">
        <v>0</v>
      </c>
      <c r="OA40" s="404">
        <v>0</v>
      </c>
      <c r="OB40" s="345">
        <v>0</v>
      </c>
      <c r="OC40" s="345">
        <v>0</v>
      </c>
      <c r="OD40" s="345">
        <v>0</v>
      </c>
      <c r="OE40" s="345">
        <v>0</v>
      </c>
      <c r="OF40" s="345">
        <v>0</v>
      </c>
      <c r="OG40" s="349">
        <v>0</v>
      </c>
      <c r="OH40" s="350">
        <v>0</v>
      </c>
      <c r="OI40" s="348">
        <v>303485</v>
      </c>
      <c r="OJ40" s="345">
        <v>309876</v>
      </c>
      <c r="OK40" s="346">
        <v>613361</v>
      </c>
      <c r="OL40" s="351">
        <v>0</v>
      </c>
      <c r="OM40" s="345">
        <v>1343246</v>
      </c>
      <c r="ON40" s="345">
        <v>981438</v>
      </c>
      <c r="OO40" s="345">
        <v>973801</v>
      </c>
      <c r="OP40" s="345">
        <v>642530</v>
      </c>
      <c r="OQ40" s="345">
        <v>526884</v>
      </c>
      <c r="OR40" s="349">
        <v>4467899</v>
      </c>
      <c r="OS40" s="354">
        <v>5081260</v>
      </c>
    </row>
    <row r="41" spans="2:409" s="70" customFormat="1" ht="21" customHeight="1" x14ac:dyDescent="0.2">
      <c r="B41" s="106" t="s">
        <v>36</v>
      </c>
      <c r="C41" s="326">
        <v>0</v>
      </c>
      <c r="D41" s="327">
        <v>47303</v>
      </c>
      <c r="E41" s="328">
        <v>47303</v>
      </c>
      <c r="F41" s="329">
        <v>0</v>
      </c>
      <c r="G41" s="327">
        <v>560088</v>
      </c>
      <c r="H41" s="327">
        <v>1365970</v>
      </c>
      <c r="I41" s="327">
        <v>404157</v>
      </c>
      <c r="J41" s="327">
        <v>766477</v>
      </c>
      <c r="K41" s="327">
        <v>0</v>
      </c>
      <c r="L41" s="367">
        <v>3096692</v>
      </c>
      <c r="M41" s="330">
        <v>3143995</v>
      </c>
      <c r="N41" s="326">
        <v>0</v>
      </c>
      <c r="O41" s="327">
        <v>28053</v>
      </c>
      <c r="P41" s="328">
        <v>28053</v>
      </c>
      <c r="Q41" s="326">
        <v>0</v>
      </c>
      <c r="R41" s="327">
        <v>202278</v>
      </c>
      <c r="S41" s="327">
        <v>329473</v>
      </c>
      <c r="T41" s="327">
        <v>66955</v>
      </c>
      <c r="U41" s="327">
        <v>56765</v>
      </c>
      <c r="V41" s="327">
        <v>0</v>
      </c>
      <c r="W41" s="328">
        <v>655471</v>
      </c>
      <c r="X41" s="330">
        <v>683524</v>
      </c>
      <c r="Y41" s="326">
        <v>0</v>
      </c>
      <c r="Z41" s="327">
        <v>0</v>
      </c>
      <c r="AA41" s="328">
        <v>0</v>
      </c>
      <c r="AB41" s="326">
        <v>0</v>
      </c>
      <c r="AC41" s="327">
        <v>130488</v>
      </c>
      <c r="AD41" s="327">
        <v>168638</v>
      </c>
      <c r="AE41" s="327">
        <v>35749</v>
      </c>
      <c r="AF41" s="327">
        <v>0</v>
      </c>
      <c r="AG41" s="327">
        <v>0</v>
      </c>
      <c r="AH41" s="328">
        <v>334875</v>
      </c>
      <c r="AI41" s="330">
        <v>334875</v>
      </c>
      <c r="AJ41" s="326">
        <v>0</v>
      </c>
      <c r="AK41" s="327">
        <v>0</v>
      </c>
      <c r="AL41" s="328">
        <v>0</v>
      </c>
      <c r="AM41" s="326">
        <v>0</v>
      </c>
      <c r="AN41" s="327">
        <v>0</v>
      </c>
      <c r="AO41" s="327">
        <v>0</v>
      </c>
      <c r="AP41" s="327">
        <v>0</v>
      </c>
      <c r="AQ41" s="327">
        <v>0</v>
      </c>
      <c r="AR41" s="327">
        <v>0</v>
      </c>
      <c r="AS41" s="328">
        <v>0</v>
      </c>
      <c r="AT41" s="330">
        <v>0</v>
      </c>
      <c r="AU41" s="326">
        <v>0</v>
      </c>
      <c r="AV41" s="327">
        <v>28053</v>
      </c>
      <c r="AW41" s="328">
        <v>28053</v>
      </c>
      <c r="AX41" s="326">
        <v>0</v>
      </c>
      <c r="AY41" s="327">
        <v>0</v>
      </c>
      <c r="AZ41" s="327">
        <v>75274</v>
      </c>
      <c r="BA41" s="327">
        <v>0</v>
      </c>
      <c r="BB41" s="327">
        <v>31173</v>
      </c>
      <c r="BC41" s="327">
        <v>0</v>
      </c>
      <c r="BD41" s="328">
        <v>106447</v>
      </c>
      <c r="BE41" s="330">
        <v>134500</v>
      </c>
      <c r="BF41" s="326">
        <v>0</v>
      </c>
      <c r="BG41" s="327">
        <v>0</v>
      </c>
      <c r="BH41" s="331">
        <v>0</v>
      </c>
      <c r="BI41" s="332">
        <v>0</v>
      </c>
      <c r="BJ41" s="327">
        <v>41739</v>
      </c>
      <c r="BK41" s="327">
        <v>0</v>
      </c>
      <c r="BL41" s="327">
        <v>0</v>
      </c>
      <c r="BM41" s="327">
        <v>0</v>
      </c>
      <c r="BN41" s="327">
        <v>0</v>
      </c>
      <c r="BO41" s="328">
        <v>41739</v>
      </c>
      <c r="BP41" s="330">
        <v>41739</v>
      </c>
      <c r="BQ41" s="326">
        <v>0</v>
      </c>
      <c r="BR41" s="327">
        <v>0</v>
      </c>
      <c r="BS41" s="328">
        <v>0</v>
      </c>
      <c r="BT41" s="326">
        <v>0</v>
      </c>
      <c r="BU41" s="327">
        <v>30051</v>
      </c>
      <c r="BV41" s="327">
        <v>85561</v>
      </c>
      <c r="BW41" s="327">
        <v>31206</v>
      </c>
      <c r="BX41" s="327">
        <v>25592</v>
      </c>
      <c r="BY41" s="327">
        <v>0</v>
      </c>
      <c r="BZ41" s="328">
        <v>172410</v>
      </c>
      <c r="CA41" s="330">
        <v>172410</v>
      </c>
      <c r="CB41" s="326">
        <v>0</v>
      </c>
      <c r="CC41" s="327">
        <v>0</v>
      </c>
      <c r="CD41" s="328">
        <v>0</v>
      </c>
      <c r="CE41" s="326">
        <v>0</v>
      </c>
      <c r="CF41" s="327">
        <v>19788</v>
      </c>
      <c r="CG41" s="327">
        <v>315264</v>
      </c>
      <c r="CH41" s="327">
        <v>56406</v>
      </c>
      <c r="CI41" s="327">
        <v>154839</v>
      </c>
      <c r="CJ41" s="327">
        <v>0</v>
      </c>
      <c r="CK41" s="328">
        <v>546297</v>
      </c>
      <c r="CL41" s="330">
        <v>546297</v>
      </c>
      <c r="CM41" s="326">
        <v>0</v>
      </c>
      <c r="CN41" s="327">
        <v>0</v>
      </c>
      <c r="CO41" s="328">
        <v>0</v>
      </c>
      <c r="CP41" s="332">
        <v>0</v>
      </c>
      <c r="CQ41" s="327">
        <v>19788</v>
      </c>
      <c r="CR41" s="327">
        <v>315264</v>
      </c>
      <c r="CS41" s="327">
        <v>0</v>
      </c>
      <c r="CT41" s="327">
        <v>154839</v>
      </c>
      <c r="CU41" s="327">
        <v>0</v>
      </c>
      <c r="CV41" s="328">
        <v>489891</v>
      </c>
      <c r="CW41" s="330">
        <v>489891</v>
      </c>
      <c r="CX41" s="326">
        <v>0</v>
      </c>
      <c r="CY41" s="327">
        <v>0</v>
      </c>
      <c r="CZ41" s="328">
        <v>0</v>
      </c>
      <c r="DA41" s="326">
        <v>0</v>
      </c>
      <c r="DB41" s="327">
        <v>0</v>
      </c>
      <c r="DC41" s="327">
        <v>0</v>
      </c>
      <c r="DD41" s="327">
        <v>56406</v>
      </c>
      <c r="DE41" s="327">
        <v>0</v>
      </c>
      <c r="DF41" s="327">
        <v>0</v>
      </c>
      <c r="DG41" s="328">
        <v>56406</v>
      </c>
      <c r="DH41" s="330">
        <v>56406</v>
      </c>
      <c r="DI41" s="326">
        <v>0</v>
      </c>
      <c r="DJ41" s="327">
        <v>0</v>
      </c>
      <c r="DK41" s="331">
        <v>0</v>
      </c>
      <c r="DL41" s="332">
        <v>0</v>
      </c>
      <c r="DM41" s="327">
        <v>0</v>
      </c>
      <c r="DN41" s="327">
        <v>163565</v>
      </c>
      <c r="DO41" s="327">
        <v>0</v>
      </c>
      <c r="DP41" s="327">
        <v>124477</v>
      </c>
      <c r="DQ41" s="327">
        <v>0</v>
      </c>
      <c r="DR41" s="328">
        <v>288042</v>
      </c>
      <c r="DS41" s="330">
        <v>288042</v>
      </c>
      <c r="DT41" s="326">
        <v>0</v>
      </c>
      <c r="DU41" s="327">
        <v>0</v>
      </c>
      <c r="DV41" s="328">
        <v>0</v>
      </c>
      <c r="DW41" s="326">
        <v>0</v>
      </c>
      <c r="DX41" s="327">
        <v>0</v>
      </c>
      <c r="DY41" s="327">
        <v>163565</v>
      </c>
      <c r="DZ41" s="327">
        <v>0</v>
      </c>
      <c r="EA41" s="327">
        <v>124477</v>
      </c>
      <c r="EB41" s="327">
        <v>0</v>
      </c>
      <c r="EC41" s="328">
        <v>288042</v>
      </c>
      <c r="ED41" s="330">
        <v>288042</v>
      </c>
      <c r="EE41" s="326">
        <v>0</v>
      </c>
      <c r="EF41" s="331">
        <v>0</v>
      </c>
      <c r="EG41" s="328">
        <v>0</v>
      </c>
      <c r="EH41" s="326">
        <v>0</v>
      </c>
      <c r="EI41" s="327">
        <v>0</v>
      </c>
      <c r="EJ41" s="327">
        <v>0</v>
      </c>
      <c r="EK41" s="327">
        <v>0</v>
      </c>
      <c r="EL41" s="327">
        <v>0</v>
      </c>
      <c r="EM41" s="327">
        <v>0</v>
      </c>
      <c r="EN41" s="331">
        <v>0</v>
      </c>
      <c r="EO41" s="330">
        <v>0</v>
      </c>
      <c r="EP41" s="326">
        <v>0</v>
      </c>
      <c r="EQ41" s="327">
        <v>0</v>
      </c>
      <c r="ER41" s="331">
        <v>0</v>
      </c>
      <c r="ES41" s="332">
        <v>0</v>
      </c>
      <c r="ET41" s="327">
        <v>0</v>
      </c>
      <c r="EU41" s="327">
        <v>0</v>
      </c>
      <c r="EV41" s="327">
        <v>0</v>
      </c>
      <c r="EW41" s="327">
        <v>0</v>
      </c>
      <c r="EX41" s="327">
        <v>0</v>
      </c>
      <c r="EY41" s="328">
        <v>0</v>
      </c>
      <c r="EZ41" s="330">
        <v>0</v>
      </c>
      <c r="FA41" s="326">
        <v>0</v>
      </c>
      <c r="FB41" s="327">
        <v>0</v>
      </c>
      <c r="FC41" s="331">
        <v>0</v>
      </c>
      <c r="FD41" s="404">
        <v>0</v>
      </c>
      <c r="FE41" s="327">
        <v>0</v>
      </c>
      <c r="FF41" s="327">
        <v>0</v>
      </c>
      <c r="FG41" s="327">
        <v>0</v>
      </c>
      <c r="FH41" s="327">
        <v>0</v>
      </c>
      <c r="FI41" s="327">
        <v>0</v>
      </c>
      <c r="FJ41" s="328">
        <v>0</v>
      </c>
      <c r="FK41" s="330">
        <v>0</v>
      </c>
      <c r="FL41" s="326">
        <v>0</v>
      </c>
      <c r="FM41" s="327">
        <v>19250</v>
      </c>
      <c r="FN41" s="328">
        <v>19250</v>
      </c>
      <c r="FO41" s="326">
        <v>0</v>
      </c>
      <c r="FP41" s="327">
        <v>53200</v>
      </c>
      <c r="FQ41" s="327">
        <v>228452</v>
      </c>
      <c r="FR41" s="327">
        <v>173530</v>
      </c>
      <c r="FS41" s="327">
        <v>55678</v>
      </c>
      <c r="FT41" s="327">
        <v>0</v>
      </c>
      <c r="FU41" s="328">
        <v>510860</v>
      </c>
      <c r="FV41" s="330">
        <v>530110</v>
      </c>
      <c r="FW41" s="333">
        <v>0</v>
      </c>
      <c r="FX41" s="327">
        <v>19250</v>
      </c>
      <c r="FY41" s="331">
        <v>19250</v>
      </c>
      <c r="FZ41" s="332">
        <v>0</v>
      </c>
      <c r="GA41" s="327">
        <v>21490</v>
      </c>
      <c r="GB41" s="327">
        <v>154252</v>
      </c>
      <c r="GC41" s="327">
        <v>33530</v>
      </c>
      <c r="GD41" s="327">
        <v>55678</v>
      </c>
      <c r="GE41" s="327">
        <v>0</v>
      </c>
      <c r="GF41" s="328">
        <v>264950</v>
      </c>
      <c r="GG41" s="334">
        <v>284200</v>
      </c>
      <c r="GH41" s="333">
        <v>0</v>
      </c>
      <c r="GI41" s="327">
        <v>0</v>
      </c>
      <c r="GJ41" s="331">
        <v>0</v>
      </c>
      <c r="GK41" s="332">
        <v>0</v>
      </c>
      <c r="GL41" s="327">
        <v>31710</v>
      </c>
      <c r="GM41" s="327">
        <v>0</v>
      </c>
      <c r="GN41" s="327">
        <v>0</v>
      </c>
      <c r="GO41" s="327">
        <v>0</v>
      </c>
      <c r="GP41" s="327">
        <v>0</v>
      </c>
      <c r="GQ41" s="328">
        <v>31710</v>
      </c>
      <c r="GR41" s="330">
        <v>31710</v>
      </c>
      <c r="GS41" s="326">
        <v>0</v>
      </c>
      <c r="GT41" s="327">
        <v>0</v>
      </c>
      <c r="GU41" s="328">
        <v>0</v>
      </c>
      <c r="GV41" s="326">
        <v>0</v>
      </c>
      <c r="GW41" s="327">
        <v>0</v>
      </c>
      <c r="GX41" s="327">
        <v>74200</v>
      </c>
      <c r="GY41" s="327">
        <v>140000</v>
      </c>
      <c r="GZ41" s="327">
        <v>0</v>
      </c>
      <c r="HA41" s="327">
        <v>0</v>
      </c>
      <c r="HB41" s="331">
        <v>214200</v>
      </c>
      <c r="HC41" s="330">
        <v>214200</v>
      </c>
      <c r="HD41" s="326">
        <v>0</v>
      </c>
      <c r="HE41" s="327">
        <v>0</v>
      </c>
      <c r="HF41" s="331">
        <v>0</v>
      </c>
      <c r="HG41" s="332">
        <v>0</v>
      </c>
      <c r="HH41" s="327">
        <v>284822</v>
      </c>
      <c r="HI41" s="327">
        <v>329216</v>
      </c>
      <c r="HJ41" s="327">
        <v>107266</v>
      </c>
      <c r="HK41" s="327">
        <v>374718</v>
      </c>
      <c r="HL41" s="327">
        <v>0</v>
      </c>
      <c r="HM41" s="328">
        <v>1096022</v>
      </c>
      <c r="HN41" s="329">
        <v>1096022</v>
      </c>
      <c r="HO41" s="333">
        <v>0</v>
      </c>
      <c r="HP41" s="327">
        <v>0</v>
      </c>
      <c r="HQ41" s="328">
        <v>0</v>
      </c>
      <c r="HR41" s="326">
        <v>0</v>
      </c>
      <c r="HS41" s="327">
        <v>0</v>
      </c>
      <c r="HT41" s="327">
        <v>0</v>
      </c>
      <c r="HU41" s="327">
        <v>0</v>
      </c>
      <c r="HV41" s="327">
        <v>0</v>
      </c>
      <c r="HW41" s="327">
        <v>0</v>
      </c>
      <c r="HX41" s="331">
        <v>0</v>
      </c>
      <c r="HY41" s="330">
        <v>0</v>
      </c>
      <c r="HZ41" s="335">
        <v>0</v>
      </c>
      <c r="IA41" s="336">
        <v>0</v>
      </c>
      <c r="IB41" s="337">
        <v>0</v>
      </c>
      <c r="IC41" s="338">
        <v>0</v>
      </c>
      <c r="ID41" s="336">
        <v>206003</v>
      </c>
      <c r="IE41" s="339">
        <v>257457</v>
      </c>
      <c r="IF41" s="337">
        <v>234248</v>
      </c>
      <c r="IG41" s="336">
        <v>0</v>
      </c>
      <c r="IH41" s="337">
        <v>0</v>
      </c>
      <c r="II41" s="340">
        <v>697708</v>
      </c>
      <c r="IJ41" s="341">
        <v>697708</v>
      </c>
      <c r="IK41" s="342">
        <v>0</v>
      </c>
      <c r="IL41" s="343">
        <v>0</v>
      </c>
      <c r="IM41" s="344">
        <v>0</v>
      </c>
      <c r="IN41" s="404">
        <v>0</v>
      </c>
      <c r="IO41" s="345">
        <v>0</v>
      </c>
      <c r="IP41" s="345">
        <v>0</v>
      </c>
      <c r="IQ41" s="345">
        <v>0</v>
      </c>
      <c r="IR41" s="345">
        <v>0</v>
      </c>
      <c r="IS41" s="345">
        <v>0</v>
      </c>
      <c r="IT41" s="346">
        <v>0</v>
      </c>
      <c r="IU41" s="347">
        <v>0</v>
      </c>
      <c r="IV41" s="348">
        <v>0</v>
      </c>
      <c r="IW41" s="345">
        <v>0</v>
      </c>
      <c r="IX41" s="349">
        <v>0</v>
      </c>
      <c r="IY41" s="404">
        <v>0</v>
      </c>
      <c r="IZ41" s="345">
        <v>0</v>
      </c>
      <c r="JA41" s="345">
        <v>0</v>
      </c>
      <c r="JB41" s="345">
        <v>0</v>
      </c>
      <c r="JC41" s="345">
        <v>0</v>
      </c>
      <c r="JD41" s="345">
        <v>0</v>
      </c>
      <c r="JE41" s="349">
        <v>0</v>
      </c>
      <c r="JF41" s="350">
        <v>0</v>
      </c>
      <c r="JG41" s="348">
        <v>0</v>
      </c>
      <c r="JH41" s="345">
        <v>0</v>
      </c>
      <c r="JI41" s="346">
        <v>0</v>
      </c>
      <c r="JJ41" s="351">
        <v>0</v>
      </c>
      <c r="JK41" s="345">
        <v>110722</v>
      </c>
      <c r="JL41" s="345">
        <v>29661</v>
      </c>
      <c r="JM41" s="345">
        <v>0</v>
      </c>
      <c r="JN41" s="345">
        <v>0</v>
      </c>
      <c r="JO41" s="345">
        <v>0</v>
      </c>
      <c r="JP41" s="349">
        <v>140383</v>
      </c>
      <c r="JQ41" s="347">
        <v>140383</v>
      </c>
      <c r="JR41" s="348">
        <v>0</v>
      </c>
      <c r="JS41" s="345">
        <v>0</v>
      </c>
      <c r="JT41" s="346">
        <v>0</v>
      </c>
      <c r="JU41" s="351">
        <v>0</v>
      </c>
      <c r="JV41" s="345">
        <v>0</v>
      </c>
      <c r="JW41" s="345">
        <v>0</v>
      </c>
      <c r="JX41" s="345">
        <v>0</v>
      </c>
      <c r="JY41" s="345">
        <v>0</v>
      </c>
      <c r="JZ41" s="345">
        <v>0</v>
      </c>
      <c r="KA41" s="349">
        <v>0</v>
      </c>
      <c r="KB41" s="347">
        <v>0</v>
      </c>
      <c r="KC41" s="352">
        <v>0</v>
      </c>
      <c r="KD41" s="353">
        <v>0</v>
      </c>
      <c r="KE41" s="349">
        <v>0</v>
      </c>
      <c r="KF41" s="351">
        <v>0</v>
      </c>
      <c r="KG41" s="345">
        <v>95281</v>
      </c>
      <c r="KH41" s="345">
        <v>0</v>
      </c>
      <c r="KI41" s="345">
        <v>0</v>
      </c>
      <c r="KJ41" s="345">
        <v>0</v>
      </c>
      <c r="KK41" s="345">
        <v>0</v>
      </c>
      <c r="KL41" s="349">
        <v>95281</v>
      </c>
      <c r="KM41" s="354">
        <v>95281</v>
      </c>
      <c r="KN41" s="342">
        <v>0</v>
      </c>
      <c r="KO41" s="343">
        <v>0</v>
      </c>
      <c r="KP41" s="344">
        <v>0</v>
      </c>
      <c r="KQ41" s="404">
        <v>0</v>
      </c>
      <c r="KR41" s="345">
        <v>0</v>
      </c>
      <c r="KS41" s="345">
        <v>227796</v>
      </c>
      <c r="KT41" s="345">
        <v>234248</v>
      </c>
      <c r="KU41" s="345">
        <v>0</v>
      </c>
      <c r="KV41" s="345">
        <v>0</v>
      </c>
      <c r="KW41" s="349">
        <v>462044</v>
      </c>
      <c r="KX41" s="347">
        <v>462044</v>
      </c>
      <c r="KY41" s="348">
        <v>0</v>
      </c>
      <c r="KZ41" s="345">
        <v>0</v>
      </c>
      <c r="LA41" s="349">
        <v>0</v>
      </c>
      <c r="LB41" s="404">
        <v>0</v>
      </c>
      <c r="LC41" s="345">
        <v>0</v>
      </c>
      <c r="LD41" s="345">
        <v>0</v>
      </c>
      <c r="LE41" s="345">
        <v>0</v>
      </c>
      <c r="LF41" s="345">
        <v>0</v>
      </c>
      <c r="LG41" s="345">
        <v>0</v>
      </c>
      <c r="LH41" s="349">
        <v>0</v>
      </c>
      <c r="LI41" s="350">
        <v>0</v>
      </c>
      <c r="LJ41" s="348">
        <v>0</v>
      </c>
      <c r="LK41" s="345">
        <v>0</v>
      </c>
      <c r="LL41" s="349">
        <v>0</v>
      </c>
      <c r="LM41" s="404">
        <v>0</v>
      </c>
      <c r="LN41" s="345">
        <v>0</v>
      </c>
      <c r="LO41" s="345">
        <v>0</v>
      </c>
      <c r="LP41" s="345">
        <v>0</v>
      </c>
      <c r="LQ41" s="345">
        <v>0</v>
      </c>
      <c r="LR41" s="345">
        <v>0</v>
      </c>
      <c r="LS41" s="349">
        <v>0</v>
      </c>
      <c r="LT41" s="347">
        <v>0</v>
      </c>
      <c r="LU41" s="348">
        <v>0</v>
      </c>
      <c r="LV41" s="345">
        <v>0</v>
      </c>
      <c r="LW41" s="349">
        <v>0</v>
      </c>
      <c r="LX41" s="404">
        <v>0</v>
      </c>
      <c r="LY41" s="345">
        <v>0</v>
      </c>
      <c r="LZ41" s="345">
        <v>0</v>
      </c>
      <c r="MA41" s="345">
        <v>0</v>
      </c>
      <c r="MB41" s="345">
        <v>0</v>
      </c>
      <c r="MC41" s="345">
        <v>0</v>
      </c>
      <c r="MD41" s="349">
        <v>0</v>
      </c>
      <c r="ME41" s="350">
        <v>0</v>
      </c>
      <c r="MF41" s="348">
        <v>0</v>
      </c>
      <c r="MG41" s="345">
        <v>0</v>
      </c>
      <c r="MH41" s="349">
        <v>0</v>
      </c>
      <c r="MI41" s="404">
        <v>0</v>
      </c>
      <c r="MJ41" s="345">
        <v>0</v>
      </c>
      <c r="MK41" s="345">
        <v>0</v>
      </c>
      <c r="ML41" s="345">
        <v>210737</v>
      </c>
      <c r="MM41" s="345">
        <v>0</v>
      </c>
      <c r="MN41" s="345">
        <v>248504</v>
      </c>
      <c r="MO41" s="349">
        <v>459241</v>
      </c>
      <c r="MP41" s="354">
        <v>459241</v>
      </c>
      <c r="MQ41" s="348">
        <v>0</v>
      </c>
      <c r="MR41" s="345">
        <v>0</v>
      </c>
      <c r="MS41" s="349">
        <v>0</v>
      </c>
      <c r="MT41" s="404">
        <v>0</v>
      </c>
      <c r="MU41" s="345">
        <v>0</v>
      </c>
      <c r="MV41" s="345">
        <v>0</v>
      </c>
      <c r="MW41" s="345">
        <v>210737</v>
      </c>
      <c r="MX41" s="345">
        <v>0</v>
      </c>
      <c r="MY41" s="345">
        <v>248504</v>
      </c>
      <c r="MZ41" s="349">
        <v>459241</v>
      </c>
      <c r="NA41" s="354">
        <v>459241</v>
      </c>
      <c r="NB41" s="348">
        <v>0</v>
      </c>
      <c r="NC41" s="345">
        <v>0</v>
      </c>
      <c r="ND41" s="349">
        <v>0</v>
      </c>
      <c r="NE41" s="404">
        <v>0</v>
      </c>
      <c r="NF41" s="345">
        <v>0</v>
      </c>
      <c r="NG41" s="345">
        <v>0</v>
      </c>
      <c r="NH41" s="345">
        <v>0</v>
      </c>
      <c r="NI41" s="345">
        <v>0</v>
      </c>
      <c r="NJ41" s="345">
        <v>0</v>
      </c>
      <c r="NK41" s="349">
        <v>0</v>
      </c>
      <c r="NL41" s="347">
        <v>0</v>
      </c>
      <c r="NM41" s="348">
        <v>0</v>
      </c>
      <c r="NN41" s="345">
        <v>0</v>
      </c>
      <c r="NO41" s="349">
        <v>0</v>
      </c>
      <c r="NP41" s="404">
        <v>0</v>
      </c>
      <c r="NQ41" s="345">
        <v>0</v>
      </c>
      <c r="NR41" s="345">
        <v>0</v>
      </c>
      <c r="NS41" s="345">
        <v>0</v>
      </c>
      <c r="NT41" s="345">
        <v>0</v>
      </c>
      <c r="NU41" s="345">
        <v>0</v>
      </c>
      <c r="NV41" s="349">
        <v>0</v>
      </c>
      <c r="NW41" s="350">
        <v>0</v>
      </c>
      <c r="NX41" s="348">
        <v>0</v>
      </c>
      <c r="NY41" s="345">
        <v>0</v>
      </c>
      <c r="NZ41" s="349">
        <v>0</v>
      </c>
      <c r="OA41" s="404">
        <v>0</v>
      </c>
      <c r="OB41" s="345">
        <v>0</v>
      </c>
      <c r="OC41" s="345">
        <v>0</v>
      </c>
      <c r="OD41" s="345">
        <v>0</v>
      </c>
      <c r="OE41" s="345">
        <v>0</v>
      </c>
      <c r="OF41" s="345">
        <v>0</v>
      </c>
      <c r="OG41" s="349">
        <v>0</v>
      </c>
      <c r="OH41" s="350">
        <v>0</v>
      </c>
      <c r="OI41" s="348">
        <v>0</v>
      </c>
      <c r="OJ41" s="345">
        <v>47303</v>
      </c>
      <c r="OK41" s="346">
        <v>47303</v>
      </c>
      <c r="OL41" s="351">
        <v>0</v>
      </c>
      <c r="OM41" s="345">
        <v>766091</v>
      </c>
      <c r="ON41" s="345">
        <v>1623427</v>
      </c>
      <c r="OO41" s="345">
        <v>849142</v>
      </c>
      <c r="OP41" s="345">
        <v>766477</v>
      </c>
      <c r="OQ41" s="345">
        <v>248504</v>
      </c>
      <c r="OR41" s="349">
        <v>4253641</v>
      </c>
      <c r="OS41" s="354">
        <v>4300944</v>
      </c>
    </row>
    <row r="42" spans="2:409" s="70" customFormat="1" ht="21" customHeight="1" thickBot="1" x14ac:dyDescent="0.25">
      <c r="B42" s="108" t="s">
        <v>37</v>
      </c>
      <c r="C42" s="371">
        <v>0</v>
      </c>
      <c r="D42" s="372">
        <v>0</v>
      </c>
      <c r="E42" s="373">
        <v>0</v>
      </c>
      <c r="F42" s="374">
        <v>0</v>
      </c>
      <c r="G42" s="372">
        <v>0</v>
      </c>
      <c r="H42" s="372">
        <v>81252</v>
      </c>
      <c r="I42" s="372">
        <v>0</v>
      </c>
      <c r="J42" s="372">
        <v>0</v>
      </c>
      <c r="K42" s="372">
        <v>240512</v>
      </c>
      <c r="L42" s="374">
        <v>321764</v>
      </c>
      <c r="M42" s="375">
        <v>321764</v>
      </c>
      <c r="N42" s="371">
        <v>0</v>
      </c>
      <c r="O42" s="372">
        <v>0</v>
      </c>
      <c r="P42" s="373">
        <v>0</v>
      </c>
      <c r="Q42" s="371">
        <v>0</v>
      </c>
      <c r="R42" s="372">
        <v>0</v>
      </c>
      <c r="S42" s="372">
        <v>48011</v>
      </c>
      <c r="T42" s="372">
        <v>0</v>
      </c>
      <c r="U42" s="372">
        <v>0</v>
      </c>
      <c r="V42" s="372">
        <v>80271</v>
      </c>
      <c r="W42" s="373">
        <v>128282</v>
      </c>
      <c r="X42" s="375">
        <v>128282</v>
      </c>
      <c r="Y42" s="371">
        <v>0</v>
      </c>
      <c r="Z42" s="372">
        <v>0</v>
      </c>
      <c r="AA42" s="373">
        <v>0</v>
      </c>
      <c r="AB42" s="371">
        <v>0</v>
      </c>
      <c r="AC42" s="372">
        <v>0</v>
      </c>
      <c r="AD42" s="372">
        <v>0</v>
      </c>
      <c r="AE42" s="372">
        <v>0</v>
      </c>
      <c r="AF42" s="372">
        <v>0</v>
      </c>
      <c r="AG42" s="372">
        <v>55041</v>
      </c>
      <c r="AH42" s="373">
        <v>55041</v>
      </c>
      <c r="AI42" s="375">
        <v>55041</v>
      </c>
      <c r="AJ42" s="371">
        <v>0</v>
      </c>
      <c r="AK42" s="372">
        <v>0</v>
      </c>
      <c r="AL42" s="373">
        <v>0</v>
      </c>
      <c r="AM42" s="371">
        <v>0</v>
      </c>
      <c r="AN42" s="372">
        <v>0</v>
      </c>
      <c r="AO42" s="372">
        <v>0</v>
      </c>
      <c r="AP42" s="372">
        <v>0</v>
      </c>
      <c r="AQ42" s="372">
        <v>0</v>
      </c>
      <c r="AR42" s="372">
        <v>0</v>
      </c>
      <c r="AS42" s="373">
        <v>0</v>
      </c>
      <c r="AT42" s="375">
        <v>0</v>
      </c>
      <c r="AU42" s="371">
        <v>0</v>
      </c>
      <c r="AV42" s="372">
        <v>0</v>
      </c>
      <c r="AW42" s="373">
        <v>0</v>
      </c>
      <c r="AX42" s="371">
        <v>0</v>
      </c>
      <c r="AY42" s="372">
        <v>0</v>
      </c>
      <c r="AZ42" s="372">
        <v>48011</v>
      </c>
      <c r="BA42" s="372">
        <v>0</v>
      </c>
      <c r="BB42" s="372">
        <v>0</v>
      </c>
      <c r="BC42" s="372">
        <v>17418</v>
      </c>
      <c r="BD42" s="373">
        <v>65429</v>
      </c>
      <c r="BE42" s="375">
        <v>65429</v>
      </c>
      <c r="BF42" s="371">
        <v>0</v>
      </c>
      <c r="BG42" s="372">
        <v>0</v>
      </c>
      <c r="BH42" s="376">
        <v>0</v>
      </c>
      <c r="BI42" s="377">
        <v>0</v>
      </c>
      <c r="BJ42" s="372">
        <v>0</v>
      </c>
      <c r="BK42" s="372">
        <v>0</v>
      </c>
      <c r="BL42" s="372">
        <v>0</v>
      </c>
      <c r="BM42" s="372">
        <v>0</v>
      </c>
      <c r="BN42" s="372">
        <v>0</v>
      </c>
      <c r="BO42" s="373">
        <v>0</v>
      </c>
      <c r="BP42" s="375">
        <v>0</v>
      </c>
      <c r="BQ42" s="371">
        <v>0</v>
      </c>
      <c r="BR42" s="372">
        <v>0</v>
      </c>
      <c r="BS42" s="373">
        <v>0</v>
      </c>
      <c r="BT42" s="371">
        <v>0</v>
      </c>
      <c r="BU42" s="372">
        <v>0</v>
      </c>
      <c r="BV42" s="372">
        <v>0</v>
      </c>
      <c r="BW42" s="372">
        <v>0</v>
      </c>
      <c r="BX42" s="372">
        <v>0</v>
      </c>
      <c r="BY42" s="372">
        <v>7812</v>
      </c>
      <c r="BZ42" s="373">
        <v>7812</v>
      </c>
      <c r="CA42" s="375">
        <v>7812</v>
      </c>
      <c r="CB42" s="371">
        <v>0</v>
      </c>
      <c r="CC42" s="372">
        <v>0</v>
      </c>
      <c r="CD42" s="373">
        <v>0</v>
      </c>
      <c r="CE42" s="371">
        <v>0</v>
      </c>
      <c r="CF42" s="372">
        <v>0</v>
      </c>
      <c r="CG42" s="372">
        <v>18331</v>
      </c>
      <c r="CH42" s="372">
        <v>0</v>
      </c>
      <c r="CI42" s="372">
        <v>0</v>
      </c>
      <c r="CJ42" s="372">
        <v>0</v>
      </c>
      <c r="CK42" s="373">
        <v>18331</v>
      </c>
      <c r="CL42" s="375">
        <v>18331</v>
      </c>
      <c r="CM42" s="371">
        <v>0</v>
      </c>
      <c r="CN42" s="372">
        <v>0</v>
      </c>
      <c r="CO42" s="373">
        <v>0</v>
      </c>
      <c r="CP42" s="377">
        <v>0</v>
      </c>
      <c r="CQ42" s="372">
        <v>0</v>
      </c>
      <c r="CR42" s="372">
        <v>18331</v>
      </c>
      <c r="CS42" s="372">
        <v>0</v>
      </c>
      <c r="CT42" s="372">
        <v>0</v>
      </c>
      <c r="CU42" s="372">
        <v>0</v>
      </c>
      <c r="CV42" s="373">
        <v>18331</v>
      </c>
      <c r="CW42" s="375">
        <v>18331</v>
      </c>
      <c r="CX42" s="371">
        <v>0</v>
      </c>
      <c r="CY42" s="372">
        <v>0</v>
      </c>
      <c r="CZ42" s="373">
        <v>0</v>
      </c>
      <c r="DA42" s="371">
        <v>0</v>
      </c>
      <c r="DB42" s="372">
        <v>0</v>
      </c>
      <c r="DC42" s="372">
        <v>0</v>
      </c>
      <c r="DD42" s="372">
        <v>0</v>
      </c>
      <c r="DE42" s="372">
        <v>0</v>
      </c>
      <c r="DF42" s="372">
        <v>0</v>
      </c>
      <c r="DG42" s="373">
        <v>0</v>
      </c>
      <c r="DH42" s="375">
        <v>0</v>
      </c>
      <c r="DI42" s="371">
        <v>0</v>
      </c>
      <c r="DJ42" s="372">
        <v>0</v>
      </c>
      <c r="DK42" s="376">
        <v>0</v>
      </c>
      <c r="DL42" s="377">
        <v>0</v>
      </c>
      <c r="DM42" s="372">
        <v>0</v>
      </c>
      <c r="DN42" s="372">
        <v>0</v>
      </c>
      <c r="DO42" s="372">
        <v>0</v>
      </c>
      <c r="DP42" s="372">
        <v>0</v>
      </c>
      <c r="DQ42" s="372">
        <v>123981</v>
      </c>
      <c r="DR42" s="373">
        <v>123981</v>
      </c>
      <c r="DS42" s="375">
        <v>123981</v>
      </c>
      <c r="DT42" s="371">
        <v>0</v>
      </c>
      <c r="DU42" s="372">
        <v>0</v>
      </c>
      <c r="DV42" s="373">
        <v>0</v>
      </c>
      <c r="DW42" s="371">
        <v>0</v>
      </c>
      <c r="DX42" s="372">
        <v>0</v>
      </c>
      <c r="DY42" s="372">
        <v>0</v>
      </c>
      <c r="DZ42" s="372">
        <v>0</v>
      </c>
      <c r="EA42" s="372">
        <v>0</v>
      </c>
      <c r="EB42" s="372">
        <v>0</v>
      </c>
      <c r="EC42" s="373">
        <v>0</v>
      </c>
      <c r="ED42" s="375">
        <v>0</v>
      </c>
      <c r="EE42" s="371">
        <v>0</v>
      </c>
      <c r="EF42" s="376">
        <v>0</v>
      </c>
      <c r="EG42" s="373">
        <v>0</v>
      </c>
      <c r="EH42" s="371">
        <v>0</v>
      </c>
      <c r="EI42" s="372">
        <v>0</v>
      </c>
      <c r="EJ42" s="372">
        <v>0</v>
      </c>
      <c r="EK42" s="372">
        <v>0</v>
      </c>
      <c r="EL42" s="372">
        <v>0</v>
      </c>
      <c r="EM42" s="372">
        <v>123981</v>
      </c>
      <c r="EN42" s="376">
        <v>123981</v>
      </c>
      <c r="EO42" s="375">
        <v>123981</v>
      </c>
      <c r="EP42" s="371">
        <v>0</v>
      </c>
      <c r="EQ42" s="372">
        <v>0</v>
      </c>
      <c r="ER42" s="376">
        <v>0</v>
      </c>
      <c r="ES42" s="377">
        <v>0</v>
      </c>
      <c r="ET42" s="372">
        <v>0</v>
      </c>
      <c r="EU42" s="372">
        <v>0</v>
      </c>
      <c r="EV42" s="372">
        <v>0</v>
      </c>
      <c r="EW42" s="372">
        <v>0</v>
      </c>
      <c r="EX42" s="372">
        <v>0</v>
      </c>
      <c r="EY42" s="373">
        <v>0</v>
      </c>
      <c r="EZ42" s="375">
        <v>0</v>
      </c>
      <c r="FA42" s="371">
        <v>0</v>
      </c>
      <c r="FB42" s="372">
        <v>0</v>
      </c>
      <c r="FC42" s="376">
        <v>0</v>
      </c>
      <c r="FD42" s="405">
        <v>0</v>
      </c>
      <c r="FE42" s="372">
        <v>0</v>
      </c>
      <c r="FF42" s="372">
        <v>0</v>
      </c>
      <c r="FG42" s="372">
        <v>0</v>
      </c>
      <c r="FH42" s="372">
        <v>0</v>
      </c>
      <c r="FI42" s="372">
        <v>0</v>
      </c>
      <c r="FJ42" s="373">
        <v>0</v>
      </c>
      <c r="FK42" s="375">
        <v>0</v>
      </c>
      <c r="FL42" s="371">
        <v>0</v>
      </c>
      <c r="FM42" s="372">
        <v>0</v>
      </c>
      <c r="FN42" s="373">
        <v>0</v>
      </c>
      <c r="FO42" s="371">
        <v>0</v>
      </c>
      <c r="FP42" s="372">
        <v>0</v>
      </c>
      <c r="FQ42" s="372">
        <v>14910</v>
      </c>
      <c r="FR42" s="372">
        <v>0</v>
      </c>
      <c r="FS42" s="372">
        <v>0</v>
      </c>
      <c r="FT42" s="372">
        <v>36260</v>
      </c>
      <c r="FU42" s="373">
        <v>51170</v>
      </c>
      <c r="FV42" s="375">
        <v>51170</v>
      </c>
      <c r="FW42" s="378">
        <v>0</v>
      </c>
      <c r="FX42" s="372">
        <v>0</v>
      </c>
      <c r="FY42" s="376">
        <v>0</v>
      </c>
      <c r="FZ42" s="377">
        <v>0</v>
      </c>
      <c r="GA42" s="372">
        <v>0</v>
      </c>
      <c r="GB42" s="372">
        <v>11942</v>
      </c>
      <c r="GC42" s="372">
        <v>0</v>
      </c>
      <c r="GD42" s="372">
        <v>0</v>
      </c>
      <c r="GE42" s="372">
        <v>36260</v>
      </c>
      <c r="GF42" s="373">
        <v>48202</v>
      </c>
      <c r="GG42" s="379">
        <v>48202</v>
      </c>
      <c r="GH42" s="378">
        <v>0</v>
      </c>
      <c r="GI42" s="372">
        <v>0</v>
      </c>
      <c r="GJ42" s="376">
        <v>0</v>
      </c>
      <c r="GK42" s="377">
        <v>0</v>
      </c>
      <c r="GL42" s="372">
        <v>0</v>
      </c>
      <c r="GM42" s="372">
        <v>2968</v>
      </c>
      <c r="GN42" s="372">
        <v>0</v>
      </c>
      <c r="GO42" s="372">
        <v>0</v>
      </c>
      <c r="GP42" s="372">
        <v>0</v>
      </c>
      <c r="GQ42" s="373">
        <v>2968</v>
      </c>
      <c r="GR42" s="375">
        <v>2968</v>
      </c>
      <c r="GS42" s="371">
        <v>0</v>
      </c>
      <c r="GT42" s="372">
        <v>0</v>
      </c>
      <c r="GU42" s="373">
        <v>0</v>
      </c>
      <c r="GV42" s="371">
        <v>0</v>
      </c>
      <c r="GW42" s="372">
        <v>0</v>
      </c>
      <c r="GX42" s="372">
        <v>0</v>
      </c>
      <c r="GY42" s="372">
        <v>0</v>
      </c>
      <c r="GZ42" s="372">
        <v>0</v>
      </c>
      <c r="HA42" s="372">
        <v>0</v>
      </c>
      <c r="HB42" s="376">
        <v>0</v>
      </c>
      <c r="HC42" s="375">
        <v>0</v>
      </c>
      <c r="HD42" s="371">
        <v>0</v>
      </c>
      <c r="HE42" s="372">
        <v>0</v>
      </c>
      <c r="HF42" s="376">
        <v>0</v>
      </c>
      <c r="HG42" s="377">
        <v>0</v>
      </c>
      <c r="HH42" s="372">
        <v>0</v>
      </c>
      <c r="HI42" s="372">
        <v>0</v>
      </c>
      <c r="HJ42" s="372">
        <v>0</v>
      </c>
      <c r="HK42" s="372">
        <v>0</v>
      </c>
      <c r="HL42" s="372">
        <v>0</v>
      </c>
      <c r="HM42" s="373">
        <v>0</v>
      </c>
      <c r="HN42" s="374">
        <v>0</v>
      </c>
      <c r="HO42" s="378">
        <v>0</v>
      </c>
      <c r="HP42" s="372">
        <v>0</v>
      </c>
      <c r="HQ42" s="373">
        <v>0</v>
      </c>
      <c r="HR42" s="371">
        <v>0</v>
      </c>
      <c r="HS42" s="372">
        <v>0</v>
      </c>
      <c r="HT42" s="372">
        <v>0</v>
      </c>
      <c r="HU42" s="372">
        <v>0</v>
      </c>
      <c r="HV42" s="372">
        <v>0</v>
      </c>
      <c r="HW42" s="372">
        <v>0</v>
      </c>
      <c r="HX42" s="376">
        <v>0</v>
      </c>
      <c r="HY42" s="375">
        <v>0</v>
      </c>
      <c r="HZ42" s="380">
        <v>0</v>
      </c>
      <c r="IA42" s="381">
        <v>0</v>
      </c>
      <c r="IB42" s="382">
        <v>0</v>
      </c>
      <c r="IC42" s="383">
        <v>0</v>
      </c>
      <c r="ID42" s="384">
        <v>0</v>
      </c>
      <c r="IE42" s="385">
        <v>0</v>
      </c>
      <c r="IF42" s="386">
        <v>0</v>
      </c>
      <c r="IG42" s="384">
        <v>0</v>
      </c>
      <c r="IH42" s="386">
        <v>62982</v>
      </c>
      <c r="II42" s="387">
        <v>62982</v>
      </c>
      <c r="IJ42" s="388">
        <v>62982</v>
      </c>
      <c r="IK42" s="389">
        <v>0</v>
      </c>
      <c r="IL42" s="390">
        <v>0</v>
      </c>
      <c r="IM42" s="391">
        <v>0</v>
      </c>
      <c r="IN42" s="405">
        <v>0</v>
      </c>
      <c r="IO42" s="392">
        <v>0</v>
      </c>
      <c r="IP42" s="392">
        <v>0</v>
      </c>
      <c r="IQ42" s="392">
        <v>0</v>
      </c>
      <c r="IR42" s="392">
        <v>0</v>
      </c>
      <c r="IS42" s="392">
        <v>0</v>
      </c>
      <c r="IT42" s="393">
        <v>0</v>
      </c>
      <c r="IU42" s="394">
        <v>0</v>
      </c>
      <c r="IV42" s="395">
        <v>0</v>
      </c>
      <c r="IW42" s="392">
        <v>0</v>
      </c>
      <c r="IX42" s="396">
        <v>0</v>
      </c>
      <c r="IY42" s="405">
        <v>0</v>
      </c>
      <c r="IZ42" s="392">
        <v>0</v>
      </c>
      <c r="JA42" s="392">
        <v>0</v>
      </c>
      <c r="JB42" s="392">
        <v>0</v>
      </c>
      <c r="JC42" s="392">
        <v>0</v>
      </c>
      <c r="JD42" s="392">
        <v>0</v>
      </c>
      <c r="JE42" s="396">
        <v>0</v>
      </c>
      <c r="JF42" s="397">
        <v>0</v>
      </c>
      <c r="JG42" s="395">
        <v>0</v>
      </c>
      <c r="JH42" s="392">
        <v>0</v>
      </c>
      <c r="JI42" s="393">
        <v>0</v>
      </c>
      <c r="JJ42" s="398">
        <v>0</v>
      </c>
      <c r="JK42" s="392">
        <v>0</v>
      </c>
      <c r="JL42" s="392">
        <v>0</v>
      </c>
      <c r="JM42" s="392">
        <v>0</v>
      </c>
      <c r="JN42" s="392">
        <v>0</v>
      </c>
      <c r="JO42" s="392">
        <v>62982</v>
      </c>
      <c r="JP42" s="396">
        <v>62982</v>
      </c>
      <c r="JQ42" s="394">
        <v>62982</v>
      </c>
      <c r="JR42" s="395">
        <v>0</v>
      </c>
      <c r="JS42" s="392">
        <v>0</v>
      </c>
      <c r="JT42" s="393">
        <v>0</v>
      </c>
      <c r="JU42" s="398">
        <v>0</v>
      </c>
      <c r="JV42" s="392">
        <v>0</v>
      </c>
      <c r="JW42" s="392">
        <v>0</v>
      </c>
      <c r="JX42" s="392">
        <v>0</v>
      </c>
      <c r="JY42" s="392">
        <v>0</v>
      </c>
      <c r="JZ42" s="392">
        <v>0</v>
      </c>
      <c r="KA42" s="396">
        <v>0</v>
      </c>
      <c r="KB42" s="394">
        <v>0</v>
      </c>
      <c r="KC42" s="399">
        <v>0</v>
      </c>
      <c r="KD42" s="400">
        <v>0</v>
      </c>
      <c r="KE42" s="396">
        <v>0</v>
      </c>
      <c r="KF42" s="398">
        <v>0</v>
      </c>
      <c r="KG42" s="392">
        <v>0</v>
      </c>
      <c r="KH42" s="392">
        <v>0</v>
      </c>
      <c r="KI42" s="392">
        <v>0</v>
      </c>
      <c r="KJ42" s="392">
        <v>0</v>
      </c>
      <c r="KK42" s="392">
        <v>0</v>
      </c>
      <c r="KL42" s="396">
        <v>0</v>
      </c>
      <c r="KM42" s="401">
        <v>0</v>
      </c>
      <c r="KN42" s="389">
        <v>0</v>
      </c>
      <c r="KO42" s="390">
        <v>0</v>
      </c>
      <c r="KP42" s="391">
        <v>0</v>
      </c>
      <c r="KQ42" s="405">
        <v>0</v>
      </c>
      <c r="KR42" s="392">
        <v>0</v>
      </c>
      <c r="KS42" s="392">
        <v>0</v>
      </c>
      <c r="KT42" s="392">
        <v>0</v>
      </c>
      <c r="KU42" s="392">
        <v>0</v>
      </c>
      <c r="KV42" s="392">
        <v>0</v>
      </c>
      <c r="KW42" s="396">
        <v>0</v>
      </c>
      <c r="KX42" s="394">
        <v>0</v>
      </c>
      <c r="KY42" s="395">
        <v>0</v>
      </c>
      <c r="KZ42" s="392">
        <v>0</v>
      </c>
      <c r="LA42" s="396">
        <v>0</v>
      </c>
      <c r="LB42" s="405">
        <v>0</v>
      </c>
      <c r="LC42" s="392">
        <v>0</v>
      </c>
      <c r="LD42" s="392">
        <v>0</v>
      </c>
      <c r="LE42" s="392">
        <v>0</v>
      </c>
      <c r="LF42" s="392">
        <v>0</v>
      </c>
      <c r="LG42" s="392">
        <v>0</v>
      </c>
      <c r="LH42" s="396">
        <v>0</v>
      </c>
      <c r="LI42" s="397">
        <v>0</v>
      </c>
      <c r="LJ42" s="395">
        <v>0</v>
      </c>
      <c r="LK42" s="392">
        <v>0</v>
      </c>
      <c r="LL42" s="396">
        <v>0</v>
      </c>
      <c r="LM42" s="405">
        <v>0</v>
      </c>
      <c r="LN42" s="392">
        <v>0</v>
      </c>
      <c r="LO42" s="392">
        <v>0</v>
      </c>
      <c r="LP42" s="392">
        <v>0</v>
      </c>
      <c r="LQ42" s="392">
        <v>0</v>
      </c>
      <c r="LR42" s="392">
        <v>0</v>
      </c>
      <c r="LS42" s="396">
        <v>0</v>
      </c>
      <c r="LT42" s="394">
        <v>0</v>
      </c>
      <c r="LU42" s="395">
        <v>0</v>
      </c>
      <c r="LV42" s="392">
        <v>0</v>
      </c>
      <c r="LW42" s="396">
        <v>0</v>
      </c>
      <c r="LX42" s="405">
        <v>0</v>
      </c>
      <c r="LY42" s="392">
        <v>0</v>
      </c>
      <c r="LZ42" s="392">
        <v>0</v>
      </c>
      <c r="MA42" s="392">
        <v>0</v>
      </c>
      <c r="MB42" s="392">
        <v>0</v>
      </c>
      <c r="MC42" s="392">
        <v>0</v>
      </c>
      <c r="MD42" s="396">
        <v>0</v>
      </c>
      <c r="ME42" s="397">
        <v>0</v>
      </c>
      <c r="MF42" s="395">
        <v>0</v>
      </c>
      <c r="MG42" s="392">
        <v>0</v>
      </c>
      <c r="MH42" s="396">
        <v>0</v>
      </c>
      <c r="MI42" s="405">
        <v>0</v>
      </c>
      <c r="MJ42" s="392">
        <v>0</v>
      </c>
      <c r="MK42" s="392">
        <v>0</v>
      </c>
      <c r="ML42" s="392">
        <v>0</v>
      </c>
      <c r="MM42" s="392">
        <v>0</v>
      </c>
      <c r="MN42" s="392">
        <v>0</v>
      </c>
      <c r="MO42" s="396">
        <v>0</v>
      </c>
      <c r="MP42" s="401">
        <v>0</v>
      </c>
      <c r="MQ42" s="395">
        <v>0</v>
      </c>
      <c r="MR42" s="392">
        <v>0</v>
      </c>
      <c r="MS42" s="396">
        <v>0</v>
      </c>
      <c r="MT42" s="405">
        <v>0</v>
      </c>
      <c r="MU42" s="392">
        <v>0</v>
      </c>
      <c r="MV42" s="392">
        <v>0</v>
      </c>
      <c r="MW42" s="392">
        <v>0</v>
      </c>
      <c r="MX42" s="392">
        <v>0</v>
      </c>
      <c r="MY42" s="392">
        <v>0</v>
      </c>
      <c r="MZ42" s="396">
        <v>0</v>
      </c>
      <c r="NA42" s="401">
        <v>0</v>
      </c>
      <c r="NB42" s="395">
        <v>0</v>
      </c>
      <c r="NC42" s="392">
        <v>0</v>
      </c>
      <c r="ND42" s="396">
        <v>0</v>
      </c>
      <c r="NE42" s="405">
        <v>0</v>
      </c>
      <c r="NF42" s="392">
        <v>0</v>
      </c>
      <c r="NG42" s="392">
        <v>0</v>
      </c>
      <c r="NH42" s="392">
        <v>0</v>
      </c>
      <c r="NI42" s="392">
        <v>0</v>
      </c>
      <c r="NJ42" s="392">
        <v>0</v>
      </c>
      <c r="NK42" s="396">
        <v>0</v>
      </c>
      <c r="NL42" s="394">
        <v>0</v>
      </c>
      <c r="NM42" s="395">
        <v>0</v>
      </c>
      <c r="NN42" s="392">
        <v>0</v>
      </c>
      <c r="NO42" s="396">
        <v>0</v>
      </c>
      <c r="NP42" s="405">
        <v>0</v>
      </c>
      <c r="NQ42" s="392">
        <v>0</v>
      </c>
      <c r="NR42" s="392">
        <v>0</v>
      </c>
      <c r="NS42" s="392">
        <v>0</v>
      </c>
      <c r="NT42" s="392">
        <v>0</v>
      </c>
      <c r="NU42" s="392">
        <v>0</v>
      </c>
      <c r="NV42" s="396">
        <v>0</v>
      </c>
      <c r="NW42" s="397">
        <v>0</v>
      </c>
      <c r="NX42" s="395">
        <v>0</v>
      </c>
      <c r="NY42" s="392">
        <v>0</v>
      </c>
      <c r="NZ42" s="396">
        <v>0</v>
      </c>
      <c r="OA42" s="405">
        <v>0</v>
      </c>
      <c r="OB42" s="392">
        <v>0</v>
      </c>
      <c r="OC42" s="392">
        <v>0</v>
      </c>
      <c r="OD42" s="392">
        <v>0</v>
      </c>
      <c r="OE42" s="392">
        <v>0</v>
      </c>
      <c r="OF42" s="392">
        <v>0</v>
      </c>
      <c r="OG42" s="396">
        <v>0</v>
      </c>
      <c r="OH42" s="397">
        <v>0</v>
      </c>
      <c r="OI42" s="395">
        <v>0</v>
      </c>
      <c r="OJ42" s="392">
        <v>0</v>
      </c>
      <c r="OK42" s="393">
        <v>0</v>
      </c>
      <c r="OL42" s="398">
        <v>0</v>
      </c>
      <c r="OM42" s="392">
        <v>0</v>
      </c>
      <c r="ON42" s="392">
        <v>81252</v>
      </c>
      <c r="OO42" s="392">
        <v>0</v>
      </c>
      <c r="OP42" s="392">
        <v>0</v>
      </c>
      <c r="OQ42" s="392">
        <v>303494</v>
      </c>
      <c r="OR42" s="396">
        <v>384746</v>
      </c>
      <c r="OS42" s="401">
        <v>384746</v>
      </c>
    </row>
    <row r="43" spans="2:409" x14ac:dyDescent="0.2">
      <c r="B43" s="71" t="s">
        <v>84</v>
      </c>
    </row>
  </sheetData>
  <mergeCells count="15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CM7:CO7"/>
    <mergeCell ref="CP7:CV7"/>
    <mergeCell ref="CW7:CW8"/>
    <mergeCell ref="CX7:CZ7"/>
    <mergeCell ref="BQ7:BS7"/>
    <mergeCell ref="BT7:BZ7"/>
    <mergeCell ref="CA7:CA8"/>
    <mergeCell ref="CB7:CD7"/>
    <mergeCell ref="CE7:CK7"/>
    <mergeCell ref="DA7:DG7"/>
    <mergeCell ref="EZ7:EZ8"/>
    <mergeCell ref="DI7:DK7"/>
    <mergeCell ref="DL7:DR7"/>
    <mergeCell ref="DS7:DS8"/>
    <mergeCell ref="DT7:DV7"/>
    <mergeCell ref="DW7:EC7"/>
    <mergeCell ref="ED7:ED8"/>
    <mergeCell ref="EE7:EG7"/>
    <mergeCell ref="EH7:EN7"/>
    <mergeCell ref="EO7:EO8"/>
    <mergeCell ref="EP7:ER7"/>
    <mergeCell ref="ES7:EY7"/>
    <mergeCell ref="GR7:GR8"/>
    <mergeCell ref="FA7:FC7"/>
    <mergeCell ref="FD7:FJ7"/>
    <mergeCell ref="FK7:FK8"/>
    <mergeCell ref="FL7:FN7"/>
    <mergeCell ref="FO7:FU7"/>
    <mergeCell ref="FV7:FV8"/>
    <mergeCell ref="FW7:FY7"/>
    <mergeCell ref="FZ7:GF7"/>
    <mergeCell ref="GG7:GG8"/>
    <mergeCell ref="GH7:GJ7"/>
    <mergeCell ref="GK7:GQ7"/>
    <mergeCell ref="HO7:HQ7"/>
    <mergeCell ref="HR7:HX7"/>
    <mergeCell ref="HY7:HY8"/>
    <mergeCell ref="GS7:GU7"/>
    <mergeCell ref="GV7:HB7"/>
    <mergeCell ref="HC7:HC8"/>
    <mergeCell ref="HD7:HF7"/>
    <mergeCell ref="HG7:HM7"/>
    <mergeCell ref="HN7:HN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59055118110236227" right="0.39370078740157483" top="0.39370078740157483" bottom="0.43307086614173229" header="0.19685039370078741" footer="0.19685039370078741"/>
  <pageSetup paperSize="9" scale="40" orientation="landscape" r:id="rId1"/>
  <headerFooter alignWithMargins="0">
    <oddFooter>&amp;L&amp;20&amp;A&amp;C&amp;P/&amp;N</oddFooter>
  </headerFooter>
  <colBreaks count="9" manualBreakCount="9">
    <brk id="35" max="1048575" man="1"/>
    <brk id="68" max="1048575" man="1"/>
    <brk id="101" max="1048575" man="1"/>
    <brk id="134" max="1048575" man="1"/>
    <brk id="167" max="1048575" man="1"/>
    <brk id="200" max="1048575" man="1"/>
    <brk id="233" max="1048575" man="1"/>
    <brk id="266" max="42" man="1"/>
    <brk id="299"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3.77734375" style="71" customWidth="1"/>
    <col min="2" max="2" width="9.77734375" style="71" customWidth="1"/>
    <col min="3" max="4" width="9.21875" style="71" bestFit="1" customWidth="1"/>
    <col min="5" max="5" width="10.77734375" style="71" bestFit="1" customWidth="1"/>
    <col min="6" max="6" width="7.88671875" style="71" customWidth="1"/>
    <col min="7" max="11" width="10.44140625" style="71" bestFit="1" customWidth="1"/>
    <col min="12" max="13" width="11.6640625" style="71" bestFit="1" customWidth="1"/>
    <col min="14" max="16" width="9.21875" style="71" bestFit="1" customWidth="1"/>
    <col min="17" max="17" width="7.44140625" style="71" customWidth="1"/>
    <col min="18" max="18" width="9.21875" style="71" bestFit="1" customWidth="1"/>
    <col min="19" max="22" width="10.44140625" style="71" bestFit="1" customWidth="1"/>
    <col min="23" max="24" width="11.6640625" style="71" bestFit="1" customWidth="1"/>
    <col min="25" max="27" width="9.109375" style="71" bestFit="1" customWidth="1"/>
    <col min="28" max="28" width="7" style="71" customWidth="1"/>
    <col min="29" max="30" width="9.109375" style="71" bestFit="1" customWidth="1"/>
    <col min="31" max="32" width="9.6640625" style="71" bestFit="1" customWidth="1"/>
    <col min="33" max="33" width="9.109375" style="71" bestFit="1" customWidth="1"/>
    <col min="34" max="35" width="9.6640625" style="71" bestFit="1" customWidth="1"/>
    <col min="36" max="38" width="9.109375" style="71" bestFit="1" customWidth="1"/>
    <col min="39" max="39" width="7.33203125" style="71" customWidth="1"/>
    <col min="40" max="49" width="9.109375" style="71" bestFit="1" customWidth="1"/>
    <col min="50" max="50" width="7.33203125" style="71" customWidth="1"/>
    <col min="51" max="60" width="9.109375" style="71" bestFit="1" customWidth="1"/>
    <col min="61" max="61" width="7.77734375" style="71" customWidth="1"/>
    <col min="62" max="71" width="9.109375" style="71" bestFit="1" customWidth="1"/>
    <col min="72" max="72" width="7.77734375" style="71" customWidth="1"/>
    <col min="73" max="77" width="9.109375" style="71" bestFit="1" customWidth="1"/>
    <col min="78" max="79" width="9.6640625" style="71" bestFit="1" customWidth="1"/>
    <col min="80" max="82" width="9.109375" style="71" bestFit="1" customWidth="1"/>
    <col min="83" max="83" width="7.88671875" style="71" customWidth="1"/>
    <col min="84" max="93" width="9.109375" style="71" bestFit="1" customWidth="1"/>
    <col min="94" max="94" width="8" style="71" customWidth="1"/>
    <col min="95" max="104" width="9.109375" style="71" bestFit="1" customWidth="1"/>
    <col min="105" max="105" width="8" style="71" customWidth="1"/>
    <col min="106" max="115" width="9.109375" style="71" bestFit="1" customWidth="1"/>
    <col min="116" max="116" width="7.6640625" style="71" customWidth="1"/>
    <col min="117" max="117" width="9.109375" style="71" bestFit="1" customWidth="1"/>
    <col min="118" max="121" width="9.6640625" style="71" bestFit="1" customWidth="1"/>
    <col min="122" max="123" width="10.6640625" style="71" bestFit="1" customWidth="1"/>
    <col min="124" max="126" width="9.109375" style="71" bestFit="1" customWidth="1"/>
    <col min="127" max="127" width="7.44140625" style="71" customWidth="1"/>
    <col min="128" max="129" width="9.109375" style="71" bestFit="1" customWidth="1"/>
    <col min="130" max="134" width="9.6640625" style="71" bestFit="1" customWidth="1"/>
    <col min="135" max="137" width="9.109375" style="71" bestFit="1" customWidth="1"/>
    <col min="138" max="138" width="7.6640625" style="71" customWidth="1"/>
    <col min="139" max="148" width="9.109375" style="71" bestFit="1" customWidth="1"/>
    <col min="149" max="149" width="7.77734375" style="71" customWidth="1"/>
    <col min="150" max="159" width="9.109375" style="71" bestFit="1" customWidth="1"/>
    <col min="160" max="160" width="7.77734375" style="71" customWidth="1"/>
    <col min="161" max="170" width="9.109375" style="71" bestFit="1" customWidth="1"/>
    <col min="171" max="171" width="7.33203125" style="71" customWidth="1"/>
    <col min="172" max="181" width="9.109375" style="71" bestFit="1" customWidth="1"/>
    <col min="182" max="182" width="8" style="71" customWidth="1"/>
    <col min="183" max="188" width="9.109375" style="71" bestFit="1" customWidth="1"/>
    <col min="189" max="189" width="9.6640625" style="71" bestFit="1" customWidth="1"/>
    <col min="190" max="192" width="9.109375" style="71" bestFit="1" customWidth="1"/>
    <col min="193" max="193" width="7.44140625" style="71" customWidth="1"/>
    <col min="194" max="203" width="9.109375" style="71" bestFit="1" customWidth="1"/>
    <col min="204" max="204" width="7.88671875" style="71" customWidth="1"/>
    <col min="205" max="214" width="9.109375" style="71" bestFit="1" customWidth="1"/>
    <col min="215" max="215" width="7.88671875" style="71" customWidth="1"/>
    <col min="216" max="225" width="9.109375" style="71" bestFit="1" customWidth="1"/>
    <col min="226" max="226" width="7.6640625" style="71" customWidth="1"/>
    <col min="227" max="229" width="9.6640625" style="71" bestFit="1" customWidth="1"/>
    <col min="230" max="230" width="10.6640625" style="71" bestFit="1" customWidth="1"/>
    <col min="231" max="231" width="9.6640625" style="71" bestFit="1" customWidth="1"/>
    <col min="232" max="233" width="10.6640625" style="71" bestFit="1" customWidth="1"/>
    <col min="234" max="16384" width="9" style="71"/>
  </cols>
  <sheetData>
    <row r="1" spans="2:233" ht="24" customHeight="1" x14ac:dyDescent="0.2">
      <c r="B1" s="10" t="s">
        <v>160</v>
      </c>
      <c r="C1" s="247"/>
      <c r="D1" s="247"/>
      <c r="E1" s="63">
        <f>第１表!F2</f>
        <v>6</v>
      </c>
      <c r="F1" s="64">
        <f>第１表!G2</f>
        <v>10</v>
      </c>
      <c r="G1" s="573">
        <f>IF(F1&lt;3,F1-2+12,F1-2)</f>
        <v>8</v>
      </c>
      <c r="H1" s="573"/>
      <c r="L1" s="247"/>
      <c r="CL1" s="247"/>
      <c r="CM1" s="247"/>
      <c r="CN1" s="247"/>
      <c r="CO1" s="247"/>
      <c r="CP1" s="247"/>
      <c r="CQ1" s="247"/>
      <c r="CR1" s="247"/>
      <c r="CS1" s="247"/>
      <c r="CT1" s="247"/>
      <c r="CU1" s="247"/>
      <c r="CV1" s="247"/>
      <c r="CW1" s="247"/>
      <c r="CX1" s="247"/>
      <c r="CY1" s="247"/>
      <c r="CZ1" s="247"/>
      <c r="DA1" s="247"/>
      <c r="DB1" s="247"/>
      <c r="DC1" s="247"/>
      <c r="DD1" s="247"/>
      <c r="DE1" s="247"/>
      <c r="DF1" s="247"/>
      <c r="DG1" s="247"/>
      <c r="DH1" s="247"/>
      <c r="DI1" s="247"/>
      <c r="DJ1" s="247"/>
      <c r="DK1" s="247"/>
      <c r="DL1" s="247"/>
      <c r="DM1" s="247"/>
      <c r="DN1" s="247"/>
      <c r="DO1" s="247"/>
      <c r="DP1" s="247"/>
      <c r="DQ1" s="247"/>
      <c r="DR1" s="247"/>
      <c r="DS1" s="247"/>
      <c r="DT1" s="247"/>
      <c r="DU1" s="247"/>
      <c r="DV1" s="247"/>
      <c r="DW1" s="247"/>
      <c r="DX1" s="247"/>
      <c r="DY1" s="247"/>
      <c r="DZ1" s="247"/>
      <c r="EA1" s="247"/>
      <c r="EB1" s="247"/>
      <c r="EC1" s="247"/>
    </row>
    <row r="2" spans="2:233" ht="24" customHeight="1" thickBot="1" x14ac:dyDescent="0.25">
      <c r="B2" s="10" t="s">
        <v>161</v>
      </c>
    </row>
    <row r="3" spans="2:233" ht="21" customHeight="1" thickBot="1" x14ac:dyDescent="0.25">
      <c r="B3" s="577"/>
      <c r="C3" s="425" t="s">
        <v>115</v>
      </c>
      <c r="D3" s="426"/>
      <c r="E3" s="426"/>
      <c r="F3" s="426"/>
      <c r="G3" s="426"/>
      <c r="H3" s="426"/>
      <c r="I3" s="426"/>
      <c r="J3" s="426"/>
      <c r="K3" s="426"/>
      <c r="L3" s="426"/>
      <c r="M3" s="426"/>
      <c r="N3" s="423"/>
      <c r="O3" s="423"/>
      <c r="P3" s="423"/>
      <c r="Q3" s="423"/>
      <c r="R3" s="423"/>
      <c r="S3" s="423"/>
      <c r="T3" s="423"/>
      <c r="U3" s="423"/>
      <c r="V3" s="423"/>
      <c r="W3" s="423"/>
      <c r="X3" s="423"/>
      <c r="Y3" s="423"/>
      <c r="Z3" s="423"/>
      <c r="AA3" s="423"/>
      <c r="AB3" s="423"/>
      <c r="AC3" s="423"/>
      <c r="AD3" s="423"/>
      <c r="AE3" s="423"/>
      <c r="AF3" s="423"/>
      <c r="AG3" s="423"/>
      <c r="AH3" s="423"/>
      <c r="AI3" s="423"/>
      <c r="AJ3" s="423"/>
      <c r="AK3" s="423"/>
      <c r="AL3" s="423"/>
      <c r="AM3" s="423"/>
      <c r="AN3" s="423"/>
      <c r="AO3" s="423"/>
      <c r="AP3" s="423"/>
      <c r="AQ3" s="423"/>
      <c r="AR3" s="423"/>
      <c r="AS3" s="423"/>
      <c r="AT3" s="423"/>
      <c r="AU3" s="423"/>
      <c r="AV3" s="423"/>
      <c r="AW3" s="423"/>
      <c r="AX3" s="423"/>
      <c r="AY3" s="423"/>
      <c r="AZ3" s="423"/>
      <c r="BA3" s="423"/>
      <c r="BB3" s="423"/>
      <c r="BC3" s="423"/>
      <c r="BD3" s="423"/>
      <c r="BE3" s="423"/>
      <c r="BF3" s="423"/>
      <c r="BG3" s="423"/>
      <c r="BH3" s="423"/>
      <c r="BI3" s="423"/>
      <c r="BJ3" s="423"/>
      <c r="BK3" s="423"/>
      <c r="BL3" s="423"/>
      <c r="BM3" s="423"/>
      <c r="BN3" s="423"/>
      <c r="BO3" s="423"/>
      <c r="BP3" s="423"/>
      <c r="BQ3" s="423"/>
      <c r="BR3" s="423"/>
      <c r="BS3" s="423"/>
      <c r="BT3" s="423"/>
      <c r="BU3" s="423"/>
      <c r="BV3" s="423"/>
      <c r="BW3" s="423"/>
      <c r="BX3" s="423"/>
      <c r="BY3" s="423"/>
      <c r="BZ3" s="423"/>
      <c r="CA3" s="423"/>
      <c r="CB3" s="423"/>
      <c r="CC3" s="423"/>
      <c r="CD3" s="423"/>
      <c r="CE3" s="423"/>
      <c r="CF3" s="423"/>
      <c r="CG3" s="423"/>
      <c r="CH3" s="423"/>
      <c r="CI3" s="423"/>
      <c r="CJ3" s="423"/>
      <c r="CK3" s="423"/>
      <c r="CL3" s="423"/>
      <c r="CM3" s="423"/>
      <c r="CN3" s="423"/>
      <c r="CO3" s="423"/>
      <c r="CP3" s="423"/>
      <c r="CQ3" s="423"/>
      <c r="CR3" s="423"/>
      <c r="CS3" s="423"/>
      <c r="CT3" s="423"/>
      <c r="CU3" s="423"/>
      <c r="CV3" s="423"/>
      <c r="CW3" s="423"/>
      <c r="CX3" s="423"/>
      <c r="CY3" s="423"/>
      <c r="CZ3" s="423"/>
      <c r="DA3" s="423"/>
      <c r="DB3" s="423"/>
      <c r="DC3" s="423"/>
      <c r="DD3" s="423"/>
      <c r="DE3" s="423"/>
      <c r="DF3" s="423"/>
      <c r="DG3" s="423"/>
      <c r="DH3" s="424"/>
      <c r="DI3" s="425" t="s">
        <v>117</v>
      </c>
      <c r="DJ3" s="426"/>
      <c r="DK3" s="426"/>
      <c r="DL3" s="426"/>
      <c r="DM3" s="426"/>
      <c r="DN3" s="426"/>
      <c r="DO3" s="426"/>
      <c r="DP3" s="426"/>
      <c r="DQ3" s="426"/>
      <c r="DR3" s="426"/>
      <c r="DS3" s="426"/>
      <c r="DT3" s="426"/>
      <c r="DU3" s="426"/>
      <c r="DV3" s="426"/>
      <c r="DW3" s="426"/>
      <c r="DX3" s="426"/>
      <c r="DY3" s="426"/>
      <c r="DZ3" s="426"/>
      <c r="EA3" s="426"/>
      <c r="EB3" s="426"/>
      <c r="EC3" s="426"/>
      <c r="ED3" s="426"/>
      <c r="EE3" s="426"/>
      <c r="EF3" s="426"/>
      <c r="EG3" s="426"/>
      <c r="EH3" s="426"/>
      <c r="EI3" s="426"/>
      <c r="EJ3" s="426"/>
      <c r="EK3" s="426"/>
      <c r="EL3" s="426"/>
      <c r="EM3" s="426"/>
      <c r="EN3" s="426"/>
      <c r="EO3" s="426"/>
      <c r="EP3" s="426"/>
      <c r="EQ3" s="426"/>
      <c r="ER3" s="426"/>
      <c r="ES3" s="426"/>
      <c r="ET3" s="426"/>
      <c r="EU3" s="426"/>
      <c r="EV3" s="426"/>
      <c r="EW3" s="426"/>
      <c r="EX3" s="426"/>
      <c r="EY3" s="426"/>
      <c r="EZ3" s="426"/>
      <c r="FA3" s="426"/>
      <c r="FB3" s="426"/>
      <c r="FC3" s="426"/>
      <c r="FD3" s="426"/>
      <c r="FE3" s="426"/>
      <c r="FF3" s="426"/>
      <c r="FG3" s="426"/>
      <c r="FH3" s="426"/>
      <c r="FI3" s="426"/>
      <c r="FJ3" s="426"/>
      <c r="FK3" s="426"/>
      <c r="FL3" s="426"/>
      <c r="FM3" s="426"/>
      <c r="FN3" s="426"/>
      <c r="FO3" s="426"/>
      <c r="FP3" s="426"/>
      <c r="FQ3" s="426"/>
      <c r="FR3" s="426"/>
      <c r="FS3" s="426"/>
      <c r="FT3" s="426"/>
      <c r="FU3" s="426"/>
      <c r="FV3" s="426"/>
      <c r="FW3" s="426"/>
      <c r="FX3" s="426"/>
      <c r="FY3" s="426"/>
      <c r="FZ3" s="426"/>
      <c r="GA3" s="426"/>
      <c r="GB3" s="426"/>
      <c r="GC3" s="426"/>
      <c r="GD3" s="426"/>
      <c r="GE3" s="426"/>
      <c r="GF3" s="426"/>
      <c r="GG3" s="426"/>
      <c r="GH3" s="426"/>
      <c r="GI3" s="426"/>
      <c r="GJ3" s="426"/>
      <c r="GK3" s="426"/>
      <c r="GL3" s="426"/>
      <c r="GM3" s="426"/>
      <c r="GN3" s="426"/>
      <c r="GO3" s="426"/>
      <c r="GP3" s="426"/>
      <c r="GQ3" s="426"/>
      <c r="GR3" s="426"/>
      <c r="GS3" s="426"/>
      <c r="GT3" s="426"/>
      <c r="GU3" s="426"/>
      <c r="GV3" s="426"/>
      <c r="GW3" s="426"/>
      <c r="GX3" s="426"/>
      <c r="GY3" s="426"/>
      <c r="GZ3" s="426"/>
      <c r="HA3" s="426"/>
      <c r="HB3" s="426"/>
      <c r="HC3" s="426"/>
      <c r="HD3" s="426"/>
      <c r="HE3" s="426"/>
      <c r="HF3" s="426"/>
      <c r="HG3" s="426"/>
      <c r="HH3" s="426"/>
      <c r="HI3" s="426"/>
      <c r="HJ3" s="426"/>
      <c r="HK3" s="426"/>
      <c r="HL3" s="426"/>
      <c r="HM3" s="426"/>
      <c r="HN3" s="427"/>
      <c r="HO3" s="564" t="s">
        <v>60</v>
      </c>
      <c r="HP3" s="565"/>
      <c r="HQ3" s="565"/>
      <c r="HR3" s="565"/>
      <c r="HS3" s="565"/>
      <c r="HT3" s="565"/>
      <c r="HU3" s="565"/>
      <c r="HV3" s="565"/>
      <c r="HW3" s="565"/>
      <c r="HX3" s="565"/>
      <c r="HY3" s="566"/>
    </row>
    <row r="4" spans="2:233" ht="21" customHeight="1" thickBot="1" x14ac:dyDescent="0.25">
      <c r="B4" s="571"/>
      <c r="C4" s="519"/>
      <c r="D4" s="513"/>
      <c r="E4" s="513"/>
      <c r="F4" s="513"/>
      <c r="G4" s="513"/>
      <c r="H4" s="513"/>
      <c r="I4" s="513"/>
      <c r="J4" s="513"/>
      <c r="K4" s="513"/>
      <c r="L4" s="513"/>
      <c r="M4" s="579"/>
      <c r="N4" s="574" t="s">
        <v>57</v>
      </c>
      <c r="O4" s="575"/>
      <c r="P4" s="575"/>
      <c r="Q4" s="575"/>
      <c r="R4" s="575"/>
      <c r="S4" s="575"/>
      <c r="T4" s="575"/>
      <c r="U4" s="575"/>
      <c r="V4" s="575"/>
      <c r="W4" s="575"/>
      <c r="X4" s="576"/>
      <c r="Y4" s="574" t="s">
        <v>58</v>
      </c>
      <c r="Z4" s="575"/>
      <c r="AA4" s="575"/>
      <c r="AB4" s="575"/>
      <c r="AC4" s="575"/>
      <c r="AD4" s="575"/>
      <c r="AE4" s="575"/>
      <c r="AF4" s="575"/>
      <c r="AG4" s="575"/>
      <c r="AH4" s="575"/>
      <c r="AI4" s="576"/>
      <c r="AJ4" s="574" t="s">
        <v>59</v>
      </c>
      <c r="AK4" s="575"/>
      <c r="AL4" s="575"/>
      <c r="AM4" s="575"/>
      <c r="AN4" s="575"/>
      <c r="AO4" s="575"/>
      <c r="AP4" s="575"/>
      <c r="AQ4" s="575"/>
      <c r="AR4" s="575"/>
      <c r="AS4" s="575"/>
      <c r="AT4" s="576"/>
      <c r="AU4" s="574" t="s">
        <v>148</v>
      </c>
      <c r="AV4" s="575"/>
      <c r="AW4" s="575"/>
      <c r="AX4" s="575"/>
      <c r="AY4" s="575"/>
      <c r="AZ4" s="575"/>
      <c r="BA4" s="575"/>
      <c r="BB4" s="575"/>
      <c r="BC4" s="575"/>
      <c r="BD4" s="575"/>
      <c r="BE4" s="576"/>
      <c r="BF4" s="574" t="s">
        <v>116</v>
      </c>
      <c r="BG4" s="575"/>
      <c r="BH4" s="575"/>
      <c r="BI4" s="575"/>
      <c r="BJ4" s="575"/>
      <c r="BK4" s="575"/>
      <c r="BL4" s="575"/>
      <c r="BM4" s="575"/>
      <c r="BN4" s="575"/>
      <c r="BO4" s="575"/>
      <c r="BP4" s="576"/>
      <c r="BQ4" s="574" t="s">
        <v>77</v>
      </c>
      <c r="BR4" s="575"/>
      <c r="BS4" s="575"/>
      <c r="BT4" s="575"/>
      <c r="BU4" s="575"/>
      <c r="BV4" s="575"/>
      <c r="BW4" s="575"/>
      <c r="BX4" s="575"/>
      <c r="BY4" s="575"/>
      <c r="BZ4" s="575"/>
      <c r="CA4" s="576"/>
      <c r="CB4" s="574" t="s">
        <v>78</v>
      </c>
      <c r="CC4" s="575"/>
      <c r="CD4" s="575"/>
      <c r="CE4" s="575"/>
      <c r="CF4" s="575"/>
      <c r="CG4" s="575"/>
      <c r="CH4" s="575"/>
      <c r="CI4" s="575"/>
      <c r="CJ4" s="575"/>
      <c r="CK4" s="575"/>
      <c r="CL4" s="576"/>
      <c r="CM4" s="574" t="s">
        <v>79</v>
      </c>
      <c r="CN4" s="575"/>
      <c r="CO4" s="575"/>
      <c r="CP4" s="575"/>
      <c r="CQ4" s="575"/>
      <c r="CR4" s="575"/>
      <c r="CS4" s="575"/>
      <c r="CT4" s="575"/>
      <c r="CU4" s="575"/>
      <c r="CV4" s="575"/>
      <c r="CW4" s="576"/>
      <c r="CX4" s="574" t="s">
        <v>149</v>
      </c>
      <c r="CY4" s="575"/>
      <c r="CZ4" s="575"/>
      <c r="DA4" s="575"/>
      <c r="DB4" s="575"/>
      <c r="DC4" s="575"/>
      <c r="DD4" s="575"/>
      <c r="DE4" s="575"/>
      <c r="DF4" s="575"/>
      <c r="DG4" s="575"/>
      <c r="DH4" s="576"/>
      <c r="DI4" s="519"/>
      <c r="DJ4" s="513"/>
      <c r="DK4" s="513"/>
      <c r="DL4" s="513"/>
      <c r="DM4" s="513"/>
      <c r="DN4" s="513"/>
      <c r="DO4" s="513"/>
      <c r="DP4" s="513"/>
      <c r="DQ4" s="513"/>
      <c r="DR4" s="513"/>
      <c r="DS4" s="514"/>
      <c r="DT4" s="574" t="s">
        <v>57</v>
      </c>
      <c r="DU4" s="575"/>
      <c r="DV4" s="575"/>
      <c r="DW4" s="575"/>
      <c r="DX4" s="575"/>
      <c r="DY4" s="575"/>
      <c r="DZ4" s="575"/>
      <c r="EA4" s="575"/>
      <c r="EB4" s="575"/>
      <c r="EC4" s="575"/>
      <c r="ED4" s="576"/>
      <c r="EE4" s="574" t="s">
        <v>58</v>
      </c>
      <c r="EF4" s="575"/>
      <c r="EG4" s="575"/>
      <c r="EH4" s="575"/>
      <c r="EI4" s="575"/>
      <c r="EJ4" s="575"/>
      <c r="EK4" s="575"/>
      <c r="EL4" s="575"/>
      <c r="EM4" s="575"/>
      <c r="EN4" s="575"/>
      <c r="EO4" s="576"/>
      <c r="EP4" s="574" t="s">
        <v>59</v>
      </c>
      <c r="EQ4" s="575"/>
      <c r="ER4" s="575"/>
      <c r="ES4" s="575"/>
      <c r="ET4" s="575"/>
      <c r="EU4" s="575"/>
      <c r="EV4" s="575"/>
      <c r="EW4" s="575"/>
      <c r="EX4" s="575"/>
      <c r="EY4" s="575"/>
      <c r="EZ4" s="576"/>
      <c r="FA4" s="574" t="s">
        <v>148</v>
      </c>
      <c r="FB4" s="575"/>
      <c r="FC4" s="575"/>
      <c r="FD4" s="575"/>
      <c r="FE4" s="575"/>
      <c r="FF4" s="575"/>
      <c r="FG4" s="575"/>
      <c r="FH4" s="575"/>
      <c r="FI4" s="575"/>
      <c r="FJ4" s="575"/>
      <c r="FK4" s="576"/>
      <c r="FL4" s="574" t="s">
        <v>116</v>
      </c>
      <c r="FM4" s="575"/>
      <c r="FN4" s="575"/>
      <c r="FO4" s="575"/>
      <c r="FP4" s="575"/>
      <c r="FQ4" s="575"/>
      <c r="FR4" s="575"/>
      <c r="FS4" s="575"/>
      <c r="FT4" s="575"/>
      <c r="FU4" s="575"/>
      <c r="FV4" s="576"/>
      <c r="FW4" s="574" t="s">
        <v>77</v>
      </c>
      <c r="FX4" s="575"/>
      <c r="FY4" s="575"/>
      <c r="FZ4" s="575"/>
      <c r="GA4" s="575"/>
      <c r="GB4" s="575"/>
      <c r="GC4" s="575"/>
      <c r="GD4" s="575"/>
      <c r="GE4" s="575"/>
      <c r="GF4" s="575"/>
      <c r="GG4" s="576"/>
      <c r="GH4" s="574" t="s">
        <v>78</v>
      </c>
      <c r="GI4" s="575"/>
      <c r="GJ4" s="575"/>
      <c r="GK4" s="575"/>
      <c r="GL4" s="575"/>
      <c r="GM4" s="575"/>
      <c r="GN4" s="575"/>
      <c r="GO4" s="575"/>
      <c r="GP4" s="575"/>
      <c r="GQ4" s="575"/>
      <c r="GR4" s="576"/>
      <c r="GS4" s="574" t="s">
        <v>79</v>
      </c>
      <c r="GT4" s="575"/>
      <c r="GU4" s="575"/>
      <c r="GV4" s="575"/>
      <c r="GW4" s="575"/>
      <c r="GX4" s="575"/>
      <c r="GY4" s="575"/>
      <c r="GZ4" s="575"/>
      <c r="HA4" s="575"/>
      <c r="HB4" s="575"/>
      <c r="HC4" s="576"/>
      <c r="HD4" s="574" t="s">
        <v>149</v>
      </c>
      <c r="HE4" s="575"/>
      <c r="HF4" s="575"/>
      <c r="HG4" s="575"/>
      <c r="HH4" s="575"/>
      <c r="HI4" s="575"/>
      <c r="HJ4" s="575"/>
      <c r="HK4" s="575"/>
      <c r="HL4" s="575"/>
      <c r="HM4" s="575"/>
      <c r="HN4" s="576"/>
      <c r="HO4" s="567"/>
      <c r="HP4" s="568"/>
      <c r="HQ4" s="568"/>
      <c r="HR4" s="568"/>
      <c r="HS4" s="568"/>
      <c r="HT4" s="568"/>
      <c r="HU4" s="568"/>
      <c r="HV4" s="568"/>
      <c r="HW4" s="568"/>
      <c r="HX4" s="568"/>
      <c r="HY4" s="569"/>
    </row>
    <row r="5" spans="2:233" ht="21" customHeight="1" x14ac:dyDescent="0.2">
      <c r="B5" s="571"/>
      <c r="C5" s="503" t="s">
        <v>61</v>
      </c>
      <c r="D5" s="504"/>
      <c r="E5" s="505"/>
      <c r="F5" s="532" t="s">
        <v>62</v>
      </c>
      <c r="G5" s="504"/>
      <c r="H5" s="504"/>
      <c r="I5" s="504"/>
      <c r="J5" s="504"/>
      <c r="K5" s="504"/>
      <c r="L5" s="533"/>
      <c r="M5" s="572" t="s">
        <v>52</v>
      </c>
      <c r="N5" s="519" t="s">
        <v>61</v>
      </c>
      <c r="O5" s="513"/>
      <c r="P5" s="514"/>
      <c r="Q5" s="535" t="s">
        <v>62</v>
      </c>
      <c r="R5" s="513"/>
      <c r="S5" s="513"/>
      <c r="T5" s="513"/>
      <c r="U5" s="513"/>
      <c r="V5" s="513"/>
      <c r="W5" s="536"/>
      <c r="X5" s="436" t="s">
        <v>52</v>
      </c>
      <c r="Y5" s="519" t="s">
        <v>61</v>
      </c>
      <c r="Z5" s="513"/>
      <c r="AA5" s="514"/>
      <c r="AB5" s="535" t="s">
        <v>62</v>
      </c>
      <c r="AC5" s="513"/>
      <c r="AD5" s="513"/>
      <c r="AE5" s="513"/>
      <c r="AF5" s="513"/>
      <c r="AG5" s="513"/>
      <c r="AH5" s="536"/>
      <c r="AI5" s="436" t="s">
        <v>52</v>
      </c>
      <c r="AJ5" s="519" t="s">
        <v>61</v>
      </c>
      <c r="AK5" s="513"/>
      <c r="AL5" s="514"/>
      <c r="AM5" s="535" t="s">
        <v>62</v>
      </c>
      <c r="AN5" s="513"/>
      <c r="AO5" s="513"/>
      <c r="AP5" s="513"/>
      <c r="AQ5" s="513"/>
      <c r="AR5" s="513"/>
      <c r="AS5" s="536"/>
      <c r="AT5" s="436" t="s">
        <v>52</v>
      </c>
      <c r="AU5" s="519" t="s">
        <v>61</v>
      </c>
      <c r="AV5" s="513"/>
      <c r="AW5" s="514"/>
      <c r="AX5" s="535" t="s">
        <v>62</v>
      </c>
      <c r="AY5" s="513"/>
      <c r="AZ5" s="513"/>
      <c r="BA5" s="513"/>
      <c r="BB5" s="513"/>
      <c r="BC5" s="513"/>
      <c r="BD5" s="536"/>
      <c r="BE5" s="436" t="s">
        <v>52</v>
      </c>
      <c r="BF5" s="519" t="s">
        <v>61</v>
      </c>
      <c r="BG5" s="513"/>
      <c r="BH5" s="514"/>
      <c r="BI5" s="535" t="s">
        <v>62</v>
      </c>
      <c r="BJ5" s="513"/>
      <c r="BK5" s="513"/>
      <c r="BL5" s="513"/>
      <c r="BM5" s="513"/>
      <c r="BN5" s="513"/>
      <c r="BO5" s="536"/>
      <c r="BP5" s="436" t="s">
        <v>52</v>
      </c>
      <c r="BQ5" s="519" t="s">
        <v>61</v>
      </c>
      <c r="BR5" s="513"/>
      <c r="BS5" s="514"/>
      <c r="BT5" s="535" t="s">
        <v>62</v>
      </c>
      <c r="BU5" s="513"/>
      <c r="BV5" s="513"/>
      <c r="BW5" s="513"/>
      <c r="BX5" s="513"/>
      <c r="BY5" s="513"/>
      <c r="BZ5" s="536"/>
      <c r="CA5" s="436" t="s">
        <v>52</v>
      </c>
      <c r="CB5" s="519" t="s">
        <v>61</v>
      </c>
      <c r="CC5" s="513"/>
      <c r="CD5" s="514"/>
      <c r="CE5" s="535" t="s">
        <v>62</v>
      </c>
      <c r="CF5" s="513"/>
      <c r="CG5" s="513"/>
      <c r="CH5" s="513"/>
      <c r="CI5" s="513"/>
      <c r="CJ5" s="513"/>
      <c r="CK5" s="536"/>
      <c r="CL5" s="436" t="s">
        <v>52</v>
      </c>
      <c r="CM5" s="519" t="s">
        <v>61</v>
      </c>
      <c r="CN5" s="513"/>
      <c r="CO5" s="514"/>
      <c r="CP5" s="535" t="s">
        <v>62</v>
      </c>
      <c r="CQ5" s="513"/>
      <c r="CR5" s="513"/>
      <c r="CS5" s="513"/>
      <c r="CT5" s="513"/>
      <c r="CU5" s="513"/>
      <c r="CV5" s="536"/>
      <c r="CW5" s="436" t="s">
        <v>52</v>
      </c>
      <c r="CX5" s="519" t="s">
        <v>61</v>
      </c>
      <c r="CY5" s="513"/>
      <c r="CZ5" s="514"/>
      <c r="DA5" s="535" t="s">
        <v>62</v>
      </c>
      <c r="DB5" s="513"/>
      <c r="DC5" s="513"/>
      <c r="DD5" s="513"/>
      <c r="DE5" s="513"/>
      <c r="DF5" s="513"/>
      <c r="DG5" s="536"/>
      <c r="DH5" s="436" t="s">
        <v>52</v>
      </c>
      <c r="DI5" s="503" t="s">
        <v>61</v>
      </c>
      <c r="DJ5" s="504"/>
      <c r="DK5" s="505"/>
      <c r="DL5" s="532" t="s">
        <v>62</v>
      </c>
      <c r="DM5" s="504"/>
      <c r="DN5" s="504"/>
      <c r="DO5" s="504"/>
      <c r="DP5" s="504"/>
      <c r="DQ5" s="504"/>
      <c r="DR5" s="533"/>
      <c r="DS5" s="507" t="s">
        <v>52</v>
      </c>
      <c r="DT5" s="519" t="s">
        <v>61</v>
      </c>
      <c r="DU5" s="513"/>
      <c r="DV5" s="514"/>
      <c r="DW5" s="535" t="s">
        <v>62</v>
      </c>
      <c r="DX5" s="513"/>
      <c r="DY5" s="513"/>
      <c r="DZ5" s="513"/>
      <c r="EA5" s="513"/>
      <c r="EB5" s="513"/>
      <c r="EC5" s="536"/>
      <c r="ED5" s="436" t="s">
        <v>52</v>
      </c>
      <c r="EE5" s="519" t="s">
        <v>61</v>
      </c>
      <c r="EF5" s="513"/>
      <c r="EG5" s="514"/>
      <c r="EH5" s="535" t="s">
        <v>62</v>
      </c>
      <c r="EI5" s="513"/>
      <c r="EJ5" s="513"/>
      <c r="EK5" s="513"/>
      <c r="EL5" s="513"/>
      <c r="EM5" s="513"/>
      <c r="EN5" s="536"/>
      <c r="EO5" s="436" t="s">
        <v>52</v>
      </c>
      <c r="EP5" s="519" t="s">
        <v>61</v>
      </c>
      <c r="EQ5" s="513"/>
      <c r="ER5" s="514"/>
      <c r="ES5" s="535" t="s">
        <v>62</v>
      </c>
      <c r="ET5" s="513"/>
      <c r="EU5" s="513"/>
      <c r="EV5" s="513"/>
      <c r="EW5" s="513"/>
      <c r="EX5" s="513"/>
      <c r="EY5" s="536"/>
      <c r="EZ5" s="436" t="s">
        <v>52</v>
      </c>
      <c r="FA5" s="519" t="s">
        <v>61</v>
      </c>
      <c r="FB5" s="513"/>
      <c r="FC5" s="514"/>
      <c r="FD5" s="535" t="s">
        <v>62</v>
      </c>
      <c r="FE5" s="513"/>
      <c r="FF5" s="513"/>
      <c r="FG5" s="513"/>
      <c r="FH5" s="513"/>
      <c r="FI5" s="513"/>
      <c r="FJ5" s="536"/>
      <c r="FK5" s="436" t="s">
        <v>52</v>
      </c>
      <c r="FL5" s="519" t="s">
        <v>61</v>
      </c>
      <c r="FM5" s="513"/>
      <c r="FN5" s="514"/>
      <c r="FO5" s="535" t="s">
        <v>62</v>
      </c>
      <c r="FP5" s="513"/>
      <c r="FQ5" s="513"/>
      <c r="FR5" s="513"/>
      <c r="FS5" s="513"/>
      <c r="FT5" s="513"/>
      <c r="FU5" s="536"/>
      <c r="FV5" s="436" t="s">
        <v>52</v>
      </c>
      <c r="FW5" s="519" t="s">
        <v>61</v>
      </c>
      <c r="FX5" s="513"/>
      <c r="FY5" s="514"/>
      <c r="FZ5" s="535" t="s">
        <v>62</v>
      </c>
      <c r="GA5" s="513"/>
      <c r="GB5" s="513"/>
      <c r="GC5" s="513"/>
      <c r="GD5" s="513"/>
      <c r="GE5" s="513"/>
      <c r="GF5" s="536"/>
      <c r="GG5" s="436" t="s">
        <v>52</v>
      </c>
      <c r="GH5" s="519" t="s">
        <v>61</v>
      </c>
      <c r="GI5" s="513"/>
      <c r="GJ5" s="514"/>
      <c r="GK5" s="535" t="s">
        <v>62</v>
      </c>
      <c r="GL5" s="513"/>
      <c r="GM5" s="513"/>
      <c r="GN5" s="513"/>
      <c r="GO5" s="513"/>
      <c r="GP5" s="513"/>
      <c r="GQ5" s="536"/>
      <c r="GR5" s="436" t="s">
        <v>52</v>
      </c>
      <c r="GS5" s="519" t="s">
        <v>61</v>
      </c>
      <c r="GT5" s="513"/>
      <c r="GU5" s="514"/>
      <c r="GV5" s="535" t="s">
        <v>62</v>
      </c>
      <c r="GW5" s="513"/>
      <c r="GX5" s="513"/>
      <c r="GY5" s="513"/>
      <c r="GZ5" s="513"/>
      <c r="HA5" s="513"/>
      <c r="HB5" s="536"/>
      <c r="HC5" s="436" t="s">
        <v>52</v>
      </c>
      <c r="HD5" s="519" t="s">
        <v>61</v>
      </c>
      <c r="HE5" s="513"/>
      <c r="HF5" s="514"/>
      <c r="HG5" s="535" t="s">
        <v>62</v>
      </c>
      <c r="HH5" s="513"/>
      <c r="HI5" s="513"/>
      <c r="HJ5" s="513"/>
      <c r="HK5" s="513"/>
      <c r="HL5" s="513"/>
      <c r="HM5" s="536"/>
      <c r="HN5" s="436" t="s">
        <v>52</v>
      </c>
      <c r="HO5" s="519" t="s">
        <v>61</v>
      </c>
      <c r="HP5" s="513"/>
      <c r="HQ5" s="514"/>
      <c r="HR5" s="535" t="s">
        <v>62</v>
      </c>
      <c r="HS5" s="513"/>
      <c r="HT5" s="513"/>
      <c r="HU5" s="513"/>
      <c r="HV5" s="513"/>
      <c r="HW5" s="513"/>
      <c r="HX5" s="536"/>
      <c r="HY5" s="436" t="s">
        <v>52</v>
      </c>
    </row>
    <row r="6" spans="2:233" ht="30" customHeight="1" thickBot="1" x14ac:dyDescent="0.25">
      <c r="B6" s="578"/>
      <c r="C6" s="73" t="s">
        <v>118</v>
      </c>
      <c r="D6" s="74" t="s">
        <v>44</v>
      </c>
      <c r="E6" s="250" t="s">
        <v>45</v>
      </c>
      <c r="F6" s="76" t="s">
        <v>83</v>
      </c>
      <c r="G6" s="74" t="s">
        <v>47</v>
      </c>
      <c r="H6" s="74" t="s">
        <v>48</v>
      </c>
      <c r="I6" s="74" t="s">
        <v>49</v>
      </c>
      <c r="J6" s="74" t="s">
        <v>50</v>
      </c>
      <c r="K6" s="74" t="s">
        <v>51</v>
      </c>
      <c r="L6" s="75" t="s">
        <v>45</v>
      </c>
      <c r="M6" s="552"/>
      <c r="N6" s="73" t="s">
        <v>118</v>
      </c>
      <c r="O6" s="74" t="s">
        <v>44</v>
      </c>
      <c r="P6" s="250" t="s">
        <v>45</v>
      </c>
      <c r="Q6" s="76" t="s">
        <v>83</v>
      </c>
      <c r="R6" s="74" t="s">
        <v>47</v>
      </c>
      <c r="S6" s="74" t="s">
        <v>48</v>
      </c>
      <c r="T6" s="74" t="s">
        <v>49</v>
      </c>
      <c r="U6" s="74" t="s">
        <v>50</v>
      </c>
      <c r="V6" s="74" t="s">
        <v>51</v>
      </c>
      <c r="W6" s="75" t="s">
        <v>45</v>
      </c>
      <c r="X6" s="552"/>
      <c r="Y6" s="73" t="s">
        <v>118</v>
      </c>
      <c r="Z6" s="74" t="s">
        <v>44</v>
      </c>
      <c r="AA6" s="250" t="s">
        <v>45</v>
      </c>
      <c r="AB6" s="76" t="s">
        <v>83</v>
      </c>
      <c r="AC6" s="74" t="s">
        <v>47</v>
      </c>
      <c r="AD6" s="74" t="s">
        <v>48</v>
      </c>
      <c r="AE6" s="74" t="s">
        <v>49</v>
      </c>
      <c r="AF6" s="74" t="s">
        <v>50</v>
      </c>
      <c r="AG6" s="74" t="s">
        <v>51</v>
      </c>
      <c r="AH6" s="75" t="s">
        <v>45</v>
      </c>
      <c r="AI6" s="552"/>
      <c r="AJ6" s="73" t="s">
        <v>118</v>
      </c>
      <c r="AK6" s="74" t="s">
        <v>44</v>
      </c>
      <c r="AL6" s="250" t="s">
        <v>45</v>
      </c>
      <c r="AM6" s="76" t="s">
        <v>83</v>
      </c>
      <c r="AN6" s="74" t="s">
        <v>47</v>
      </c>
      <c r="AO6" s="74" t="s">
        <v>48</v>
      </c>
      <c r="AP6" s="74" t="s">
        <v>49</v>
      </c>
      <c r="AQ6" s="74" t="s">
        <v>50</v>
      </c>
      <c r="AR6" s="74" t="s">
        <v>51</v>
      </c>
      <c r="AS6" s="75" t="s">
        <v>45</v>
      </c>
      <c r="AT6" s="552"/>
      <c r="AU6" s="73" t="s">
        <v>118</v>
      </c>
      <c r="AV6" s="74" t="s">
        <v>44</v>
      </c>
      <c r="AW6" s="250" t="s">
        <v>45</v>
      </c>
      <c r="AX6" s="76" t="s">
        <v>83</v>
      </c>
      <c r="AY6" s="74" t="s">
        <v>47</v>
      </c>
      <c r="AZ6" s="74" t="s">
        <v>48</v>
      </c>
      <c r="BA6" s="74" t="s">
        <v>49</v>
      </c>
      <c r="BB6" s="74" t="s">
        <v>50</v>
      </c>
      <c r="BC6" s="74" t="s">
        <v>51</v>
      </c>
      <c r="BD6" s="75" t="s">
        <v>45</v>
      </c>
      <c r="BE6" s="552"/>
      <c r="BF6" s="73" t="s">
        <v>118</v>
      </c>
      <c r="BG6" s="74" t="s">
        <v>44</v>
      </c>
      <c r="BH6" s="250" t="s">
        <v>45</v>
      </c>
      <c r="BI6" s="76" t="s">
        <v>83</v>
      </c>
      <c r="BJ6" s="74" t="s">
        <v>47</v>
      </c>
      <c r="BK6" s="74" t="s">
        <v>48</v>
      </c>
      <c r="BL6" s="74" t="s">
        <v>49</v>
      </c>
      <c r="BM6" s="74" t="s">
        <v>50</v>
      </c>
      <c r="BN6" s="74" t="s">
        <v>51</v>
      </c>
      <c r="BO6" s="75" t="s">
        <v>45</v>
      </c>
      <c r="BP6" s="552"/>
      <c r="BQ6" s="73" t="s">
        <v>118</v>
      </c>
      <c r="BR6" s="74" t="s">
        <v>44</v>
      </c>
      <c r="BS6" s="250" t="s">
        <v>45</v>
      </c>
      <c r="BT6" s="76" t="s">
        <v>83</v>
      </c>
      <c r="BU6" s="74" t="s">
        <v>47</v>
      </c>
      <c r="BV6" s="74" t="s">
        <v>48</v>
      </c>
      <c r="BW6" s="74" t="s">
        <v>49</v>
      </c>
      <c r="BX6" s="74" t="s">
        <v>50</v>
      </c>
      <c r="BY6" s="74" t="s">
        <v>51</v>
      </c>
      <c r="BZ6" s="75" t="s">
        <v>45</v>
      </c>
      <c r="CA6" s="552"/>
      <c r="CB6" s="73" t="s">
        <v>118</v>
      </c>
      <c r="CC6" s="74" t="s">
        <v>44</v>
      </c>
      <c r="CD6" s="250" t="s">
        <v>45</v>
      </c>
      <c r="CE6" s="76" t="s">
        <v>83</v>
      </c>
      <c r="CF6" s="74" t="s">
        <v>47</v>
      </c>
      <c r="CG6" s="74" t="s">
        <v>48</v>
      </c>
      <c r="CH6" s="74" t="s">
        <v>49</v>
      </c>
      <c r="CI6" s="74" t="s">
        <v>50</v>
      </c>
      <c r="CJ6" s="74" t="s">
        <v>51</v>
      </c>
      <c r="CK6" s="75" t="s">
        <v>45</v>
      </c>
      <c r="CL6" s="552"/>
      <c r="CM6" s="73" t="s">
        <v>118</v>
      </c>
      <c r="CN6" s="74" t="s">
        <v>44</v>
      </c>
      <c r="CO6" s="250" t="s">
        <v>45</v>
      </c>
      <c r="CP6" s="76" t="s">
        <v>83</v>
      </c>
      <c r="CQ6" s="74" t="s">
        <v>47</v>
      </c>
      <c r="CR6" s="74" t="s">
        <v>48</v>
      </c>
      <c r="CS6" s="74" t="s">
        <v>49</v>
      </c>
      <c r="CT6" s="74" t="s">
        <v>50</v>
      </c>
      <c r="CU6" s="74" t="s">
        <v>51</v>
      </c>
      <c r="CV6" s="75" t="s">
        <v>45</v>
      </c>
      <c r="CW6" s="552"/>
      <c r="CX6" s="73" t="s">
        <v>118</v>
      </c>
      <c r="CY6" s="74" t="s">
        <v>44</v>
      </c>
      <c r="CZ6" s="250" t="s">
        <v>45</v>
      </c>
      <c r="DA6" s="76" t="s">
        <v>83</v>
      </c>
      <c r="DB6" s="74" t="s">
        <v>47</v>
      </c>
      <c r="DC6" s="74" t="s">
        <v>48</v>
      </c>
      <c r="DD6" s="74" t="s">
        <v>49</v>
      </c>
      <c r="DE6" s="74" t="s">
        <v>50</v>
      </c>
      <c r="DF6" s="74" t="s">
        <v>51</v>
      </c>
      <c r="DG6" s="75" t="s">
        <v>45</v>
      </c>
      <c r="DH6" s="552"/>
      <c r="DI6" s="73" t="s">
        <v>118</v>
      </c>
      <c r="DJ6" s="74" t="s">
        <v>44</v>
      </c>
      <c r="DK6" s="250" t="s">
        <v>45</v>
      </c>
      <c r="DL6" s="76" t="s">
        <v>83</v>
      </c>
      <c r="DM6" s="74" t="s">
        <v>47</v>
      </c>
      <c r="DN6" s="74" t="s">
        <v>48</v>
      </c>
      <c r="DO6" s="74" t="s">
        <v>49</v>
      </c>
      <c r="DP6" s="74" t="s">
        <v>50</v>
      </c>
      <c r="DQ6" s="74" t="s">
        <v>51</v>
      </c>
      <c r="DR6" s="75" t="s">
        <v>45</v>
      </c>
      <c r="DS6" s="550"/>
      <c r="DT6" s="73" t="s">
        <v>118</v>
      </c>
      <c r="DU6" s="74" t="s">
        <v>44</v>
      </c>
      <c r="DV6" s="250" t="s">
        <v>45</v>
      </c>
      <c r="DW6" s="76" t="s">
        <v>83</v>
      </c>
      <c r="DX6" s="74" t="s">
        <v>47</v>
      </c>
      <c r="DY6" s="74" t="s">
        <v>48</v>
      </c>
      <c r="DZ6" s="74" t="s">
        <v>49</v>
      </c>
      <c r="EA6" s="74" t="s">
        <v>50</v>
      </c>
      <c r="EB6" s="74" t="s">
        <v>51</v>
      </c>
      <c r="EC6" s="75" t="s">
        <v>45</v>
      </c>
      <c r="ED6" s="552"/>
      <c r="EE6" s="73" t="s">
        <v>118</v>
      </c>
      <c r="EF6" s="74" t="s">
        <v>44</v>
      </c>
      <c r="EG6" s="250" t="s">
        <v>45</v>
      </c>
      <c r="EH6" s="76" t="s">
        <v>83</v>
      </c>
      <c r="EI6" s="74" t="s">
        <v>47</v>
      </c>
      <c r="EJ6" s="74" t="s">
        <v>48</v>
      </c>
      <c r="EK6" s="74" t="s">
        <v>49</v>
      </c>
      <c r="EL6" s="74" t="s">
        <v>50</v>
      </c>
      <c r="EM6" s="74" t="s">
        <v>51</v>
      </c>
      <c r="EN6" s="75" t="s">
        <v>45</v>
      </c>
      <c r="EO6" s="552"/>
      <c r="EP6" s="73" t="s">
        <v>118</v>
      </c>
      <c r="EQ6" s="74" t="s">
        <v>44</v>
      </c>
      <c r="ER6" s="250" t="s">
        <v>45</v>
      </c>
      <c r="ES6" s="76" t="s">
        <v>83</v>
      </c>
      <c r="ET6" s="74" t="s">
        <v>47</v>
      </c>
      <c r="EU6" s="74" t="s">
        <v>48</v>
      </c>
      <c r="EV6" s="74" t="s">
        <v>49</v>
      </c>
      <c r="EW6" s="74" t="s">
        <v>50</v>
      </c>
      <c r="EX6" s="74" t="s">
        <v>51</v>
      </c>
      <c r="EY6" s="75" t="s">
        <v>45</v>
      </c>
      <c r="EZ6" s="552"/>
      <c r="FA6" s="73" t="s">
        <v>118</v>
      </c>
      <c r="FB6" s="74" t="s">
        <v>44</v>
      </c>
      <c r="FC6" s="250" t="s">
        <v>45</v>
      </c>
      <c r="FD6" s="76" t="s">
        <v>83</v>
      </c>
      <c r="FE6" s="74" t="s">
        <v>47</v>
      </c>
      <c r="FF6" s="74" t="s">
        <v>48</v>
      </c>
      <c r="FG6" s="74" t="s">
        <v>49</v>
      </c>
      <c r="FH6" s="74" t="s">
        <v>50</v>
      </c>
      <c r="FI6" s="74" t="s">
        <v>51</v>
      </c>
      <c r="FJ6" s="75" t="s">
        <v>45</v>
      </c>
      <c r="FK6" s="552"/>
      <c r="FL6" s="73" t="s">
        <v>118</v>
      </c>
      <c r="FM6" s="74" t="s">
        <v>44</v>
      </c>
      <c r="FN6" s="250" t="s">
        <v>45</v>
      </c>
      <c r="FO6" s="76" t="s">
        <v>83</v>
      </c>
      <c r="FP6" s="74" t="s">
        <v>47</v>
      </c>
      <c r="FQ6" s="74" t="s">
        <v>48</v>
      </c>
      <c r="FR6" s="74" t="s">
        <v>49</v>
      </c>
      <c r="FS6" s="74" t="s">
        <v>50</v>
      </c>
      <c r="FT6" s="74" t="s">
        <v>51</v>
      </c>
      <c r="FU6" s="75" t="s">
        <v>45</v>
      </c>
      <c r="FV6" s="552"/>
      <c r="FW6" s="73" t="s">
        <v>118</v>
      </c>
      <c r="FX6" s="74" t="s">
        <v>44</v>
      </c>
      <c r="FY6" s="250" t="s">
        <v>45</v>
      </c>
      <c r="FZ6" s="76" t="s">
        <v>83</v>
      </c>
      <c r="GA6" s="74" t="s">
        <v>47</v>
      </c>
      <c r="GB6" s="74" t="s">
        <v>48</v>
      </c>
      <c r="GC6" s="74" t="s">
        <v>49</v>
      </c>
      <c r="GD6" s="74" t="s">
        <v>50</v>
      </c>
      <c r="GE6" s="74" t="s">
        <v>51</v>
      </c>
      <c r="GF6" s="75" t="s">
        <v>45</v>
      </c>
      <c r="GG6" s="552"/>
      <c r="GH6" s="73" t="s">
        <v>118</v>
      </c>
      <c r="GI6" s="74" t="s">
        <v>44</v>
      </c>
      <c r="GJ6" s="250" t="s">
        <v>45</v>
      </c>
      <c r="GK6" s="76" t="s">
        <v>83</v>
      </c>
      <c r="GL6" s="74" t="s">
        <v>47</v>
      </c>
      <c r="GM6" s="74" t="s">
        <v>48</v>
      </c>
      <c r="GN6" s="74" t="s">
        <v>49</v>
      </c>
      <c r="GO6" s="74" t="s">
        <v>50</v>
      </c>
      <c r="GP6" s="74" t="s">
        <v>51</v>
      </c>
      <c r="GQ6" s="75" t="s">
        <v>45</v>
      </c>
      <c r="GR6" s="552"/>
      <c r="GS6" s="73" t="s">
        <v>118</v>
      </c>
      <c r="GT6" s="74" t="s">
        <v>44</v>
      </c>
      <c r="GU6" s="250" t="s">
        <v>45</v>
      </c>
      <c r="GV6" s="76" t="s">
        <v>83</v>
      </c>
      <c r="GW6" s="74" t="s">
        <v>47</v>
      </c>
      <c r="GX6" s="74" t="s">
        <v>48</v>
      </c>
      <c r="GY6" s="74" t="s">
        <v>49</v>
      </c>
      <c r="GZ6" s="74" t="s">
        <v>50</v>
      </c>
      <c r="HA6" s="74" t="s">
        <v>51</v>
      </c>
      <c r="HB6" s="75" t="s">
        <v>45</v>
      </c>
      <c r="HC6" s="552"/>
      <c r="HD6" s="73" t="s">
        <v>118</v>
      </c>
      <c r="HE6" s="74" t="s">
        <v>44</v>
      </c>
      <c r="HF6" s="250" t="s">
        <v>45</v>
      </c>
      <c r="HG6" s="76" t="s">
        <v>83</v>
      </c>
      <c r="HH6" s="74" t="s">
        <v>47</v>
      </c>
      <c r="HI6" s="74" t="s">
        <v>48</v>
      </c>
      <c r="HJ6" s="74" t="s">
        <v>49</v>
      </c>
      <c r="HK6" s="74" t="s">
        <v>50</v>
      </c>
      <c r="HL6" s="74" t="s">
        <v>51</v>
      </c>
      <c r="HM6" s="75" t="s">
        <v>45</v>
      </c>
      <c r="HN6" s="552"/>
      <c r="HO6" s="73" t="s">
        <v>118</v>
      </c>
      <c r="HP6" s="74" t="s">
        <v>44</v>
      </c>
      <c r="HQ6" s="250" t="s">
        <v>45</v>
      </c>
      <c r="HR6" s="76" t="s">
        <v>83</v>
      </c>
      <c r="HS6" s="74" t="s">
        <v>47</v>
      </c>
      <c r="HT6" s="74" t="s">
        <v>48</v>
      </c>
      <c r="HU6" s="74" t="s">
        <v>49</v>
      </c>
      <c r="HV6" s="74" t="s">
        <v>50</v>
      </c>
      <c r="HW6" s="74" t="s">
        <v>51</v>
      </c>
      <c r="HX6" s="75" t="s">
        <v>45</v>
      </c>
      <c r="HY6" s="552"/>
    </row>
    <row r="7" spans="2:233" s="294" customFormat="1" ht="21" customHeight="1" x14ac:dyDescent="0.2">
      <c r="B7" s="84" t="s">
        <v>4</v>
      </c>
      <c r="C7" s="49">
        <v>30995</v>
      </c>
      <c r="D7" s="50">
        <v>99975</v>
      </c>
      <c r="E7" s="51">
        <v>130970</v>
      </c>
      <c r="F7" s="52">
        <v>0</v>
      </c>
      <c r="G7" s="50">
        <v>15938836</v>
      </c>
      <c r="H7" s="50">
        <v>37063757</v>
      </c>
      <c r="I7" s="50">
        <v>108236312</v>
      </c>
      <c r="J7" s="50">
        <v>145082170</v>
      </c>
      <c r="K7" s="50">
        <v>85889267</v>
      </c>
      <c r="L7" s="53">
        <v>392210342</v>
      </c>
      <c r="M7" s="54">
        <v>392341312</v>
      </c>
      <c r="N7" s="49">
        <v>0</v>
      </c>
      <c r="O7" s="50">
        <v>0</v>
      </c>
      <c r="P7" s="51">
        <v>0</v>
      </c>
      <c r="Q7" s="402">
        <v>0</v>
      </c>
      <c r="R7" s="50">
        <v>3932151</v>
      </c>
      <c r="S7" s="50">
        <v>13983100</v>
      </c>
      <c r="T7" s="50">
        <v>74359713</v>
      </c>
      <c r="U7" s="50">
        <v>106288972</v>
      </c>
      <c r="V7" s="50">
        <v>65193578</v>
      </c>
      <c r="W7" s="53">
        <v>263757514</v>
      </c>
      <c r="X7" s="54">
        <v>263757514</v>
      </c>
      <c r="Y7" s="49">
        <v>0</v>
      </c>
      <c r="Z7" s="50">
        <v>0</v>
      </c>
      <c r="AA7" s="51">
        <v>0</v>
      </c>
      <c r="AB7" s="402">
        <v>0</v>
      </c>
      <c r="AC7" s="50">
        <v>10086408</v>
      </c>
      <c r="AD7" s="50">
        <v>18779536</v>
      </c>
      <c r="AE7" s="50">
        <v>24726489</v>
      </c>
      <c r="AF7" s="50">
        <v>29034042</v>
      </c>
      <c r="AG7" s="50">
        <v>13623951</v>
      </c>
      <c r="AH7" s="53">
        <v>96250426</v>
      </c>
      <c r="AI7" s="54">
        <v>96250426</v>
      </c>
      <c r="AJ7" s="49">
        <v>0</v>
      </c>
      <c r="AK7" s="50">
        <v>0</v>
      </c>
      <c r="AL7" s="51">
        <v>0</v>
      </c>
      <c r="AM7" s="402">
        <v>0</v>
      </c>
      <c r="AN7" s="50">
        <v>0</v>
      </c>
      <c r="AO7" s="50">
        <v>0</v>
      </c>
      <c r="AP7" s="50">
        <v>0</v>
      </c>
      <c r="AQ7" s="50">
        <v>0</v>
      </c>
      <c r="AR7" s="50">
        <v>0</v>
      </c>
      <c r="AS7" s="53">
        <v>0</v>
      </c>
      <c r="AT7" s="54">
        <v>0</v>
      </c>
      <c r="AU7" s="49">
        <v>0</v>
      </c>
      <c r="AV7" s="50">
        <v>0</v>
      </c>
      <c r="AW7" s="51">
        <v>0</v>
      </c>
      <c r="AX7" s="402">
        <v>0</v>
      </c>
      <c r="AY7" s="50">
        <v>210930</v>
      </c>
      <c r="AZ7" s="50">
        <v>174135</v>
      </c>
      <c r="BA7" s="50">
        <v>234810</v>
      </c>
      <c r="BB7" s="50">
        <v>2165310</v>
      </c>
      <c r="BC7" s="50">
        <v>2691435</v>
      </c>
      <c r="BD7" s="53">
        <v>5476620</v>
      </c>
      <c r="BE7" s="54">
        <v>5476620</v>
      </c>
      <c r="BF7" s="49">
        <v>0</v>
      </c>
      <c r="BG7" s="50">
        <v>0</v>
      </c>
      <c r="BH7" s="51">
        <v>0</v>
      </c>
      <c r="BI7" s="402">
        <v>0</v>
      </c>
      <c r="BJ7" s="50">
        <v>70680</v>
      </c>
      <c r="BK7" s="50">
        <v>239145</v>
      </c>
      <c r="BL7" s="50">
        <v>1472070</v>
      </c>
      <c r="BM7" s="50">
        <v>1782095</v>
      </c>
      <c r="BN7" s="50">
        <v>1053035</v>
      </c>
      <c r="BO7" s="53">
        <v>4617025</v>
      </c>
      <c r="BP7" s="54">
        <v>4617025</v>
      </c>
      <c r="BQ7" s="49">
        <v>22980</v>
      </c>
      <c r="BR7" s="50">
        <v>97945</v>
      </c>
      <c r="BS7" s="51">
        <v>120925</v>
      </c>
      <c r="BT7" s="52">
        <v>0</v>
      </c>
      <c r="BU7" s="50">
        <v>1571770</v>
      </c>
      <c r="BV7" s="50">
        <v>3663450</v>
      </c>
      <c r="BW7" s="50">
        <v>7170638</v>
      </c>
      <c r="BX7" s="50">
        <v>5520565</v>
      </c>
      <c r="BY7" s="50">
        <v>3133937</v>
      </c>
      <c r="BZ7" s="53">
        <v>21060360</v>
      </c>
      <c r="CA7" s="54">
        <v>21181285</v>
      </c>
      <c r="CB7" s="49">
        <v>8015</v>
      </c>
      <c r="CC7" s="50">
        <v>2030</v>
      </c>
      <c r="CD7" s="51">
        <v>10045</v>
      </c>
      <c r="CE7" s="52">
        <v>0</v>
      </c>
      <c r="CF7" s="50">
        <v>66897</v>
      </c>
      <c r="CG7" s="50">
        <v>224391</v>
      </c>
      <c r="CH7" s="50">
        <v>272592</v>
      </c>
      <c r="CI7" s="50">
        <v>291186</v>
      </c>
      <c r="CJ7" s="50">
        <v>193331</v>
      </c>
      <c r="CK7" s="53">
        <v>1048397</v>
      </c>
      <c r="CL7" s="54">
        <v>1058442</v>
      </c>
      <c r="CM7" s="49">
        <v>0</v>
      </c>
      <c r="CN7" s="50">
        <v>0</v>
      </c>
      <c r="CO7" s="51">
        <v>0</v>
      </c>
      <c r="CP7" s="52">
        <v>0</v>
      </c>
      <c r="CQ7" s="50">
        <v>0</v>
      </c>
      <c r="CR7" s="50">
        <v>0</v>
      </c>
      <c r="CS7" s="50">
        <v>0</v>
      </c>
      <c r="CT7" s="50">
        <v>0</v>
      </c>
      <c r="CU7" s="50">
        <v>0</v>
      </c>
      <c r="CV7" s="53">
        <v>0</v>
      </c>
      <c r="CW7" s="54">
        <v>0</v>
      </c>
      <c r="CX7" s="49">
        <v>0</v>
      </c>
      <c r="CY7" s="50">
        <v>0</v>
      </c>
      <c r="CZ7" s="51">
        <v>0</v>
      </c>
      <c r="DA7" s="402">
        <v>0</v>
      </c>
      <c r="DB7" s="50">
        <v>0</v>
      </c>
      <c r="DC7" s="50">
        <v>0</v>
      </c>
      <c r="DD7" s="50">
        <v>0</v>
      </c>
      <c r="DE7" s="50">
        <v>0</v>
      </c>
      <c r="DF7" s="50">
        <v>0</v>
      </c>
      <c r="DG7" s="53">
        <v>0</v>
      </c>
      <c r="DH7" s="54">
        <v>0</v>
      </c>
      <c r="DI7" s="49">
        <v>45146</v>
      </c>
      <c r="DJ7" s="50">
        <v>188264</v>
      </c>
      <c r="DK7" s="51">
        <v>233410</v>
      </c>
      <c r="DL7" s="52">
        <v>0</v>
      </c>
      <c r="DM7" s="50">
        <v>10710351</v>
      </c>
      <c r="DN7" s="50">
        <v>31912983</v>
      </c>
      <c r="DO7" s="50">
        <v>124506167</v>
      </c>
      <c r="DP7" s="50">
        <v>159525868</v>
      </c>
      <c r="DQ7" s="50">
        <v>94546673</v>
      </c>
      <c r="DR7" s="53">
        <v>421202042</v>
      </c>
      <c r="DS7" s="55">
        <v>421435452</v>
      </c>
      <c r="DT7" s="49">
        <v>0</v>
      </c>
      <c r="DU7" s="50">
        <v>0</v>
      </c>
      <c r="DV7" s="51">
        <v>0</v>
      </c>
      <c r="DW7" s="402">
        <v>0</v>
      </c>
      <c r="DX7" s="50">
        <v>5438067</v>
      </c>
      <c r="DY7" s="50">
        <v>20163566</v>
      </c>
      <c r="DZ7" s="50">
        <v>103645462</v>
      </c>
      <c r="EA7" s="50">
        <v>139490783</v>
      </c>
      <c r="EB7" s="50">
        <v>83347375</v>
      </c>
      <c r="EC7" s="53">
        <v>352085253</v>
      </c>
      <c r="ED7" s="54">
        <v>352085253</v>
      </c>
      <c r="EE7" s="49">
        <v>0</v>
      </c>
      <c r="EF7" s="50">
        <v>0</v>
      </c>
      <c r="EG7" s="51">
        <v>0</v>
      </c>
      <c r="EH7" s="402">
        <v>0</v>
      </c>
      <c r="EI7" s="50">
        <v>2464026</v>
      </c>
      <c r="EJ7" s="50">
        <v>5040709</v>
      </c>
      <c r="EK7" s="50">
        <v>6461173</v>
      </c>
      <c r="EL7" s="50">
        <v>6808086</v>
      </c>
      <c r="EM7" s="50">
        <v>3482104</v>
      </c>
      <c r="EN7" s="53">
        <v>24256098</v>
      </c>
      <c r="EO7" s="54">
        <v>24256098</v>
      </c>
      <c r="EP7" s="49">
        <v>0</v>
      </c>
      <c r="EQ7" s="50">
        <v>0</v>
      </c>
      <c r="ER7" s="51">
        <v>0</v>
      </c>
      <c r="ES7" s="402">
        <v>0</v>
      </c>
      <c r="ET7" s="50">
        <v>0</v>
      </c>
      <c r="EU7" s="50">
        <v>0</v>
      </c>
      <c r="EV7" s="50">
        <v>0</v>
      </c>
      <c r="EW7" s="50">
        <v>0</v>
      </c>
      <c r="EX7" s="50">
        <v>0</v>
      </c>
      <c r="EY7" s="53">
        <v>0</v>
      </c>
      <c r="EZ7" s="54">
        <v>0</v>
      </c>
      <c r="FA7" s="49">
        <v>0</v>
      </c>
      <c r="FB7" s="50">
        <v>0</v>
      </c>
      <c r="FC7" s="51">
        <v>0</v>
      </c>
      <c r="FD7" s="402">
        <v>0</v>
      </c>
      <c r="FE7" s="50">
        <v>42725</v>
      </c>
      <c r="FF7" s="50">
        <v>30929</v>
      </c>
      <c r="FG7" s="50">
        <v>42187</v>
      </c>
      <c r="FH7" s="50">
        <v>361329</v>
      </c>
      <c r="FI7" s="50">
        <v>627506</v>
      </c>
      <c r="FJ7" s="53">
        <v>1104676</v>
      </c>
      <c r="FK7" s="54">
        <v>1104676</v>
      </c>
      <c r="FL7" s="49">
        <v>0</v>
      </c>
      <c r="FM7" s="50">
        <v>0</v>
      </c>
      <c r="FN7" s="51">
        <v>0</v>
      </c>
      <c r="FO7" s="402">
        <v>0</v>
      </c>
      <c r="FP7" s="50">
        <v>116684</v>
      </c>
      <c r="FQ7" s="50">
        <v>339233</v>
      </c>
      <c r="FR7" s="50">
        <v>2488943</v>
      </c>
      <c r="FS7" s="50">
        <v>3108925</v>
      </c>
      <c r="FT7" s="50">
        <v>1759084</v>
      </c>
      <c r="FU7" s="53">
        <v>7812869</v>
      </c>
      <c r="FV7" s="54">
        <v>7812869</v>
      </c>
      <c r="FW7" s="49">
        <v>42087</v>
      </c>
      <c r="FX7" s="50">
        <v>188159</v>
      </c>
      <c r="FY7" s="51">
        <v>230246</v>
      </c>
      <c r="FZ7" s="52">
        <v>0</v>
      </c>
      <c r="GA7" s="50">
        <v>2585595</v>
      </c>
      <c r="GB7" s="50">
        <v>6196084</v>
      </c>
      <c r="GC7" s="50">
        <v>11701018</v>
      </c>
      <c r="GD7" s="50">
        <v>9615846</v>
      </c>
      <c r="GE7" s="50">
        <v>5183751</v>
      </c>
      <c r="GF7" s="53">
        <v>35282294</v>
      </c>
      <c r="GG7" s="54">
        <v>35512540</v>
      </c>
      <c r="GH7" s="49">
        <v>3059</v>
      </c>
      <c r="GI7" s="50">
        <v>105</v>
      </c>
      <c r="GJ7" s="51">
        <v>3164</v>
      </c>
      <c r="GK7" s="52">
        <v>0</v>
      </c>
      <c r="GL7" s="50">
        <v>63254</v>
      </c>
      <c r="GM7" s="50">
        <v>142462</v>
      </c>
      <c r="GN7" s="50">
        <v>167384</v>
      </c>
      <c r="GO7" s="50">
        <v>140899</v>
      </c>
      <c r="GP7" s="50">
        <v>146853</v>
      </c>
      <c r="GQ7" s="53">
        <v>660852</v>
      </c>
      <c r="GR7" s="54">
        <v>664016</v>
      </c>
      <c r="GS7" s="49">
        <v>0</v>
      </c>
      <c r="GT7" s="50">
        <v>0</v>
      </c>
      <c r="GU7" s="51">
        <v>0</v>
      </c>
      <c r="GV7" s="52">
        <v>0</v>
      </c>
      <c r="GW7" s="50">
        <v>0</v>
      </c>
      <c r="GX7" s="50">
        <v>0</v>
      </c>
      <c r="GY7" s="50">
        <v>0</v>
      </c>
      <c r="GZ7" s="50">
        <v>0</v>
      </c>
      <c r="HA7" s="50">
        <v>0</v>
      </c>
      <c r="HB7" s="53">
        <v>0</v>
      </c>
      <c r="HC7" s="54">
        <v>0</v>
      </c>
      <c r="HD7" s="49">
        <v>0</v>
      </c>
      <c r="HE7" s="50">
        <v>0</v>
      </c>
      <c r="HF7" s="51">
        <v>0</v>
      </c>
      <c r="HG7" s="402">
        <v>0</v>
      </c>
      <c r="HH7" s="50">
        <v>0</v>
      </c>
      <c r="HI7" s="50">
        <v>0</v>
      </c>
      <c r="HJ7" s="50">
        <v>0</v>
      </c>
      <c r="HK7" s="50">
        <v>0</v>
      </c>
      <c r="HL7" s="50">
        <v>0</v>
      </c>
      <c r="HM7" s="53">
        <v>0</v>
      </c>
      <c r="HN7" s="54">
        <v>0</v>
      </c>
      <c r="HO7" s="49">
        <v>76141</v>
      </c>
      <c r="HP7" s="50">
        <v>288239</v>
      </c>
      <c r="HQ7" s="51">
        <v>364380</v>
      </c>
      <c r="HR7" s="52">
        <v>0</v>
      </c>
      <c r="HS7" s="50">
        <v>26649187</v>
      </c>
      <c r="HT7" s="50">
        <v>68976740</v>
      </c>
      <c r="HU7" s="50">
        <v>232742479</v>
      </c>
      <c r="HV7" s="50">
        <v>304608038</v>
      </c>
      <c r="HW7" s="50">
        <v>180435940</v>
      </c>
      <c r="HX7" s="53">
        <v>813412384</v>
      </c>
      <c r="HY7" s="54">
        <v>813776764</v>
      </c>
    </row>
    <row r="8" spans="2:233" s="294" customFormat="1" ht="21" customHeight="1" x14ac:dyDescent="0.2">
      <c r="B8" s="95" t="s">
        <v>5</v>
      </c>
      <c r="C8" s="56">
        <v>2175</v>
      </c>
      <c r="D8" s="57">
        <v>54672</v>
      </c>
      <c r="E8" s="58">
        <v>56847</v>
      </c>
      <c r="F8" s="59">
        <v>0</v>
      </c>
      <c r="G8" s="57">
        <v>5806521</v>
      </c>
      <c r="H8" s="57">
        <v>19633630</v>
      </c>
      <c r="I8" s="57">
        <v>47773382</v>
      </c>
      <c r="J8" s="57">
        <v>60864279</v>
      </c>
      <c r="K8" s="57">
        <v>37047154</v>
      </c>
      <c r="L8" s="60">
        <v>171124966</v>
      </c>
      <c r="M8" s="61">
        <v>171181813</v>
      </c>
      <c r="N8" s="56">
        <v>0</v>
      </c>
      <c r="O8" s="57">
        <v>0</v>
      </c>
      <c r="P8" s="58">
        <v>0</v>
      </c>
      <c r="Q8" s="403">
        <v>0</v>
      </c>
      <c r="R8" s="57">
        <v>2022031</v>
      </c>
      <c r="S8" s="57">
        <v>9526425</v>
      </c>
      <c r="T8" s="57">
        <v>33237123</v>
      </c>
      <c r="U8" s="57">
        <v>45529455</v>
      </c>
      <c r="V8" s="57">
        <v>28378092</v>
      </c>
      <c r="W8" s="60">
        <v>118693126</v>
      </c>
      <c r="X8" s="61">
        <v>118693126</v>
      </c>
      <c r="Y8" s="56">
        <v>0</v>
      </c>
      <c r="Z8" s="57">
        <v>0</v>
      </c>
      <c r="AA8" s="58">
        <v>0</v>
      </c>
      <c r="AB8" s="403">
        <v>0</v>
      </c>
      <c r="AC8" s="57">
        <v>3289230</v>
      </c>
      <c r="AD8" s="57">
        <v>8308646</v>
      </c>
      <c r="AE8" s="57">
        <v>11190872</v>
      </c>
      <c r="AF8" s="57">
        <v>12669899</v>
      </c>
      <c r="AG8" s="57">
        <v>6708950</v>
      </c>
      <c r="AH8" s="60">
        <v>42167597</v>
      </c>
      <c r="AI8" s="61">
        <v>42167597</v>
      </c>
      <c r="AJ8" s="56">
        <v>0</v>
      </c>
      <c r="AK8" s="57">
        <v>0</v>
      </c>
      <c r="AL8" s="58">
        <v>0</v>
      </c>
      <c r="AM8" s="403">
        <v>0</v>
      </c>
      <c r="AN8" s="57">
        <v>0</v>
      </c>
      <c r="AO8" s="57">
        <v>0</v>
      </c>
      <c r="AP8" s="57">
        <v>0</v>
      </c>
      <c r="AQ8" s="57">
        <v>0</v>
      </c>
      <c r="AR8" s="57">
        <v>0</v>
      </c>
      <c r="AS8" s="60">
        <v>0</v>
      </c>
      <c r="AT8" s="61">
        <v>0</v>
      </c>
      <c r="AU8" s="56">
        <v>0</v>
      </c>
      <c r="AV8" s="57">
        <v>0</v>
      </c>
      <c r="AW8" s="58">
        <v>0</v>
      </c>
      <c r="AX8" s="403">
        <v>0</v>
      </c>
      <c r="AY8" s="57">
        <v>24645</v>
      </c>
      <c r="AZ8" s="57">
        <v>0</v>
      </c>
      <c r="BA8" s="57">
        <v>32550</v>
      </c>
      <c r="BB8" s="57">
        <v>449815</v>
      </c>
      <c r="BC8" s="57">
        <v>430900</v>
      </c>
      <c r="BD8" s="60">
        <v>937910</v>
      </c>
      <c r="BE8" s="61">
        <v>937910</v>
      </c>
      <c r="BF8" s="56">
        <v>0</v>
      </c>
      <c r="BG8" s="57">
        <v>0</v>
      </c>
      <c r="BH8" s="58">
        <v>0</v>
      </c>
      <c r="BI8" s="403">
        <v>0</v>
      </c>
      <c r="BJ8" s="57">
        <v>35340</v>
      </c>
      <c r="BK8" s="57">
        <v>138550</v>
      </c>
      <c r="BL8" s="57">
        <v>216195</v>
      </c>
      <c r="BM8" s="57">
        <v>141050</v>
      </c>
      <c r="BN8" s="57">
        <v>191165</v>
      </c>
      <c r="BO8" s="60">
        <v>722300</v>
      </c>
      <c r="BP8" s="61">
        <v>722300</v>
      </c>
      <c r="BQ8" s="56">
        <v>2175</v>
      </c>
      <c r="BR8" s="57">
        <v>53512</v>
      </c>
      <c r="BS8" s="58">
        <v>55687</v>
      </c>
      <c r="BT8" s="59">
        <v>0</v>
      </c>
      <c r="BU8" s="57">
        <v>412152</v>
      </c>
      <c r="BV8" s="57">
        <v>1519195</v>
      </c>
      <c r="BW8" s="57">
        <v>2941729</v>
      </c>
      <c r="BX8" s="57">
        <v>1935326</v>
      </c>
      <c r="BY8" s="57">
        <v>1229664</v>
      </c>
      <c r="BZ8" s="60">
        <v>8038066</v>
      </c>
      <c r="CA8" s="61">
        <v>8093753</v>
      </c>
      <c r="CB8" s="56">
        <v>0</v>
      </c>
      <c r="CC8" s="57">
        <v>1160</v>
      </c>
      <c r="CD8" s="58">
        <v>1160</v>
      </c>
      <c r="CE8" s="59">
        <v>0</v>
      </c>
      <c r="CF8" s="57">
        <v>23123</v>
      </c>
      <c r="CG8" s="57">
        <v>140814</v>
      </c>
      <c r="CH8" s="57">
        <v>154913</v>
      </c>
      <c r="CI8" s="57">
        <v>138734</v>
      </c>
      <c r="CJ8" s="57">
        <v>108383</v>
      </c>
      <c r="CK8" s="60">
        <v>565967</v>
      </c>
      <c r="CL8" s="61">
        <v>567127</v>
      </c>
      <c r="CM8" s="56">
        <v>0</v>
      </c>
      <c r="CN8" s="57">
        <v>0</v>
      </c>
      <c r="CO8" s="58">
        <v>0</v>
      </c>
      <c r="CP8" s="59">
        <v>0</v>
      </c>
      <c r="CQ8" s="57">
        <v>0</v>
      </c>
      <c r="CR8" s="57">
        <v>0</v>
      </c>
      <c r="CS8" s="57">
        <v>0</v>
      </c>
      <c r="CT8" s="57">
        <v>0</v>
      </c>
      <c r="CU8" s="57">
        <v>0</v>
      </c>
      <c r="CV8" s="60">
        <v>0</v>
      </c>
      <c r="CW8" s="61">
        <v>0</v>
      </c>
      <c r="CX8" s="56">
        <v>0</v>
      </c>
      <c r="CY8" s="57">
        <v>0</v>
      </c>
      <c r="CZ8" s="58">
        <v>0</v>
      </c>
      <c r="DA8" s="403">
        <v>0</v>
      </c>
      <c r="DB8" s="57">
        <v>0</v>
      </c>
      <c r="DC8" s="57">
        <v>0</v>
      </c>
      <c r="DD8" s="57">
        <v>0</v>
      </c>
      <c r="DE8" s="57">
        <v>0</v>
      </c>
      <c r="DF8" s="57">
        <v>0</v>
      </c>
      <c r="DG8" s="60">
        <v>0</v>
      </c>
      <c r="DH8" s="61">
        <v>0</v>
      </c>
      <c r="DI8" s="56">
        <v>14616</v>
      </c>
      <c r="DJ8" s="57">
        <v>91275</v>
      </c>
      <c r="DK8" s="58">
        <v>105891</v>
      </c>
      <c r="DL8" s="59">
        <v>0</v>
      </c>
      <c r="DM8" s="57">
        <v>5254733</v>
      </c>
      <c r="DN8" s="57">
        <v>19922594</v>
      </c>
      <c r="DO8" s="57">
        <v>57024737</v>
      </c>
      <c r="DP8" s="57">
        <v>67996130</v>
      </c>
      <c r="DQ8" s="57">
        <v>41228243</v>
      </c>
      <c r="DR8" s="60">
        <v>191426437</v>
      </c>
      <c r="DS8" s="62">
        <v>191532328</v>
      </c>
      <c r="DT8" s="56">
        <v>0</v>
      </c>
      <c r="DU8" s="57">
        <v>0</v>
      </c>
      <c r="DV8" s="58">
        <v>0</v>
      </c>
      <c r="DW8" s="403">
        <v>0</v>
      </c>
      <c r="DX8" s="57">
        <v>3217308</v>
      </c>
      <c r="DY8" s="57">
        <v>14093711</v>
      </c>
      <c r="DZ8" s="57">
        <v>47872053</v>
      </c>
      <c r="EA8" s="57">
        <v>60064512</v>
      </c>
      <c r="EB8" s="57">
        <v>36419207</v>
      </c>
      <c r="EC8" s="60">
        <v>161666791</v>
      </c>
      <c r="ED8" s="61">
        <v>161666791</v>
      </c>
      <c r="EE8" s="56">
        <v>0</v>
      </c>
      <c r="EF8" s="57">
        <v>0</v>
      </c>
      <c r="EG8" s="58">
        <v>0</v>
      </c>
      <c r="EH8" s="403">
        <v>0</v>
      </c>
      <c r="EI8" s="57">
        <v>1167634</v>
      </c>
      <c r="EJ8" s="57">
        <v>3070344</v>
      </c>
      <c r="EK8" s="57">
        <v>3709541</v>
      </c>
      <c r="EL8" s="57">
        <v>3855311</v>
      </c>
      <c r="EM8" s="57">
        <v>2204158</v>
      </c>
      <c r="EN8" s="60">
        <v>14006988</v>
      </c>
      <c r="EO8" s="61">
        <v>14006988</v>
      </c>
      <c r="EP8" s="56">
        <v>0</v>
      </c>
      <c r="EQ8" s="57">
        <v>0</v>
      </c>
      <c r="ER8" s="58">
        <v>0</v>
      </c>
      <c r="ES8" s="403">
        <v>0</v>
      </c>
      <c r="ET8" s="57">
        <v>0</v>
      </c>
      <c r="EU8" s="57">
        <v>0</v>
      </c>
      <c r="EV8" s="57">
        <v>0</v>
      </c>
      <c r="EW8" s="57">
        <v>0</v>
      </c>
      <c r="EX8" s="57">
        <v>0</v>
      </c>
      <c r="EY8" s="60">
        <v>0</v>
      </c>
      <c r="EZ8" s="61">
        <v>0</v>
      </c>
      <c r="FA8" s="56">
        <v>0</v>
      </c>
      <c r="FB8" s="57">
        <v>0</v>
      </c>
      <c r="FC8" s="58">
        <v>0</v>
      </c>
      <c r="FD8" s="403">
        <v>0</v>
      </c>
      <c r="FE8" s="57">
        <v>217</v>
      </c>
      <c r="FF8" s="57">
        <v>0</v>
      </c>
      <c r="FG8" s="57">
        <v>12486</v>
      </c>
      <c r="FH8" s="57">
        <v>81534</v>
      </c>
      <c r="FI8" s="57">
        <v>210645</v>
      </c>
      <c r="FJ8" s="60">
        <v>304882</v>
      </c>
      <c r="FK8" s="61">
        <v>304882</v>
      </c>
      <c r="FL8" s="56">
        <v>0</v>
      </c>
      <c r="FM8" s="57">
        <v>0</v>
      </c>
      <c r="FN8" s="58">
        <v>0</v>
      </c>
      <c r="FO8" s="403">
        <v>0</v>
      </c>
      <c r="FP8" s="57">
        <v>58342</v>
      </c>
      <c r="FQ8" s="57">
        <v>138260</v>
      </c>
      <c r="FR8" s="57">
        <v>325786</v>
      </c>
      <c r="FS8" s="57">
        <v>369210</v>
      </c>
      <c r="FT8" s="57">
        <v>310624</v>
      </c>
      <c r="FU8" s="60">
        <v>1202222</v>
      </c>
      <c r="FV8" s="61">
        <v>1202222</v>
      </c>
      <c r="FW8" s="56">
        <v>14616</v>
      </c>
      <c r="FX8" s="57">
        <v>91212</v>
      </c>
      <c r="FY8" s="58">
        <v>105828</v>
      </c>
      <c r="FZ8" s="59">
        <v>0</v>
      </c>
      <c r="GA8" s="57">
        <v>779489</v>
      </c>
      <c r="GB8" s="57">
        <v>2545576</v>
      </c>
      <c r="GC8" s="57">
        <v>5018760</v>
      </c>
      <c r="GD8" s="57">
        <v>3556487</v>
      </c>
      <c r="GE8" s="57">
        <v>2010449</v>
      </c>
      <c r="GF8" s="60">
        <v>13910761</v>
      </c>
      <c r="GG8" s="61">
        <v>14016589</v>
      </c>
      <c r="GH8" s="56">
        <v>0</v>
      </c>
      <c r="GI8" s="57">
        <v>63</v>
      </c>
      <c r="GJ8" s="58">
        <v>63</v>
      </c>
      <c r="GK8" s="59">
        <v>0</v>
      </c>
      <c r="GL8" s="57">
        <v>31743</v>
      </c>
      <c r="GM8" s="57">
        <v>74703</v>
      </c>
      <c r="GN8" s="57">
        <v>86111</v>
      </c>
      <c r="GO8" s="57">
        <v>69076</v>
      </c>
      <c r="GP8" s="57">
        <v>73160</v>
      </c>
      <c r="GQ8" s="60">
        <v>334793</v>
      </c>
      <c r="GR8" s="61">
        <v>334856</v>
      </c>
      <c r="GS8" s="56">
        <v>0</v>
      </c>
      <c r="GT8" s="57">
        <v>0</v>
      </c>
      <c r="GU8" s="58">
        <v>0</v>
      </c>
      <c r="GV8" s="59">
        <v>0</v>
      </c>
      <c r="GW8" s="57">
        <v>0</v>
      </c>
      <c r="GX8" s="57">
        <v>0</v>
      </c>
      <c r="GY8" s="57">
        <v>0</v>
      </c>
      <c r="GZ8" s="57">
        <v>0</v>
      </c>
      <c r="HA8" s="57">
        <v>0</v>
      </c>
      <c r="HB8" s="60">
        <v>0</v>
      </c>
      <c r="HC8" s="61">
        <v>0</v>
      </c>
      <c r="HD8" s="56">
        <v>0</v>
      </c>
      <c r="HE8" s="57">
        <v>0</v>
      </c>
      <c r="HF8" s="58">
        <v>0</v>
      </c>
      <c r="HG8" s="403">
        <v>0</v>
      </c>
      <c r="HH8" s="57">
        <v>0</v>
      </c>
      <c r="HI8" s="57">
        <v>0</v>
      </c>
      <c r="HJ8" s="57">
        <v>0</v>
      </c>
      <c r="HK8" s="57">
        <v>0</v>
      </c>
      <c r="HL8" s="57">
        <v>0</v>
      </c>
      <c r="HM8" s="60">
        <v>0</v>
      </c>
      <c r="HN8" s="61">
        <v>0</v>
      </c>
      <c r="HO8" s="56">
        <v>16791</v>
      </c>
      <c r="HP8" s="57">
        <v>145947</v>
      </c>
      <c r="HQ8" s="58">
        <v>162738</v>
      </c>
      <c r="HR8" s="59">
        <v>0</v>
      </c>
      <c r="HS8" s="57">
        <v>11061254</v>
      </c>
      <c r="HT8" s="57">
        <v>39556224</v>
      </c>
      <c r="HU8" s="57">
        <v>104798119</v>
      </c>
      <c r="HV8" s="57">
        <v>128860409</v>
      </c>
      <c r="HW8" s="57">
        <v>78275397</v>
      </c>
      <c r="HX8" s="60">
        <v>362551403</v>
      </c>
      <c r="HY8" s="61">
        <v>362714141</v>
      </c>
    </row>
    <row r="9" spans="2:233" ht="21" customHeight="1" x14ac:dyDescent="0.2">
      <c r="B9" s="106" t="s">
        <v>6</v>
      </c>
      <c r="C9" s="24">
        <v>8015</v>
      </c>
      <c r="D9" s="25">
        <v>6907</v>
      </c>
      <c r="E9" s="26">
        <v>14922</v>
      </c>
      <c r="F9" s="27">
        <v>0</v>
      </c>
      <c r="G9" s="25">
        <v>2791992</v>
      </c>
      <c r="H9" s="25">
        <v>4235913</v>
      </c>
      <c r="I9" s="25">
        <v>14436844</v>
      </c>
      <c r="J9" s="25">
        <v>20130227</v>
      </c>
      <c r="K9" s="25">
        <v>12058844</v>
      </c>
      <c r="L9" s="28">
        <v>53653820</v>
      </c>
      <c r="M9" s="29">
        <v>53668742</v>
      </c>
      <c r="N9" s="24">
        <v>0</v>
      </c>
      <c r="O9" s="25">
        <v>0</v>
      </c>
      <c r="P9" s="26">
        <v>0</v>
      </c>
      <c r="Q9" s="404">
        <v>0</v>
      </c>
      <c r="R9" s="25">
        <v>926120</v>
      </c>
      <c r="S9" s="25">
        <v>1654485</v>
      </c>
      <c r="T9" s="25">
        <v>9893415</v>
      </c>
      <c r="U9" s="25">
        <v>15035677</v>
      </c>
      <c r="V9" s="25">
        <v>9024412</v>
      </c>
      <c r="W9" s="28">
        <v>36534109</v>
      </c>
      <c r="X9" s="29">
        <v>36534109</v>
      </c>
      <c r="Y9" s="24">
        <v>0</v>
      </c>
      <c r="Z9" s="25">
        <v>0</v>
      </c>
      <c r="AA9" s="26">
        <v>0</v>
      </c>
      <c r="AB9" s="404">
        <v>0</v>
      </c>
      <c r="AC9" s="25">
        <v>1550387</v>
      </c>
      <c r="AD9" s="25">
        <v>1909295</v>
      </c>
      <c r="AE9" s="25">
        <v>3104400</v>
      </c>
      <c r="AF9" s="25">
        <v>3611080</v>
      </c>
      <c r="AG9" s="25">
        <v>2093670</v>
      </c>
      <c r="AH9" s="28">
        <v>12268832</v>
      </c>
      <c r="AI9" s="29">
        <v>12268832</v>
      </c>
      <c r="AJ9" s="24">
        <v>0</v>
      </c>
      <c r="AK9" s="25">
        <v>0</v>
      </c>
      <c r="AL9" s="26">
        <v>0</v>
      </c>
      <c r="AM9" s="404">
        <v>0</v>
      </c>
      <c r="AN9" s="25">
        <v>0</v>
      </c>
      <c r="AO9" s="25">
        <v>0</v>
      </c>
      <c r="AP9" s="25">
        <v>0</v>
      </c>
      <c r="AQ9" s="25">
        <v>0</v>
      </c>
      <c r="AR9" s="25">
        <v>0</v>
      </c>
      <c r="AS9" s="28">
        <v>0</v>
      </c>
      <c r="AT9" s="29">
        <v>0</v>
      </c>
      <c r="AU9" s="24">
        <v>0</v>
      </c>
      <c r="AV9" s="25">
        <v>0</v>
      </c>
      <c r="AW9" s="26">
        <v>0</v>
      </c>
      <c r="AX9" s="404">
        <v>0</v>
      </c>
      <c r="AY9" s="25">
        <v>0</v>
      </c>
      <c r="AZ9" s="25">
        <v>0</v>
      </c>
      <c r="BA9" s="25">
        <v>0</v>
      </c>
      <c r="BB9" s="25">
        <v>239725</v>
      </c>
      <c r="BC9" s="25">
        <v>252345</v>
      </c>
      <c r="BD9" s="28">
        <v>492070</v>
      </c>
      <c r="BE9" s="29">
        <v>492070</v>
      </c>
      <c r="BF9" s="24">
        <v>0</v>
      </c>
      <c r="BG9" s="25">
        <v>0</v>
      </c>
      <c r="BH9" s="26">
        <v>0</v>
      </c>
      <c r="BI9" s="404">
        <v>0</v>
      </c>
      <c r="BJ9" s="25">
        <v>35340</v>
      </c>
      <c r="BK9" s="25">
        <v>70680</v>
      </c>
      <c r="BL9" s="25">
        <v>449345</v>
      </c>
      <c r="BM9" s="25">
        <v>464615</v>
      </c>
      <c r="BN9" s="25">
        <v>247750</v>
      </c>
      <c r="BO9" s="28">
        <v>1267730</v>
      </c>
      <c r="BP9" s="29">
        <v>1267730</v>
      </c>
      <c r="BQ9" s="24">
        <v>0</v>
      </c>
      <c r="BR9" s="25">
        <v>6907</v>
      </c>
      <c r="BS9" s="26">
        <v>6907</v>
      </c>
      <c r="BT9" s="27">
        <v>0</v>
      </c>
      <c r="BU9" s="25">
        <v>269172</v>
      </c>
      <c r="BV9" s="25">
        <v>538422</v>
      </c>
      <c r="BW9" s="25">
        <v>944224</v>
      </c>
      <c r="BX9" s="25">
        <v>721233</v>
      </c>
      <c r="BY9" s="25">
        <v>405373</v>
      </c>
      <c r="BZ9" s="28">
        <v>2878424</v>
      </c>
      <c r="CA9" s="29">
        <v>2885331</v>
      </c>
      <c r="CB9" s="24">
        <v>8015</v>
      </c>
      <c r="CC9" s="25">
        <v>0</v>
      </c>
      <c r="CD9" s="26">
        <v>8015</v>
      </c>
      <c r="CE9" s="27">
        <v>0</v>
      </c>
      <c r="CF9" s="25">
        <v>10973</v>
      </c>
      <c r="CG9" s="25">
        <v>63031</v>
      </c>
      <c r="CH9" s="25">
        <v>45460</v>
      </c>
      <c r="CI9" s="25">
        <v>57897</v>
      </c>
      <c r="CJ9" s="25">
        <v>35294</v>
      </c>
      <c r="CK9" s="28">
        <v>212655</v>
      </c>
      <c r="CL9" s="29">
        <v>220670</v>
      </c>
      <c r="CM9" s="24">
        <v>0</v>
      </c>
      <c r="CN9" s="25">
        <v>0</v>
      </c>
      <c r="CO9" s="26">
        <v>0</v>
      </c>
      <c r="CP9" s="27">
        <v>0</v>
      </c>
      <c r="CQ9" s="25">
        <v>0</v>
      </c>
      <c r="CR9" s="25">
        <v>0</v>
      </c>
      <c r="CS9" s="25">
        <v>0</v>
      </c>
      <c r="CT9" s="25">
        <v>0</v>
      </c>
      <c r="CU9" s="25">
        <v>0</v>
      </c>
      <c r="CV9" s="28">
        <v>0</v>
      </c>
      <c r="CW9" s="29">
        <v>0</v>
      </c>
      <c r="CX9" s="24">
        <v>0</v>
      </c>
      <c r="CY9" s="25">
        <v>0</v>
      </c>
      <c r="CZ9" s="26">
        <v>0</v>
      </c>
      <c r="DA9" s="404">
        <v>0</v>
      </c>
      <c r="DB9" s="25">
        <v>0</v>
      </c>
      <c r="DC9" s="25">
        <v>0</v>
      </c>
      <c r="DD9" s="25">
        <v>0</v>
      </c>
      <c r="DE9" s="25">
        <v>0</v>
      </c>
      <c r="DF9" s="25">
        <v>0</v>
      </c>
      <c r="DG9" s="28">
        <v>0</v>
      </c>
      <c r="DH9" s="29">
        <v>0</v>
      </c>
      <c r="DI9" s="24">
        <v>3059</v>
      </c>
      <c r="DJ9" s="25">
        <v>6687</v>
      </c>
      <c r="DK9" s="26">
        <v>9746</v>
      </c>
      <c r="DL9" s="27">
        <v>0</v>
      </c>
      <c r="DM9" s="25">
        <v>1655062</v>
      </c>
      <c r="DN9" s="25">
        <v>3483619</v>
      </c>
      <c r="DO9" s="25">
        <v>13126361</v>
      </c>
      <c r="DP9" s="25">
        <v>18712239</v>
      </c>
      <c r="DQ9" s="25">
        <v>11473214</v>
      </c>
      <c r="DR9" s="28">
        <v>48450495</v>
      </c>
      <c r="DS9" s="30">
        <v>48460241</v>
      </c>
      <c r="DT9" s="24">
        <v>0</v>
      </c>
      <c r="DU9" s="25">
        <v>0</v>
      </c>
      <c r="DV9" s="26">
        <v>0</v>
      </c>
      <c r="DW9" s="404">
        <v>0</v>
      </c>
      <c r="DX9" s="25">
        <v>864701</v>
      </c>
      <c r="DY9" s="25">
        <v>1947886</v>
      </c>
      <c r="DZ9" s="25">
        <v>10460046</v>
      </c>
      <c r="EA9" s="25">
        <v>15761147</v>
      </c>
      <c r="EB9" s="25">
        <v>9757327</v>
      </c>
      <c r="EC9" s="28">
        <v>38791107</v>
      </c>
      <c r="ED9" s="29">
        <v>38791107</v>
      </c>
      <c r="EE9" s="24">
        <v>0</v>
      </c>
      <c r="EF9" s="25">
        <v>0</v>
      </c>
      <c r="EG9" s="26">
        <v>0</v>
      </c>
      <c r="EH9" s="404">
        <v>0</v>
      </c>
      <c r="EI9" s="25">
        <v>367731</v>
      </c>
      <c r="EJ9" s="25">
        <v>589443</v>
      </c>
      <c r="EK9" s="25">
        <v>702115</v>
      </c>
      <c r="EL9" s="25">
        <v>929606</v>
      </c>
      <c r="EM9" s="25">
        <v>621888</v>
      </c>
      <c r="EN9" s="28">
        <v>3210783</v>
      </c>
      <c r="EO9" s="29">
        <v>3210783</v>
      </c>
      <c r="EP9" s="24">
        <v>0</v>
      </c>
      <c r="EQ9" s="25">
        <v>0</v>
      </c>
      <c r="ER9" s="26">
        <v>0</v>
      </c>
      <c r="ES9" s="404">
        <v>0</v>
      </c>
      <c r="ET9" s="25">
        <v>0</v>
      </c>
      <c r="EU9" s="25">
        <v>0</v>
      </c>
      <c r="EV9" s="25">
        <v>0</v>
      </c>
      <c r="EW9" s="25">
        <v>0</v>
      </c>
      <c r="EX9" s="25">
        <v>0</v>
      </c>
      <c r="EY9" s="28">
        <v>0</v>
      </c>
      <c r="EZ9" s="29">
        <v>0</v>
      </c>
      <c r="FA9" s="24">
        <v>0</v>
      </c>
      <c r="FB9" s="25">
        <v>0</v>
      </c>
      <c r="FC9" s="26">
        <v>0</v>
      </c>
      <c r="FD9" s="404">
        <v>0</v>
      </c>
      <c r="FE9" s="25">
        <v>0</v>
      </c>
      <c r="FF9" s="25">
        <v>0</v>
      </c>
      <c r="FG9" s="25">
        <v>0</v>
      </c>
      <c r="FH9" s="25">
        <v>70416</v>
      </c>
      <c r="FI9" s="25">
        <v>17996</v>
      </c>
      <c r="FJ9" s="28">
        <v>88412</v>
      </c>
      <c r="FK9" s="29">
        <v>88412</v>
      </c>
      <c r="FL9" s="24">
        <v>0</v>
      </c>
      <c r="FM9" s="25">
        <v>0</v>
      </c>
      <c r="FN9" s="26">
        <v>0</v>
      </c>
      <c r="FO9" s="404">
        <v>0</v>
      </c>
      <c r="FP9" s="25">
        <v>58342</v>
      </c>
      <c r="FQ9" s="25">
        <v>136245</v>
      </c>
      <c r="FR9" s="25">
        <v>689130</v>
      </c>
      <c r="FS9" s="25">
        <v>798125</v>
      </c>
      <c r="FT9" s="25">
        <v>485775</v>
      </c>
      <c r="FU9" s="28">
        <v>2167617</v>
      </c>
      <c r="FV9" s="29">
        <v>2167617</v>
      </c>
      <c r="FW9" s="24">
        <v>0</v>
      </c>
      <c r="FX9" s="25">
        <v>6687</v>
      </c>
      <c r="FY9" s="26">
        <v>6687</v>
      </c>
      <c r="FZ9" s="27">
        <v>0</v>
      </c>
      <c r="GA9" s="25">
        <v>346440</v>
      </c>
      <c r="GB9" s="25">
        <v>759186</v>
      </c>
      <c r="GC9" s="25">
        <v>1234650</v>
      </c>
      <c r="GD9" s="25">
        <v>1100393</v>
      </c>
      <c r="GE9" s="25">
        <v>539439</v>
      </c>
      <c r="GF9" s="28">
        <v>3980108</v>
      </c>
      <c r="GG9" s="29">
        <v>3986795</v>
      </c>
      <c r="GH9" s="24">
        <v>3059</v>
      </c>
      <c r="GI9" s="25">
        <v>0</v>
      </c>
      <c r="GJ9" s="26">
        <v>3059</v>
      </c>
      <c r="GK9" s="27">
        <v>0</v>
      </c>
      <c r="GL9" s="25">
        <v>17848</v>
      </c>
      <c r="GM9" s="25">
        <v>50859</v>
      </c>
      <c r="GN9" s="25">
        <v>40420</v>
      </c>
      <c r="GO9" s="25">
        <v>52552</v>
      </c>
      <c r="GP9" s="25">
        <v>50789</v>
      </c>
      <c r="GQ9" s="28">
        <v>212468</v>
      </c>
      <c r="GR9" s="29">
        <v>215527</v>
      </c>
      <c r="GS9" s="24">
        <v>0</v>
      </c>
      <c r="GT9" s="25">
        <v>0</v>
      </c>
      <c r="GU9" s="26">
        <v>0</v>
      </c>
      <c r="GV9" s="27">
        <v>0</v>
      </c>
      <c r="GW9" s="25">
        <v>0</v>
      </c>
      <c r="GX9" s="25">
        <v>0</v>
      </c>
      <c r="GY9" s="25">
        <v>0</v>
      </c>
      <c r="GZ9" s="25">
        <v>0</v>
      </c>
      <c r="HA9" s="25">
        <v>0</v>
      </c>
      <c r="HB9" s="28">
        <v>0</v>
      </c>
      <c r="HC9" s="29">
        <v>0</v>
      </c>
      <c r="HD9" s="24">
        <v>0</v>
      </c>
      <c r="HE9" s="25">
        <v>0</v>
      </c>
      <c r="HF9" s="26">
        <v>0</v>
      </c>
      <c r="HG9" s="404">
        <v>0</v>
      </c>
      <c r="HH9" s="25">
        <v>0</v>
      </c>
      <c r="HI9" s="25">
        <v>0</v>
      </c>
      <c r="HJ9" s="25">
        <v>0</v>
      </c>
      <c r="HK9" s="25">
        <v>0</v>
      </c>
      <c r="HL9" s="25">
        <v>0</v>
      </c>
      <c r="HM9" s="28">
        <v>0</v>
      </c>
      <c r="HN9" s="29">
        <v>0</v>
      </c>
      <c r="HO9" s="24">
        <v>11074</v>
      </c>
      <c r="HP9" s="25">
        <v>13594</v>
      </c>
      <c r="HQ9" s="26">
        <v>24668</v>
      </c>
      <c r="HR9" s="27">
        <v>0</v>
      </c>
      <c r="HS9" s="25">
        <v>4447054</v>
      </c>
      <c r="HT9" s="25">
        <v>7719532</v>
      </c>
      <c r="HU9" s="25">
        <v>27563205</v>
      </c>
      <c r="HV9" s="25">
        <v>38842466</v>
      </c>
      <c r="HW9" s="25">
        <v>23532058</v>
      </c>
      <c r="HX9" s="28">
        <v>102104315</v>
      </c>
      <c r="HY9" s="29">
        <v>102128983</v>
      </c>
    </row>
    <row r="10" spans="2:233" ht="21" customHeight="1" x14ac:dyDescent="0.2">
      <c r="B10" s="106" t="s">
        <v>14</v>
      </c>
      <c r="C10" s="24">
        <v>5280</v>
      </c>
      <c r="D10" s="25">
        <v>5881</v>
      </c>
      <c r="E10" s="26">
        <v>11161</v>
      </c>
      <c r="F10" s="27">
        <v>0</v>
      </c>
      <c r="G10" s="25">
        <v>566998</v>
      </c>
      <c r="H10" s="25">
        <v>1601620</v>
      </c>
      <c r="I10" s="25">
        <v>7232105</v>
      </c>
      <c r="J10" s="25">
        <v>11959436</v>
      </c>
      <c r="K10" s="25">
        <v>7119369</v>
      </c>
      <c r="L10" s="28">
        <v>28479528</v>
      </c>
      <c r="M10" s="29">
        <v>28490689</v>
      </c>
      <c r="N10" s="24">
        <v>0</v>
      </c>
      <c r="O10" s="25">
        <v>0</v>
      </c>
      <c r="P10" s="26">
        <v>0</v>
      </c>
      <c r="Q10" s="404">
        <v>0</v>
      </c>
      <c r="R10" s="25">
        <v>79375</v>
      </c>
      <c r="S10" s="25">
        <v>251235</v>
      </c>
      <c r="T10" s="25">
        <v>5020060</v>
      </c>
      <c r="U10" s="25">
        <v>8407617</v>
      </c>
      <c r="V10" s="25">
        <v>5524745</v>
      </c>
      <c r="W10" s="28">
        <v>19283032</v>
      </c>
      <c r="X10" s="29">
        <v>19283032</v>
      </c>
      <c r="Y10" s="24">
        <v>0</v>
      </c>
      <c r="Z10" s="25">
        <v>0</v>
      </c>
      <c r="AA10" s="26">
        <v>0</v>
      </c>
      <c r="AB10" s="404">
        <v>0</v>
      </c>
      <c r="AC10" s="25">
        <v>385913</v>
      </c>
      <c r="AD10" s="25">
        <v>1059454</v>
      </c>
      <c r="AE10" s="25">
        <v>1418735</v>
      </c>
      <c r="AF10" s="25">
        <v>2079291</v>
      </c>
      <c r="AG10" s="25">
        <v>682165</v>
      </c>
      <c r="AH10" s="28">
        <v>5625558</v>
      </c>
      <c r="AI10" s="29">
        <v>5625558</v>
      </c>
      <c r="AJ10" s="24">
        <v>0</v>
      </c>
      <c r="AK10" s="25">
        <v>0</v>
      </c>
      <c r="AL10" s="26">
        <v>0</v>
      </c>
      <c r="AM10" s="404">
        <v>0</v>
      </c>
      <c r="AN10" s="25">
        <v>0</v>
      </c>
      <c r="AO10" s="25">
        <v>0</v>
      </c>
      <c r="AP10" s="25">
        <v>0</v>
      </c>
      <c r="AQ10" s="25">
        <v>0</v>
      </c>
      <c r="AR10" s="25">
        <v>0</v>
      </c>
      <c r="AS10" s="28">
        <v>0</v>
      </c>
      <c r="AT10" s="29">
        <v>0</v>
      </c>
      <c r="AU10" s="24">
        <v>0</v>
      </c>
      <c r="AV10" s="25">
        <v>0</v>
      </c>
      <c r="AW10" s="26">
        <v>0</v>
      </c>
      <c r="AX10" s="404">
        <v>0</v>
      </c>
      <c r="AY10" s="25">
        <v>35495</v>
      </c>
      <c r="AZ10" s="25">
        <v>0</v>
      </c>
      <c r="BA10" s="25">
        <v>2635</v>
      </c>
      <c r="BB10" s="25">
        <v>745675</v>
      </c>
      <c r="BC10" s="25">
        <v>614855</v>
      </c>
      <c r="BD10" s="28">
        <v>1398660</v>
      </c>
      <c r="BE10" s="29">
        <v>1398660</v>
      </c>
      <c r="BF10" s="24">
        <v>0</v>
      </c>
      <c r="BG10" s="25">
        <v>0</v>
      </c>
      <c r="BH10" s="26">
        <v>0</v>
      </c>
      <c r="BI10" s="404">
        <v>0</v>
      </c>
      <c r="BJ10" s="25">
        <v>0</v>
      </c>
      <c r="BK10" s="25">
        <v>0</v>
      </c>
      <c r="BL10" s="25">
        <v>65255</v>
      </c>
      <c r="BM10" s="25">
        <v>73840</v>
      </c>
      <c r="BN10" s="25">
        <v>59985</v>
      </c>
      <c r="BO10" s="28">
        <v>199080</v>
      </c>
      <c r="BP10" s="29">
        <v>199080</v>
      </c>
      <c r="BQ10" s="24">
        <v>5280</v>
      </c>
      <c r="BR10" s="25">
        <v>5011</v>
      </c>
      <c r="BS10" s="26">
        <v>10291</v>
      </c>
      <c r="BT10" s="27">
        <v>0</v>
      </c>
      <c r="BU10" s="25">
        <v>66215</v>
      </c>
      <c r="BV10" s="25">
        <v>290931</v>
      </c>
      <c r="BW10" s="25">
        <v>719502</v>
      </c>
      <c r="BX10" s="25">
        <v>652348</v>
      </c>
      <c r="BY10" s="25">
        <v>237619</v>
      </c>
      <c r="BZ10" s="28">
        <v>1966615</v>
      </c>
      <c r="CA10" s="29">
        <v>1976906</v>
      </c>
      <c r="CB10" s="24">
        <v>0</v>
      </c>
      <c r="CC10" s="25">
        <v>870</v>
      </c>
      <c r="CD10" s="26">
        <v>870</v>
      </c>
      <c r="CE10" s="27">
        <v>0</v>
      </c>
      <c r="CF10" s="25">
        <v>0</v>
      </c>
      <c r="CG10" s="25">
        <v>0</v>
      </c>
      <c r="CH10" s="25">
        <v>5918</v>
      </c>
      <c r="CI10" s="25">
        <v>665</v>
      </c>
      <c r="CJ10" s="25">
        <v>0</v>
      </c>
      <c r="CK10" s="28">
        <v>6583</v>
      </c>
      <c r="CL10" s="29">
        <v>7453</v>
      </c>
      <c r="CM10" s="24">
        <v>0</v>
      </c>
      <c r="CN10" s="25">
        <v>0</v>
      </c>
      <c r="CO10" s="26">
        <v>0</v>
      </c>
      <c r="CP10" s="27">
        <v>0</v>
      </c>
      <c r="CQ10" s="25">
        <v>0</v>
      </c>
      <c r="CR10" s="25">
        <v>0</v>
      </c>
      <c r="CS10" s="25">
        <v>0</v>
      </c>
      <c r="CT10" s="25">
        <v>0</v>
      </c>
      <c r="CU10" s="25">
        <v>0</v>
      </c>
      <c r="CV10" s="28">
        <v>0</v>
      </c>
      <c r="CW10" s="29">
        <v>0</v>
      </c>
      <c r="CX10" s="24">
        <v>0</v>
      </c>
      <c r="CY10" s="25">
        <v>0</v>
      </c>
      <c r="CZ10" s="26">
        <v>0</v>
      </c>
      <c r="DA10" s="404">
        <v>0</v>
      </c>
      <c r="DB10" s="25">
        <v>0</v>
      </c>
      <c r="DC10" s="25">
        <v>0</v>
      </c>
      <c r="DD10" s="25">
        <v>0</v>
      </c>
      <c r="DE10" s="25">
        <v>0</v>
      </c>
      <c r="DF10" s="25">
        <v>0</v>
      </c>
      <c r="DG10" s="28">
        <v>0</v>
      </c>
      <c r="DH10" s="29">
        <v>0</v>
      </c>
      <c r="DI10" s="24">
        <v>7616</v>
      </c>
      <c r="DJ10" s="25">
        <v>14596</v>
      </c>
      <c r="DK10" s="26">
        <v>22212</v>
      </c>
      <c r="DL10" s="27">
        <v>0</v>
      </c>
      <c r="DM10" s="25">
        <v>366638</v>
      </c>
      <c r="DN10" s="25">
        <v>1383684</v>
      </c>
      <c r="DO10" s="25">
        <v>10115398</v>
      </c>
      <c r="DP10" s="25">
        <v>14091335</v>
      </c>
      <c r="DQ10" s="25">
        <v>8052831</v>
      </c>
      <c r="DR10" s="28">
        <v>34009886</v>
      </c>
      <c r="DS10" s="30">
        <v>34032098</v>
      </c>
      <c r="DT10" s="24">
        <v>0</v>
      </c>
      <c r="DU10" s="25">
        <v>0</v>
      </c>
      <c r="DV10" s="26">
        <v>0</v>
      </c>
      <c r="DW10" s="404">
        <v>0</v>
      </c>
      <c r="DX10" s="25">
        <v>96226</v>
      </c>
      <c r="DY10" s="25">
        <v>474092</v>
      </c>
      <c r="DZ10" s="25">
        <v>8580519</v>
      </c>
      <c r="EA10" s="25">
        <v>12254333</v>
      </c>
      <c r="EB10" s="25">
        <v>6968342</v>
      </c>
      <c r="EC10" s="28">
        <v>28373512</v>
      </c>
      <c r="ED10" s="29">
        <v>28373512</v>
      </c>
      <c r="EE10" s="24">
        <v>0</v>
      </c>
      <c r="EF10" s="25">
        <v>0</v>
      </c>
      <c r="EG10" s="26">
        <v>0</v>
      </c>
      <c r="EH10" s="404">
        <v>0</v>
      </c>
      <c r="EI10" s="25">
        <v>110407</v>
      </c>
      <c r="EJ10" s="25">
        <v>267775</v>
      </c>
      <c r="EK10" s="25">
        <v>176770</v>
      </c>
      <c r="EL10" s="25">
        <v>324850</v>
      </c>
      <c r="EM10" s="25">
        <v>73096</v>
      </c>
      <c r="EN10" s="28">
        <v>952898</v>
      </c>
      <c r="EO10" s="29">
        <v>952898</v>
      </c>
      <c r="EP10" s="24">
        <v>0</v>
      </c>
      <c r="EQ10" s="25">
        <v>0</v>
      </c>
      <c r="ER10" s="26">
        <v>0</v>
      </c>
      <c r="ES10" s="404">
        <v>0</v>
      </c>
      <c r="ET10" s="25">
        <v>0</v>
      </c>
      <c r="EU10" s="25">
        <v>0</v>
      </c>
      <c r="EV10" s="25">
        <v>0</v>
      </c>
      <c r="EW10" s="25">
        <v>0</v>
      </c>
      <c r="EX10" s="25">
        <v>0</v>
      </c>
      <c r="EY10" s="28">
        <v>0</v>
      </c>
      <c r="EZ10" s="29">
        <v>0</v>
      </c>
      <c r="FA10" s="24">
        <v>0</v>
      </c>
      <c r="FB10" s="25">
        <v>0</v>
      </c>
      <c r="FC10" s="26">
        <v>0</v>
      </c>
      <c r="FD10" s="404">
        <v>0</v>
      </c>
      <c r="FE10" s="25">
        <v>13547</v>
      </c>
      <c r="FF10" s="25">
        <v>0</v>
      </c>
      <c r="FG10" s="25">
        <v>217</v>
      </c>
      <c r="FH10" s="25">
        <v>88002</v>
      </c>
      <c r="FI10" s="25">
        <v>187535</v>
      </c>
      <c r="FJ10" s="28">
        <v>289301</v>
      </c>
      <c r="FK10" s="29">
        <v>289301</v>
      </c>
      <c r="FL10" s="24">
        <v>0</v>
      </c>
      <c r="FM10" s="25">
        <v>0</v>
      </c>
      <c r="FN10" s="26">
        <v>0</v>
      </c>
      <c r="FO10" s="404">
        <v>0</v>
      </c>
      <c r="FP10" s="25">
        <v>0</v>
      </c>
      <c r="FQ10" s="25">
        <v>0</v>
      </c>
      <c r="FR10" s="25">
        <v>123070</v>
      </c>
      <c r="FS10" s="25">
        <v>163425</v>
      </c>
      <c r="FT10" s="25">
        <v>79918</v>
      </c>
      <c r="FU10" s="28">
        <v>366413</v>
      </c>
      <c r="FV10" s="29">
        <v>366413</v>
      </c>
      <c r="FW10" s="24">
        <v>7616</v>
      </c>
      <c r="FX10" s="25">
        <v>14554</v>
      </c>
      <c r="FY10" s="26">
        <v>22170</v>
      </c>
      <c r="FZ10" s="27">
        <v>0</v>
      </c>
      <c r="GA10" s="25">
        <v>146458</v>
      </c>
      <c r="GB10" s="25">
        <v>641817</v>
      </c>
      <c r="GC10" s="25">
        <v>1227964</v>
      </c>
      <c r="GD10" s="25">
        <v>1260690</v>
      </c>
      <c r="GE10" s="25">
        <v>743940</v>
      </c>
      <c r="GF10" s="28">
        <v>4020869</v>
      </c>
      <c r="GG10" s="29">
        <v>4043039</v>
      </c>
      <c r="GH10" s="24">
        <v>0</v>
      </c>
      <c r="GI10" s="25">
        <v>42</v>
      </c>
      <c r="GJ10" s="26">
        <v>42</v>
      </c>
      <c r="GK10" s="27">
        <v>0</v>
      </c>
      <c r="GL10" s="25">
        <v>0</v>
      </c>
      <c r="GM10" s="25">
        <v>0</v>
      </c>
      <c r="GN10" s="25">
        <v>6858</v>
      </c>
      <c r="GO10" s="25">
        <v>35</v>
      </c>
      <c r="GP10" s="25">
        <v>0</v>
      </c>
      <c r="GQ10" s="28">
        <v>6893</v>
      </c>
      <c r="GR10" s="29">
        <v>6935</v>
      </c>
      <c r="GS10" s="24">
        <v>0</v>
      </c>
      <c r="GT10" s="25">
        <v>0</v>
      </c>
      <c r="GU10" s="26">
        <v>0</v>
      </c>
      <c r="GV10" s="27">
        <v>0</v>
      </c>
      <c r="GW10" s="25">
        <v>0</v>
      </c>
      <c r="GX10" s="25">
        <v>0</v>
      </c>
      <c r="GY10" s="25">
        <v>0</v>
      </c>
      <c r="GZ10" s="25">
        <v>0</v>
      </c>
      <c r="HA10" s="25">
        <v>0</v>
      </c>
      <c r="HB10" s="28">
        <v>0</v>
      </c>
      <c r="HC10" s="29">
        <v>0</v>
      </c>
      <c r="HD10" s="24">
        <v>0</v>
      </c>
      <c r="HE10" s="25">
        <v>0</v>
      </c>
      <c r="HF10" s="26">
        <v>0</v>
      </c>
      <c r="HG10" s="404">
        <v>0</v>
      </c>
      <c r="HH10" s="25">
        <v>0</v>
      </c>
      <c r="HI10" s="25">
        <v>0</v>
      </c>
      <c r="HJ10" s="25">
        <v>0</v>
      </c>
      <c r="HK10" s="25">
        <v>0</v>
      </c>
      <c r="HL10" s="25">
        <v>0</v>
      </c>
      <c r="HM10" s="28">
        <v>0</v>
      </c>
      <c r="HN10" s="29">
        <v>0</v>
      </c>
      <c r="HO10" s="24">
        <v>12896</v>
      </c>
      <c r="HP10" s="25">
        <v>20477</v>
      </c>
      <c r="HQ10" s="26">
        <v>33373</v>
      </c>
      <c r="HR10" s="27">
        <v>0</v>
      </c>
      <c r="HS10" s="25">
        <v>933636</v>
      </c>
      <c r="HT10" s="25">
        <v>2985304</v>
      </c>
      <c r="HU10" s="25">
        <v>17347503</v>
      </c>
      <c r="HV10" s="25">
        <v>26050771</v>
      </c>
      <c r="HW10" s="25">
        <v>15172200</v>
      </c>
      <c r="HX10" s="28">
        <v>62489414</v>
      </c>
      <c r="HY10" s="29">
        <v>62522787</v>
      </c>
    </row>
    <row r="11" spans="2:233" ht="21" customHeight="1" x14ac:dyDescent="0.2">
      <c r="B11" s="106" t="s">
        <v>7</v>
      </c>
      <c r="C11" s="24">
        <v>0</v>
      </c>
      <c r="D11" s="25">
        <v>390</v>
      </c>
      <c r="E11" s="26">
        <v>390</v>
      </c>
      <c r="F11" s="27">
        <v>0</v>
      </c>
      <c r="G11" s="25">
        <v>2043438</v>
      </c>
      <c r="H11" s="25">
        <v>2082035</v>
      </c>
      <c r="I11" s="25">
        <v>6318871</v>
      </c>
      <c r="J11" s="25">
        <v>7871109</v>
      </c>
      <c r="K11" s="25">
        <v>3644225</v>
      </c>
      <c r="L11" s="28">
        <v>21959678</v>
      </c>
      <c r="M11" s="29">
        <v>21960068</v>
      </c>
      <c r="N11" s="24">
        <v>0</v>
      </c>
      <c r="O11" s="25">
        <v>0</v>
      </c>
      <c r="P11" s="26">
        <v>0</v>
      </c>
      <c r="Q11" s="404">
        <v>0</v>
      </c>
      <c r="R11" s="25">
        <v>267220</v>
      </c>
      <c r="S11" s="25">
        <v>558170</v>
      </c>
      <c r="T11" s="25">
        <v>4798750</v>
      </c>
      <c r="U11" s="25">
        <v>6299850</v>
      </c>
      <c r="V11" s="25">
        <v>3195435</v>
      </c>
      <c r="W11" s="28">
        <v>15119425</v>
      </c>
      <c r="X11" s="29">
        <v>15119425</v>
      </c>
      <c r="Y11" s="24">
        <v>0</v>
      </c>
      <c r="Z11" s="25">
        <v>0</v>
      </c>
      <c r="AA11" s="26">
        <v>0</v>
      </c>
      <c r="AB11" s="404">
        <v>0</v>
      </c>
      <c r="AC11" s="25">
        <v>1564930</v>
      </c>
      <c r="AD11" s="25">
        <v>1349883</v>
      </c>
      <c r="AE11" s="25">
        <v>1213093</v>
      </c>
      <c r="AF11" s="25">
        <v>1202834</v>
      </c>
      <c r="AG11" s="25">
        <v>307270</v>
      </c>
      <c r="AH11" s="28">
        <v>5638010</v>
      </c>
      <c r="AI11" s="29">
        <v>5638010</v>
      </c>
      <c r="AJ11" s="24">
        <v>0</v>
      </c>
      <c r="AK11" s="25">
        <v>0</v>
      </c>
      <c r="AL11" s="26">
        <v>0</v>
      </c>
      <c r="AM11" s="404">
        <v>0</v>
      </c>
      <c r="AN11" s="25">
        <v>0</v>
      </c>
      <c r="AO11" s="25">
        <v>0</v>
      </c>
      <c r="AP11" s="25">
        <v>0</v>
      </c>
      <c r="AQ11" s="25">
        <v>0</v>
      </c>
      <c r="AR11" s="25">
        <v>0</v>
      </c>
      <c r="AS11" s="28">
        <v>0</v>
      </c>
      <c r="AT11" s="29">
        <v>0</v>
      </c>
      <c r="AU11" s="24">
        <v>0</v>
      </c>
      <c r="AV11" s="25">
        <v>0</v>
      </c>
      <c r="AW11" s="26">
        <v>0</v>
      </c>
      <c r="AX11" s="404">
        <v>0</v>
      </c>
      <c r="AY11" s="25">
        <v>0</v>
      </c>
      <c r="AZ11" s="25">
        <v>0</v>
      </c>
      <c r="BA11" s="25">
        <v>0</v>
      </c>
      <c r="BB11" s="25">
        <v>35340</v>
      </c>
      <c r="BC11" s="25">
        <v>40765</v>
      </c>
      <c r="BD11" s="28">
        <v>76105</v>
      </c>
      <c r="BE11" s="29">
        <v>76105</v>
      </c>
      <c r="BF11" s="24">
        <v>0</v>
      </c>
      <c r="BG11" s="25">
        <v>0</v>
      </c>
      <c r="BH11" s="26">
        <v>0</v>
      </c>
      <c r="BI11" s="404">
        <v>0</v>
      </c>
      <c r="BJ11" s="25">
        <v>0</v>
      </c>
      <c r="BK11" s="25">
        <v>0</v>
      </c>
      <c r="BL11" s="25">
        <v>0</v>
      </c>
      <c r="BM11" s="25">
        <v>0</v>
      </c>
      <c r="BN11" s="25">
        <v>0</v>
      </c>
      <c r="BO11" s="28">
        <v>0</v>
      </c>
      <c r="BP11" s="29">
        <v>0</v>
      </c>
      <c r="BQ11" s="24">
        <v>0</v>
      </c>
      <c r="BR11" s="25">
        <v>390</v>
      </c>
      <c r="BS11" s="26">
        <v>390</v>
      </c>
      <c r="BT11" s="27">
        <v>0</v>
      </c>
      <c r="BU11" s="25">
        <v>203368</v>
      </c>
      <c r="BV11" s="25">
        <v>173982</v>
      </c>
      <c r="BW11" s="25">
        <v>301908</v>
      </c>
      <c r="BX11" s="25">
        <v>327465</v>
      </c>
      <c r="BY11" s="25">
        <v>99885</v>
      </c>
      <c r="BZ11" s="28">
        <v>1106608</v>
      </c>
      <c r="CA11" s="29">
        <v>1106998</v>
      </c>
      <c r="CB11" s="24">
        <v>0</v>
      </c>
      <c r="CC11" s="25">
        <v>0</v>
      </c>
      <c r="CD11" s="26">
        <v>0</v>
      </c>
      <c r="CE11" s="27">
        <v>0</v>
      </c>
      <c r="CF11" s="25">
        <v>7920</v>
      </c>
      <c r="CG11" s="25">
        <v>0</v>
      </c>
      <c r="CH11" s="25">
        <v>5120</v>
      </c>
      <c r="CI11" s="25">
        <v>5620</v>
      </c>
      <c r="CJ11" s="25">
        <v>870</v>
      </c>
      <c r="CK11" s="28">
        <v>19530</v>
      </c>
      <c r="CL11" s="29">
        <v>19530</v>
      </c>
      <c r="CM11" s="24">
        <v>0</v>
      </c>
      <c r="CN11" s="25">
        <v>0</v>
      </c>
      <c r="CO11" s="26">
        <v>0</v>
      </c>
      <c r="CP11" s="27">
        <v>0</v>
      </c>
      <c r="CQ11" s="25">
        <v>0</v>
      </c>
      <c r="CR11" s="25">
        <v>0</v>
      </c>
      <c r="CS11" s="25">
        <v>0</v>
      </c>
      <c r="CT11" s="25">
        <v>0</v>
      </c>
      <c r="CU11" s="25">
        <v>0</v>
      </c>
      <c r="CV11" s="28">
        <v>0</v>
      </c>
      <c r="CW11" s="29">
        <v>0</v>
      </c>
      <c r="CX11" s="24">
        <v>0</v>
      </c>
      <c r="CY11" s="25">
        <v>0</v>
      </c>
      <c r="CZ11" s="26">
        <v>0</v>
      </c>
      <c r="DA11" s="404">
        <v>0</v>
      </c>
      <c r="DB11" s="25">
        <v>0</v>
      </c>
      <c r="DC11" s="25">
        <v>0</v>
      </c>
      <c r="DD11" s="25">
        <v>0</v>
      </c>
      <c r="DE11" s="25">
        <v>0</v>
      </c>
      <c r="DF11" s="25">
        <v>0</v>
      </c>
      <c r="DG11" s="28">
        <v>0</v>
      </c>
      <c r="DH11" s="29">
        <v>0</v>
      </c>
      <c r="DI11" s="24">
        <v>0</v>
      </c>
      <c r="DJ11" s="25">
        <v>2784</v>
      </c>
      <c r="DK11" s="26">
        <v>2784</v>
      </c>
      <c r="DL11" s="27">
        <v>0</v>
      </c>
      <c r="DM11" s="25">
        <v>854234</v>
      </c>
      <c r="DN11" s="25">
        <v>1041789</v>
      </c>
      <c r="DO11" s="25">
        <v>6768028</v>
      </c>
      <c r="DP11" s="25">
        <v>8240270</v>
      </c>
      <c r="DQ11" s="25">
        <v>4488838</v>
      </c>
      <c r="DR11" s="28">
        <v>21393159</v>
      </c>
      <c r="DS11" s="30">
        <v>21395943</v>
      </c>
      <c r="DT11" s="24">
        <v>0</v>
      </c>
      <c r="DU11" s="25">
        <v>0</v>
      </c>
      <c r="DV11" s="26">
        <v>0</v>
      </c>
      <c r="DW11" s="404">
        <v>0</v>
      </c>
      <c r="DX11" s="25">
        <v>300669</v>
      </c>
      <c r="DY11" s="25">
        <v>548679</v>
      </c>
      <c r="DZ11" s="25">
        <v>5976837</v>
      </c>
      <c r="EA11" s="25">
        <v>7607427</v>
      </c>
      <c r="EB11" s="25">
        <v>4323753</v>
      </c>
      <c r="EC11" s="28">
        <v>18757365</v>
      </c>
      <c r="ED11" s="29">
        <v>18757365</v>
      </c>
      <c r="EE11" s="24">
        <v>0</v>
      </c>
      <c r="EF11" s="25">
        <v>0</v>
      </c>
      <c r="EG11" s="26">
        <v>0</v>
      </c>
      <c r="EH11" s="404">
        <v>0</v>
      </c>
      <c r="EI11" s="25">
        <v>221340</v>
      </c>
      <c r="EJ11" s="25">
        <v>204266</v>
      </c>
      <c r="EK11" s="25">
        <v>296567</v>
      </c>
      <c r="EL11" s="25">
        <v>182634</v>
      </c>
      <c r="EM11" s="25">
        <v>22599</v>
      </c>
      <c r="EN11" s="28">
        <v>927406</v>
      </c>
      <c r="EO11" s="29">
        <v>927406</v>
      </c>
      <c r="EP11" s="24">
        <v>0</v>
      </c>
      <c r="EQ11" s="25">
        <v>0</v>
      </c>
      <c r="ER11" s="26">
        <v>0</v>
      </c>
      <c r="ES11" s="404">
        <v>0</v>
      </c>
      <c r="ET11" s="25">
        <v>0</v>
      </c>
      <c r="EU11" s="25">
        <v>0</v>
      </c>
      <c r="EV11" s="25">
        <v>0</v>
      </c>
      <c r="EW11" s="25">
        <v>0</v>
      </c>
      <c r="EX11" s="25">
        <v>0</v>
      </c>
      <c r="EY11" s="28">
        <v>0</v>
      </c>
      <c r="EZ11" s="29">
        <v>0</v>
      </c>
      <c r="FA11" s="24">
        <v>0</v>
      </c>
      <c r="FB11" s="25">
        <v>0</v>
      </c>
      <c r="FC11" s="26">
        <v>0</v>
      </c>
      <c r="FD11" s="404">
        <v>0</v>
      </c>
      <c r="FE11" s="25">
        <v>0</v>
      </c>
      <c r="FF11" s="25">
        <v>0</v>
      </c>
      <c r="FG11" s="25">
        <v>0</v>
      </c>
      <c r="FH11" s="25">
        <v>434</v>
      </c>
      <c r="FI11" s="25">
        <v>13981</v>
      </c>
      <c r="FJ11" s="28">
        <v>14415</v>
      </c>
      <c r="FK11" s="29">
        <v>14415</v>
      </c>
      <c r="FL11" s="24">
        <v>0</v>
      </c>
      <c r="FM11" s="25">
        <v>0</v>
      </c>
      <c r="FN11" s="26">
        <v>0</v>
      </c>
      <c r="FO11" s="404">
        <v>0</v>
      </c>
      <c r="FP11" s="25">
        <v>0</v>
      </c>
      <c r="FQ11" s="25">
        <v>0</v>
      </c>
      <c r="FR11" s="25">
        <v>0</v>
      </c>
      <c r="FS11" s="25">
        <v>0</v>
      </c>
      <c r="FT11" s="25">
        <v>0</v>
      </c>
      <c r="FU11" s="28">
        <v>0</v>
      </c>
      <c r="FV11" s="29">
        <v>0</v>
      </c>
      <c r="FW11" s="24">
        <v>0</v>
      </c>
      <c r="FX11" s="25">
        <v>2784</v>
      </c>
      <c r="FY11" s="26">
        <v>2784</v>
      </c>
      <c r="FZ11" s="27">
        <v>0</v>
      </c>
      <c r="GA11" s="25">
        <v>324967</v>
      </c>
      <c r="GB11" s="25">
        <v>288844</v>
      </c>
      <c r="GC11" s="25">
        <v>493473</v>
      </c>
      <c r="GD11" s="25">
        <v>449530</v>
      </c>
      <c r="GE11" s="25">
        <v>126357</v>
      </c>
      <c r="GF11" s="28">
        <v>1683171</v>
      </c>
      <c r="GG11" s="29">
        <v>1685955</v>
      </c>
      <c r="GH11" s="24">
        <v>0</v>
      </c>
      <c r="GI11" s="25">
        <v>0</v>
      </c>
      <c r="GJ11" s="26">
        <v>0</v>
      </c>
      <c r="GK11" s="27">
        <v>0</v>
      </c>
      <c r="GL11" s="25">
        <v>7258</v>
      </c>
      <c r="GM11" s="25">
        <v>0</v>
      </c>
      <c r="GN11" s="25">
        <v>1151</v>
      </c>
      <c r="GO11" s="25">
        <v>245</v>
      </c>
      <c r="GP11" s="25">
        <v>2148</v>
      </c>
      <c r="GQ11" s="28">
        <v>10802</v>
      </c>
      <c r="GR11" s="29">
        <v>10802</v>
      </c>
      <c r="GS11" s="24">
        <v>0</v>
      </c>
      <c r="GT11" s="25">
        <v>0</v>
      </c>
      <c r="GU11" s="26">
        <v>0</v>
      </c>
      <c r="GV11" s="27">
        <v>0</v>
      </c>
      <c r="GW11" s="25">
        <v>0</v>
      </c>
      <c r="GX11" s="25">
        <v>0</v>
      </c>
      <c r="GY11" s="25">
        <v>0</v>
      </c>
      <c r="GZ11" s="25">
        <v>0</v>
      </c>
      <c r="HA11" s="25">
        <v>0</v>
      </c>
      <c r="HB11" s="28">
        <v>0</v>
      </c>
      <c r="HC11" s="29">
        <v>0</v>
      </c>
      <c r="HD11" s="24">
        <v>0</v>
      </c>
      <c r="HE11" s="25">
        <v>0</v>
      </c>
      <c r="HF11" s="26">
        <v>0</v>
      </c>
      <c r="HG11" s="404">
        <v>0</v>
      </c>
      <c r="HH11" s="25">
        <v>0</v>
      </c>
      <c r="HI11" s="25">
        <v>0</v>
      </c>
      <c r="HJ11" s="25">
        <v>0</v>
      </c>
      <c r="HK11" s="25">
        <v>0</v>
      </c>
      <c r="HL11" s="25">
        <v>0</v>
      </c>
      <c r="HM11" s="28">
        <v>0</v>
      </c>
      <c r="HN11" s="29">
        <v>0</v>
      </c>
      <c r="HO11" s="24">
        <v>0</v>
      </c>
      <c r="HP11" s="25">
        <v>3174</v>
      </c>
      <c r="HQ11" s="26">
        <v>3174</v>
      </c>
      <c r="HR11" s="27">
        <v>0</v>
      </c>
      <c r="HS11" s="25">
        <v>2897672</v>
      </c>
      <c r="HT11" s="25">
        <v>3123824</v>
      </c>
      <c r="HU11" s="25">
        <v>13086899</v>
      </c>
      <c r="HV11" s="25">
        <v>16111379</v>
      </c>
      <c r="HW11" s="25">
        <v>8133063</v>
      </c>
      <c r="HX11" s="28">
        <v>43352837</v>
      </c>
      <c r="HY11" s="29">
        <v>43356011</v>
      </c>
    </row>
    <row r="12" spans="2:233" ht="21" customHeight="1" x14ac:dyDescent="0.2">
      <c r="B12" s="106" t="s">
        <v>8</v>
      </c>
      <c r="C12" s="24">
        <v>720</v>
      </c>
      <c r="D12" s="25">
        <v>3770</v>
      </c>
      <c r="E12" s="26">
        <v>4490</v>
      </c>
      <c r="F12" s="27">
        <v>0</v>
      </c>
      <c r="G12" s="25">
        <v>453747</v>
      </c>
      <c r="H12" s="25">
        <v>1119962</v>
      </c>
      <c r="I12" s="25">
        <v>4301808</v>
      </c>
      <c r="J12" s="25">
        <v>4327987</v>
      </c>
      <c r="K12" s="25">
        <v>2329854</v>
      </c>
      <c r="L12" s="28">
        <v>12533358</v>
      </c>
      <c r="M12" s="29">
        <v>12537848</v>
      </c>
      <c r="N12" s="24">
        <v>0</v>
      </c>
      <c r="O12" s="25">
        <v>0</v>
      </c>
      <c r="P12" s="26">
        <v>0</v>
      </c>
      <c r="Q12" s="404">
        <v>0</v>
      </c>
      <c r="R12" s="25">
        <v>142600</v>
      </c>
      <c r="S12" s="25">
        <v>473205</v>
      </c>
      <c r="T12" s="25">
        <v>3043521</v>
      </c>
      <c r="U12" s="25">
        <v>3092643</v>
      </c>
      <c r="V12" s="25">
        <v>1722880</v>
      </c>
      <c r="W12" s="28">
        <v>8474849</v>
      </c>
      <c r="X12" s="29">
        <v>8474849</v>
      </c>
      <c r="Y12" s="24">
        <v>0</v>
      </c>
      <c r="Z12" s="25">
        <v>0</v>
      </c>
      <c r="AA12" s="26">
        <v>0</v>
      </c>
      <c r="AB12" s="404">
        <v>0</v>
      </c>
      <c r="AC12" s="25">
        <v>223355</v>
      </c>
      <c r="AD12" s="25">
        <v>491375</v>
      </c>
      <c r="AE12" s="25">
        <v>875660</v>
      </c>
      <c r="AF12" s="25">
        <v>787865</v>
      </c>
      <c r="AG12" s="25">
        <v>315749</v>
      </c>
      <c r="AH12" s="28">
        <v>2694004</v>
      </c>
      <c r="AI12" s="29">
        <v>2694004</v>
      </c>
      <c r="AJ12" s="24">
        <v>0</v>
      </c>
      <c r="AK12" s="25">
        <v>0</v>
      </c>
      <c r="AL12" s="26">
        <v>0</v>
      </c>
      <c r="AM12" s="404">
        <v>0</v>
      </c>
      <c r="AN12" s="25">
        <v>0</v>
      </c>
      <c r="AO12" s="25">
        <v>0</v>
      </c>
      <c r="AP12" s="25">
        <v>0</v>
      </c>
      <c r="AQ12" s="25">
        <v>0</v>
      </c>
      <c r="AR12" s="25">
        <v>0</v>
      </c>
      <c r="AS12" s="28">
        <v>0</v>
      </c>
      <c r="AT12" s="29">
        <v>0</v>
      </c>
      <c r="AU12" s="24">
        <v>0</v>
      </c>
      <c r="AV12" s="25">
        <v>0</v>
      </c>
      <c r="AW12" s="26">
        <v>0</v>
      </c>
      <c r="AX12" s="404">
        <v>0</v>
      </c>
      <c r="AY12" s="25">
        <v>0</v>
      </c>
      <c r="AZ12" s="25">
        <v>0</v>
      </c>
      <c r="BA12" s="25">
        <v>32705</v>
      </c>
      <c r="BB12" s="25">
        <v>0</v>
      </c>
      <c r="BC12" s="25">
        <v>43400</v>
      </c>
      <c r="BD12" s="28">
        <v>76105</v>
      </c>
      <c r="BE12" s="29">
        <v>76105</v>
      </c>
      <c r="BF12" s="24">
        <v>0</v>
      </c>
      <c r="BG12" s="25">
        <v>0</v>
      </c>
      <c r="BH12" s="26">
        <v>0</v>
      </c>
      <c r="BI12" s="404">
        <v>0</v>
      </c>
      <c r="BJ12" s="25">
        <v>0</v>
      </c>
      <c r="BK12" s="25">
        <v>2635</v>
      </c>
      <c r="BL12" s="25">
        <v>48030</v>
      </c>
      <c r="BM12" s="25">
        <v>225420</v>
      </c>
      <c r="BN12" s="25">
        <v>5270</v>
      </c>
      <c r="BO12" s="28">
        <v>281355</v>
      </c>
      <c r="BP12" s="29">
        <v>281355</v>
      </c>
      <c r="BQ12" s="24">
        <v>720</v>
      </c>
      <c r="BR12" s="25">
        <v>3770</v>
      </c>
      <c r="BS12" s="26">
        <v>4490</v>
      </c>
      <c r="BT12" s="27">
        <v>0</v>
      </c>
      <c r="BU12" s="25">
        <v>87792</v>
      </c>
      <c r="BV12" s="25">
        <v>152747</v>
      </c>
      <c r="BW12" s="25">
        <v>301892</v>
      </c>
      <c r="BX12" s="25">
        <v>218061</v>
      </c>
      <c r="BY12" s="25">
        <v>241574</v>
      </c>
      <c r="BZ12" s="28">
        <v>1002066</v>
      </c>
      <c r="CA12" s="29">
        <v>1006556</v>
      </c>
      <c r="CB12" s="24">
        <v>0</v>
      </c>
      <c r="CC12" s="25">
        <v>0</v>
      </c>
      <c r="CD12" s="26">
        <v>0</v>
      </c>
      <c r="CE12" s="27">
        <v>0</v>
      </c>
      <c r="CF12" s="25">
        <v>0</v>
      </c>
      <c r="CG12" s="25">
        <v>0</v>
      </c>
      <c r="CH12" s="25">
        <v>0</v>
      </c>
      <c r="CI12" s="25">
        <v>3998</v>
      </c>
      <c r="CJ12" s="25">
        <v>981</v>
      </c>
      <c r="CK12" s="28">
        <v>4979</v>
      </c>
      <c r="CL12" s="29">
        <v>4979</v>
      </c>
      <c r="CM12" s="24">
        <v>0</v>
      </c>
      <c r="CN12" s="25">
        <v>0</v>
      </c>
      <c r="CO12" s="26">
        <v>0</v>
      </c>
      <c r="CP12" s="27">
        <v>0</v>
      </c>
      <c r="CQ12" s="25">
        <v>0</v>
      </c>
      <c r="CR12" s="25">
        <v>0</v>
      </c>
      <c r="CS12" s="25">
        <v>0</v>
      </c>
      <c r="CT12" s="25">
        <v>0</v>
      </c>
      <c r="CU12" s="25">
        <v>0</v>
      </c>
      <c r="CV12" s="28">
        <v>0</v>
      </c>
      <c r="CW12" s="29">
        <v>0</v>
      </c>
      <c r="CX12" s="24">
        <v>0</v>
      </c>
      <c r="CY12" s="25">
        <v>0</v>
      </c>
      <c r="CZ12" s="26">
        <v>0</v>
      </c>
      <c r="DA12" s="404">
        <v>0</v>
      </c>
      <c r="DB12" s="25">
        <v>0</v>
      </c>
      <c r="DC12" s="25">
        <v>0</v>
      </c>
      <c r="DD12" s="25">
        <v>0</v>
      </c>
      <c r="DE12" s="25">
        <v>0</v>
      </c>
      <c r="DF12" s="25">
        <v>0</v>
      </c>
      <c r="DG12" s="28">
        <v>0</v>
      </c>
      <c r="DH12" s="29">
        <v>0</v>
      </c>
      <c r="DI12" s="24">
        <v>4100</v>
      </c>
      <c r="DJ12" s="25">
        <v>22968</v>
      </c>
      <c r="DK12" s="26">
        <v>27068</v>
      </c>
      <c r="DL12" s="27">
        <v>0</v>
      </c>
      <c r="DM12" s="25">
        <v>381566</v>
      </c>
      <c r="DN12" s="25">
        <v>1186192</v>
      </c>
      <c r="DO12" s="25">
        <v>5593946</v>
      </c>
      <c r="DP12" s="25">
        <v>5493961</v>
      </c>
      <c r="DQ12" s="25">
        <v>3005607</v>
      </c>
      <c r="DR12" s="28">
        <v>15661272</v>
      </c>
      <c r="DS12" s="30">
        <v>15688340</v>
      </c>
      <c r="DT12" s="24">
        <v>0</v>
      </c>
      <c r="DU12" s="25">
        <v>0</v>
      </c>
      <c r="DV12" s="26">
        <v>0</v>
      </c>
      <c r="DW12" s="404">
        <v>0</v>
      </c>
      <c r="DX12" s="25">
        <v>178436</v>
      </c>
      <c r="DY12" s="25">
        <v>823638</v>
      </c>
      <c r="DZ12" s="25">
        <v>4785854</v>
      </c>
      <c r="EA12" s="25">
        <v>4418062</v>
      </c>
      <c r="EB12" s="25">
        <v>2615665</v>
      </c>
      <c r="EC12" s="28">
        <v>12821655</v>
      </c>
      <c r="ED12" s="29">
        <v>12821655</v>
      </c>
      <c r="EE12" s="24">
        <v>0</v>
      </c>
      <c r="EF12" s="25">
        <v>0</v>
      </c>
      <c r="EG12" s="26">
        <v>0</v>
      </c>
      <c r="EH12" s="404">
        <v>0</v>
      </c>
      <c r="EI12" s="25">
        <v>36177</v>
      </c>
      <c r="EJ12" s="25">
        <v>68102</v>
      </c>
      <c r="EK12" s="25">
        <v>114364</v>
      </c>
      <c r="EL12" s="25">
        <v>176624</v>
      </c>
      <c r="EM12" s="25">
        <v>17236</v>
      </c>
      <c r="EN12" s="28">
        <v>412503</v>
      </c>
      <c r="EO12" s="29">
        <v>412503</v>
      </c>
      <c r="EP12" s="24">
        <v>0</v>
      </c>
      <c r="EQ12" s="25">
        <v>0</v>
      </c>
      <c r="ER12" s="26">
        <v>0</v>
      </c>
      <c r="ES12" s="404">
        <v>0</v>
      </c>
      <c r="ET12" s="25">
        <v>0</v>
      </c>
      <c r="EU12" s="25">
        <v>0</v>
      </c>
      <c r="EV12" s="25">
        <v>0</v>
      </c>
      <c r="EW12" s="25">
        <v>0</v>
      </c>
      <c r="EX12" s="25">
        <v>0</v>
      </c>
      <c r="EY12" s="28">
        <v>0</v>
      </c>
      <c r="EZ12" s="29">
        <v>0</v>
      </c>
      <c r="FA12" s="24">
        <v>0</v>
      </c>
      <c r="FB12" s="25">
        <v>0</v>
      </c>
      <c r="FC12" s="26">
        <v>0</v>
      </c>
      <c r="FD12" s="404">
        <v>0</v>
      </c>
      <c r="FE12" s="25">
        <v>0</v>
      </c>
      <c r="FF12" s="25">
        <v>0</v>
      </c>
      <c r="FG12" s="25">
        <v>217</v>
      </c>
      <c r="FH12" s="25">
        <v>0</v>
      </c>
      <c r="FI12" s="25">
        <v>13981</v>
      </c>
      <c r="FJ12" s="28">
        <v>14198</v>
      </c>
      <c r="FK12" s="29">
        <v>14198</v>
      </c>
      <c r="FL12" s="24">
        <v>0</v>
      </c>
      <c r="FM12" s="25">
        <v>0</v>
      </c>
      <c r="FN12" s="26">
        <v>0</v>
      </c>
      <c r="FO12" s="404">
        <v>0</v>
      </c>
      <c r="FP12" s="25">
        <v>0</v>
      </c>
      <c r="FQ12" s="25">
        <v>21576</v>
      </c>
      <c r="FR12" s="25">
        <v>145648</v>
      </c>
      <c r="FS12" s="25">
        <v>370168</v>
      </c>
      <c r="FT12" s="25">
        <v>43152</v>
      </c>
      <c r="FU12" s="28">
        <v>580544</v>
      </c>
      <c r="FV12" s="29">
        <v>580544</v>
      </c>
      <c r="FW12" s="24">
        <v>4100</v>
      </c>
      <c r="FX12" s="25">
        <v>22968</v>
      </c>
      <c r="FY12" s="26">
        <v>27068</v>
      </c>
      <c r="FZ12" s="27">
        <v>0</v>
      </c>
      <c r="GA12" s="25">
        <v>166953</v>
      </c>
      <c r="GB12" s="25">
        <v>272876</v>
      </c>
      <c r="GC12" s="25">
        <v>547863</v>
      </c>
      <c r="GD12" s="25">
        <v>528946</v>
      </c>
      <c r="GE12" s="25">
        <v>315552</v>
      </c>
      <c r="GF12" s="28">
        <v>1832190</v>
      </c>
      <c r="GG12" s="29">
        <v>1859258</v>
      </c>
      <c r="GH12" s="24">
        <v>0</v>
      </c>
      <c r="GI12" s="25">
        <v>0</v>
      </c>
      <c r="GJ12" s="26">
        <v>0</v>
      </c>
      <c r="GK12" s="27">
        <v>0</v>
      </c>
      <c r="GL12" s="25">
        <v>0</v>
      </c>
      <c r="GM12" s="25">
        <v>0</v>
      </c>
      <c r="GN12" s="25">
        <v>0</v>
      </c>
      <c r="GO12" s="25">
        <v>161</v>
      </c>
      <c r="GP12" s="25">
        <v>21</v>
      </c>
      <c r="GQ12" s="28">
        <v>182</v>
      </c>
      <c r="GR12" s="29">
        <v>182</v>
      </c>
      <c r="GS12" s="24">
        <v>0</v>
      </c>
      <c r="GT12" s="25">
        <v>0</v>
      </c>
      <c r="GU12" s="26">
        <v>0</v>
      </c>
      <c r="GV12" s="27">
        <v>0</v>
      </c>
      <c r="GW12" s="25">
        <v>0</v>
      </c>
      <c r="GX12" s="25">
        <v>0</v>
      </c>
      <c r="GY12" s="25">
        <v>0</v>
      </c>
      <c r="GZ12" s="25">
        <v>0</v>
      </c>
      <c r="HA12" s="25">
        <v>0</v>
      </c>
      <c r="HB12" s="28">
        <v>0</v>
      </c>
      <c r="HC12" s="29">
        <v>0</v>
      </c>
      <c r="HD12" s="24">
        <v>0</v>
      </c>
      <c r="HE12" s="25">
        <v>0</v>
      </c>
      <c r="HF12" s="26">
        <v>0</v>
      </c>
      <c r="HG12" s="404">
        <v>0</v>
      </c>
      <c r="HH12" s="25">
        <v>0</v>
      </c>
      <c r="HI12" s="25">
        <v>0</v>
      </c>
      <c r="HJ12" s="25">
        <v>0</v>
      </c>
      <c r="HK12" s="25">
        <v>0</v>
      </c>
      <c r="HL12" s="25">
        <v>0</v>
      </c>
      <c r="HM12" s="28">
        <v>0</v>
      </c>
      <c r="HN12" s="29">
        <v>0</v>
      </c>
      <c r="HO12" s="24">
        <v>4820</v>
      </c>
      <c r="HP12" s="25">
        <v>26738</v>
      </c>
      <c r="HQ12" s="26">
        <v>31558</v>
      </c>
      <c r="HR12" s="27">
        <v>0</v>
      </c>
      <c r="HS12" s="25">
        <v>835313</v>
      </c>
      <c r="HT12" s="25">
        <v>2306154</v>
      </c>
      <c r="HU12" s="25">
        <v>9895754</v>
      </c>
      <c r="HV12" s="25">
        <v>9821948</v>
      </c>
      <c r="HW12" s="25">
        <v>5335461</v>
      </c>
      <c r="HX12" s="28">
        <v>28194630</v>
      </c>
      <c r="HY12" s="29">
        <v>28226188</v>
      </c>
    </row>
    <row r="13" spans="2:233" ht="21" customHeight="1" x14ac:dyDescent="0.2">
      <c r="B13" s="106" t="s">
        <v>9</v>
      </c>
      <c r="C13" s="24">
        <v>0</v>
      </c>
      <c r="D13" s="25">
        <v>0</v>
      </c>
      <c r="E13" s="26">
        <v>0</v>
      </c>
      <c r="F13" s="27">
        <v>0</v>
      </c>
      <c r="G13" s="25">
        <v>172095</v>
      </c>
      <c r="H13" s="25">
        <v>171519</v>
      </c>
      <c r="I13" s="25">
        <v>1830074</v>
      </c>
      <c r="J13" s="25">
        <v>1454947</v>
      </c>
      <c r="K13" s="25">
        <v>1291280</v>
      </c>
      <c r="L13" s="28">
        <v>4919915</v>
      </c>
      <c r="M13" s="29">
        <v>4919915</v>
      </c>
      <c r="N13" s="24">
        <v>0</v>
      </c>
      <c r="O13" s="25">
        <v>0</v>
      </c>
      <c r="P13" s="26">
        <v>0</v>
      </c>
      <c r="Q13" s="404">
        <v>0</v>
      </c>
      <c r="R13" s="25">
        <v>57350</v>
      </c>
      <c r="S13" s="25">
        <v>37975</v>
      </c>
      <c r="T13" s="25">
        <v>1492014</v>
      </c>
      <c r="U13" s="25">
        <v>1227990</v>
      </c>
      <c r="V13" s="25">
        <v>977725</v>
      </c>
      <c r="W13" s="28">
        <v>3793054</v>
      </c>
      <c r="X13" s="29">
        <v>3793054</v>
      </c>
      <c r="Y13" s="24">
        <v>0</v>
      </c>
      <c r="Z13" s="25">
        <v>0</v>
      </c>
      <c r="AA13" s="26">
        <v>0</v>
      </c>
      <c r="AB13" s="404">
        <v>0</v>
      </c>
      <c r="AC13" s="25">
        <v>95090</v>
      </c>
      <c r="AD13" s="25">
        <v>48360</v>
      </c>
      <c r="AE13" s="25">
        <v>254690</v>
      </c>
      <c r="AF13" s="25">
        <v>216805</v>
      </c>
      <c r="AG13" s="25">
        <v>253550</v>
      </c>
      <c r="AH13" s="28">
        <v>868495</v>
      </c>
      <c r="AI13" s="29">
        <v>868495</v>
      </c>
      <c r="AJ13" s="24">
        <v>0</v>
      </c>
      <c r="AK13" s="25">
        <v>0</v>
      </c>
      <c r="AL13" s="26">
        <v>0</v>
      </c>
      <c r="AM13" s="404">
        <v>0</v>
      </c>
      <c r="AN13" s="25">
        <v>0</v>
      </c>
      <c r="AO13" s="25">
        <v>0</v>
      </c>
      <c r="AP13" s="25">
        <v>0</v>
      </c>
      <c r="AQ13" s="25">
        <v>0</v>
      </c>
      <c r="AR13" s="25">
        <v>0</v>
      </c>
      <c r="AS13" s="28">
        <v>0</v>
      </c>
      <c r="AT13" s="29">
        <v>0</v>
      </c>
      <c r="AU13" s="24">
        <v>0</v>
      </c>
      <c r="AV13" s="25">
        <v>0</v>
      </c>
      <c r="AW13" s="26">
        <v>0</v>
      </c>
      <c r="AX13" s="404">
        <v>0</v>
      </c>
      <c r="AY13" s="25">
        <v>0</v>
      </c>
      <c r="AZ13" s="25">
        <v>0</v>
      </c>
      <c r="BA13" s="25">
        <v>0</v>
      </c>
      <c r="BB13" s="25">
        <v>0</v>
      </c>
      <c r="BC13" s="25">
        <v>7905</v>
      </c>
      <c r="BD13" s="28">
        <v>7905</v>
      </c>
      <c r="BE13" s="29">
        <v>7905</v>
      </c>
      <c r="BF13" s="24">
        <v>0</v>
      </c>
      <c r="BG13" s="25">
        <v>0</v>
      </c>
      <c r="BH13" s="26">
        <v>0</v>
      </c>
      <c r="BI13" s="404">
        <v>0</v>
      </c>
      <c r="BJ13" s="25">
        <v>0</v>
      </c>
      <c r="BK13" s="25">
        <v>0</v>
      </c>
      <c r="BL13" s="25">
        <v>0</v>
      </c>
      <c r="BM13" s="25">
        <v>0</v>
      </c>
      <c r="BN13" s="25">
        <v>24645</v>
      </c>
      <c r="BO13" s="28">
        <v>24645</v>
      </c>
      <c r="BP13" s="29">
        <v>24645</v>
      </c>
      <c r="BQ13" s="24">
        <v>0</v>
      </c>
      <c r="BR13" s="25">
        <v>0</v>
      </c>
      <c r="BS13" s="26">
        <v>0</v>
      </c>
      <c r="BT13" s="27">
        <v>0</v>
      </c>
      <c r="BU13" s="25">
        <v>15825</v>
      </c>
      <c r="BV13" s="25">
        <v>85184</v>
      </c>
      <c r="BW13" s="25">
        <v>77175</v>
      </c>
      <c r="BX13" s="25">
        <v>5037</v>
      </c>
      <c r="BY13" s="25">
        <v>27455</v>
      </c>
      <c r="BZ13" s="28">
        <v>210676</v>
      </c>
      <c r="CA13" s="29">
        <v>210676</v>
      </c>
      <c r="CB13" s="24">
        <v>0</v>
      </c>
      <c r="CC13" s="25">
        <v>0</v>
      </c>
      <c r="CD13" s="26">
        <v>0</v>
      </c>
      <c r="CE13" s="27">
        <v>0</v>
      </c>
      <c r="CF13" s="25">
        <v>3830</v>
      </c>
      <c r="CG13" s="25">
        <v>0</v>
      </c>
      <c r="CH13" s="25">
        <v>6195</v>
      </c>
      <c r="CI13" s="25">
        <v>5115</v>
      </c>
      <c r="CJ13" s="25">
        <v>0</v>
      </c>
      <c r="CK13" s="28">
        <v>15140</v>
      </c>
      <c r="CL13" s="29">
        <v>15140</v>
      </c>
      <c r="CM13" s="24">
        <v>0</v>
      </c>
      <c r="CN13" s="25">
        <v>0</v>
      </c>
      <c r="CO13" s="26">
        <v>0</v>
      </c>
      <c r="CP13" s="27">
        <v>0</v>
      </c>
      <c r="CQ13" s="25">
        <v>0</v>
      </c>
      <c r="CR13" s="25">
        <v>0</v>
      </c>
      <c r="CS13" s="25">
        <v>0</v>
      </c>
      <c r="CT13" s="25">
        <v>0</v>
      </c>
      <c r="CU13" s="25">
        <v>0</v>
      </c>
      <c r="CV13" s="28">
        <v>0</v>
      </c>
      <c r="CW13" s="29">
        <v>0</v>
      </c>
      <c r="CX13" s="24">
        <v>0</v>
      </c>
      <c r="CY13" s="25">
        <v>0</v>
      </c>
      <c r="CZ13" s="26">
        <v>0</v>
      </c>
      <c r="DA13" s="404">
        <v>0</v>
      </c>
      <c r="DB13" s="25">
        <v>0</v>
      </c>
      <c r="DC13" s="25">
        <v>0</v>
      </c>
      <c r="DD13" s="25">
        <v>0</v>
      </c>
      <c r="DE13" s="25">
        <v>0</v>
      </c>
      <c r="DF13" s="25">
        <v>0</v>
      </c>
      <c r="DG13" s="28">
        <v>0</v>
      </c>
      <c r="DH13" s="29">
        <v>0</v>
      </c>
      <c r="DI13" s="24">
        <v>0</v>
      </c>
      <c r="DJ13" s="25">
        <v>0</v>
      </c>
      <c r="DK13" s="26">
        <v>0</v>
      </c>
      <c r="DL13" s="27">
        <v>0</v>
      </c>
      <c r="DM13" s="25">
        <v>116580</v>
      </c>
      <c r="DN13" s="25">
        <v>216386</v>
      </c>
      <c r="DO13" s="25">
        <v>2298761</v>
      </c>
      <c r="DP13" s="25">
        <v>2393991</v>
      </c>
      <c r="DQ13" s="25">
        <v>1849786</v>
      </c>
      <c r="DR13" s="28">
        <v>6875504</v>
      </c>
      <c r="DS13" s="30">
        <v>6875504</v>
      </c>
      <c r="DT13" s="24">
        <v>0</v>
      </c>
      <c r="DU13" s="25">
        <v>0</v>
      </c>
      <c r="DV13" s="26">
        <v>0</v>
      </c>
      <c r="DW13" s="404">
        <v>0</v>
      </c>
      <c r="DX13" s="25">
        <v>58342</v>
      </c>
      <c r="DY13" s="25">
        <v>73377</v>
      </c>
      <c r="DZ13" s="25">
        <v>2054450</v>
      </c>
      <c r="EA13" s="25">
        <v>2261532</v>
      </c>
      <c r="EB13" s="25">
        <v>1675167</v>
      </c>
      <c r="EC13" s="28">
        <v>6122868</v>
      </c>
      <c r="ED13" s="29">
        <v>6122868</v>
      </c>
      <c r="EE13" s="24">
        <v>0</v>
      </c>
      <c r="EF13" s="25">
        <v>0</v>
      </c>
      <c r="EG13" s="26">
        <v>0</v>
      </c>
      <c r="EH13" s="404">
        <v>0</v>
      </c>
      <c r="EI13" s="25">
        <v>21357</v>
      </c>
      <c r="EJ13" s="25">
        <v>23529</v>
      </c>
      <c r="EK13" s="25">
        <v>55928</v>
      </c>
      <c r="EL13" s="25">
        <v>14374</v>
      </c>
      <c r="EM13" s="25">
        <v>91185</v>
      </c>
      <c r="EN13" s="28">
        <v>206373</v>
      </c>
      <c r="EO13" s="29">
        <v>206373</v>
      </c>
      <c r="EP13" s="24">
        <v>0</v>
      </c>
      <c r="EQ13" s="25">
        <v>0</v>
      </c>
      <c r="ER13" s="26">
        <v>0</v>
      </c>
      <c r="ES13" s="404">
        <v>0</v>
      </c>
      <c r="ET13" s="25">
        <v>0</v>
      </c>
      <c r="EU13" s="25">
        <v>0</v>
      </c>
      <c r="EV13" s="25">
        <v>0</v>
      </c>
      <c r="EW13" s="25">
        <v>0</v>
      </c>
      <c r="EX13" s="25">
        <v>0</v>
      </c>
      <c r="EY13" s="28">
        <v>0</v>
      </c>
      <c r="EZ13" s="29">
        <v>0</v>
      </c>
      <c r="FA13" s="24">
        <v>0</v>
      </c>
      <c r="FB13" s="25">
        <v>0</v>
      </c>
      <c r="FC13" s="26">
        <v>0</v>
      </c>
      <c r="FD13" s="404">
        <v>0</v>
      </c>
      <c r="FE13" s="25">
        <v>0</v>
      </c>
      <c r="FF13" s="25">
        <v>0</v>
      </c>
      <c r="FG13" s="25">
        <v>0</v>
      </c>
      <c r="FH13" s="25">
        <v>0</v>
      </c>
      <c r="FI13" s="25">
        <v>651</v>
      </c>
      <c r="FJ13" s="28">
        <v>651</v>
      </c>
      <c r="FK13" s="29">
        <v>651</v>
      </c>
      <c r="FL13" s="24">
        <v>0</v>
      </c>
      <c r="FM13" s="25">
        <v>0</v>
      </c>
      <c r="FN13" s="26">
        <v>0</v>
      </c>
      <c r="FO13" s="404">
        <v>0</v>
      </c>
      <c r="FP13" s="25">
        <v>0</v>
      </c>
      <c r="FQ13" s="25">
        <v>0</v>
      </c>
      <c r="FR13" s="25">
        <v>0</v>
      </c>
      <c r="FS13" s="25">
        <v>0</v>
      </c>
      <c r="FT13" s="25">
        <v>21576</v>
      </c>
      <c r="FU13" s="28">
        <v>21576</v>
      </c>
      <c r="FV13" s="29">
        <v>21576</v>
      </c>
      <c r="FW13" s="24">
        <v>0</v>
      </c>
      <c r="FX13" s="25">
        <v>0</v>
      </c>
      <c r="FY13" s="26">
        <v>0</v>
      </c>
      <c r="FZ13" s="27">
        <v>0</v>
      </c>
      <c r="GA13" s="25">
        <v>33301</v>
      </c>
      <c r="GB13" s="25">
        <v>119480</v>
      </c>
      <c r="GC13" s="25">
        <v>179433</v>
      </c>
      <c r="GD13" s="25">
        <v>118001</v>
      </c>
      <c r="GE13" s="25">
        <v>60029</v>
      </c>
      <c r="GF13" s="28">
        <v>510244</v>
      </c>
      <c r="GG13" s="29">
        <v>510244</v>
      </c>
      <c r="GH13" s="24">
        <v>0</v>
      </c>
      <c r="GI13" s="25">
        <v>0</v>
      </c>
      <c r="GJ13" s="26">
        <v>0</v>
      </c>
      <c r="GK13" s="27">
        <v>0</v>
      </c>
      <c r="GL13" s="25">
        <v>3580</v>
      </c>
      <c r="GM13" s="25">
        <v>0</v>
      </c>
      <c r="GN13" s="25">
        <v>8950</v>
      </c>
      <c r="GO13" s="25">
        <v>84</v>
      </c>
      <c r="GP13" s="25">
        <v>1178</v>
      </c>
      <c r="GQ13" s="28">
        <v>13792</v>
      </c>
      <c r="GR13" s="29">
        <v>13792</v>
      </c>
      <c r="GS13" s="24">
        <v>0</v>
      </c>
      <c r="GT13" s="25">
        <v>0</v>
      </c>
      <c r="GU13" s="26">
        <v>0</v>
      </c>
      <c r="GV13" s="27">
        <v>0</v>
      </c>
      <c r="GW13" s="25">
        <v>0</v>
      </c>
      <c r="GX13" s="25">
        <v>0</v>
      </c>
      <c r="GY13" s="25">
        <v>0</v>
      </c>
      <c r="GZ13" s="25">
        <v>0</v>
      </c>
      <c r="HA13" s="25">
        <v>0</v>
      </c>
      <c r="HB13" s="28">
        <v>0</v>
      </c>
      <c r="HC13" s="29">
        <v>0</v>
      </c>
      <c r="HD13" s="24">
        <v>0</v>
      </c>
      <c r="HE13" s="25">
        <v>0</v>
      </c>
      <c r="HF13" s="26">
        <v>0</v>
      </c>
      <c r="HG13" s="404">
        <v>0</v>
      </c>
      <c r="HH13" s="25">
        <v>0</v>
      </c>
      <c r="HI13" s="25">
        <v>0</v>
      </c>
      <c r="HJ13" s="25">
        <v>0</v>
      </c>
      <c r="HK13" s="25">
        <v>0</v>
      </c>
      <c r="HL13" s="25">
        <v>0</v>
      </c>
      <c r="HM13" s="28">
        <v>0</v>
      </c>
      <c r="HN13" s="29">
        <v>0</v>
      </c>
      <c r="HO13" s="24">
        <v>0</v>
      </c>
      <c r="HP13" s="25">
        <v>0</v>
      </c>
      <c r="HQ13" s="26">
        <v>0</v>
      </c>
      <c r="HR13" s="27">
        <v>0</v>
      </c>
      <c r="HS13" s="25">
        <v>288675</v>
      </c>
      <c r="HT13" s="25">
        <v>387905</v>
      </c>
      <c r="HU13" s="25">
        <v>4128835</v>
      </c>
      <c r="HV13" s="25">
        <v>3848938</v>
      </c>
      <c r="HW13" s="25">
        <v>3141066</v>
      </c>
      <c r="HX13" s="28">
        <v>11795419</v>
      </c>
      <c r="HY13" s="29">
        <v>11795419</v>
      </c>
    </row>
    <row r="14" spans="2:233" ht="21" customHeight="1" x14ac:dyDescent="0.2">
      <c r="B14" s="106" t="s">
        <v>10</v>
      </c>
      <c r="C14" s="24">
        <v>2670</v>
      </c>
      <c r="D14" s="25">
        <v>16740</v>
      </c>
      <c r="E14" s="26">
        <v>19410</v>
      </c>
      <c r="F14" s="27">
        <v>0</v>
      </c>
      <c r="G14" s="25">
        <v>664470</v>
      </c>
      <c r="H14" s="25">
        <v>766033</v>
      </c>
      <c r="I14" s="25">
        <v>2836678</v>
      </c>
      <c r="J14" s="25">
        <v>4586704</v>
      </c>
      <c r="K14" s="25">
        <v>3404072</v>
      </c>
      <c r="L14" s="28">
        <v>12257957</v>
      </c>
      <c r="M14" s="29">
        <v>12277367</v>
      </c>
      <c r="N14" s="24">
        <v>0</v>
      </c>
      <c r="O14" s="25">
        <v>0</v>
      </c>
      <c r="P14" s="26">
        <v>0</v>
      </c>
      <c r="Q14" s="404">
        <v>0</v>
      </c>
      <c r="R14" s="25">
        <v>81375</v>
      </c>
      <c r="S14" s="25">
        <v>258435</v>
      </c>
      <c r="T14" s="25">
        <v>1924090</v>
      </c>
      <c r="U14" s="25">
        <v>3402872</v>
      </c>
      <c r="V14" s="25">
        <v>2631717</v>
      </c>
      <c r="W14" s="28">
        <v>8298489</v>
      </c>
      <c r="X14" s="29">
        <v>8298489</v>
      </c>
      <c r="Y14" s="24">
        <v>0</v>
      </c>
      <c r="Z14" s="25">
        <v>0</v>
      </c>
      <c r="AA14" s="26">
        <v>0</v>
      </c>
      <c r="AB14" s="404">
        <v>0</v>
      </c>
      <c r="AC14" s="25">
        <v>518128</v>
      </c>
      <c r="AD14" s="25">
        <v>395150</v>
      </c>
      <c r="AE14" s="25">
        <v>673700</v>
      </c>
      <c r="AF14" s="25">
        <v>930110</v>
      </c>
      <c r="AG14" s="25">
        <v>482210</v>
      </c>
      <c r="AH14" s="28">
        <v>2999298</v>
      </c>
      <c r="AI14" s="29">
        <v>2999298</v>
      </c>
      <c r="AJ14" s="24">
        <v>0</v>
      </c>
      <c r="AK14" s="25">
        <v>0</v>
      </c>
      <c r="AL14" s="26">
        <v>0</v>
      </c>
      <c r="AM14" s="404">
        <v>0</v>
      </c>
      <c r="AN14" s="25">
        <v>0</v>
      </c>
      <c r="AO14" s="25">
        <v>0</v>
      </c>
      <c r="AP14" s="25">
        <v>0</v>
      </c>
      <c r="AQ14" s="25">
        <v>0</v>
      </c>
      <c r="AR14" s="25">
        <v>0</v>
      </c>
      <c r="AS14" s="28">
        <v>0</v>
      </c>
      <c r="AT14" s="29">
        <v>0</v>
      </c>
      <c r="AU14" s="24">
        <v>0</v>
      </c>
      <c r="AV14" s="25">
        <v>0</v>
      </c>
      <c r="AW14" s="26">
        <v>0</v>
      </c>
      <c r="AX14" s="404">
        <v>0</v>
      </c>
      <c r="AY14" s="25">
        <v>0</v>
      </c>
      <c r="AZ14" s="25">
        <v>0</v>
      </c>
      <c r="BA14" s="25">
        <v>0</v>
      </c>
      <c r="BB14" s="25">
        <v>57350</v>
      </c>
      <c r="BC14" s="25">
        <v>116220</v>
      </c>
      <c r="BD14" s="28">
        <v>173570</v>
      </c>
      <c r="BE14" s="29">
        <v>173570</v>
      </c>
      <c r="BF14" s="24">
        <v>0</v>
      </c>
      <c r="BG14" s="25">
        <v>0</v>
      </c>
      <c r="BH14" s="26">
        <v>0</v>
      </c>
      <c r="BI14" s="404">
        <v>0</v>
      </c>
      <c r="BJ14" s="25">
        <v>0</v>
      </c>
      <c r="BK14" s="25">
        <v>0</v>
      </c>
      <c r="BL14" s="25">
        <v>0</v>
      </c>
      <c r="BM14" s="25">
        <v>35340</v>
      </c>
      <c r="BN14" s="25">
        <v>35340</v>
      </c>
      <c r="BO14" s="28">
        <v>70680</v>
      </c>
      <c r="BP14" s="29">
        <v>70680</v>
      </c>
      <c r="BQ14" s="24">
        <v>2670</v>
      </c>
      <c r="BR14" s="25">
        <v>16740</v>
      </c>
      <c r="BS14" s="26">
        <v>19410</v>
      </c>
      <c r="BT14" s="27">
        <v>0</v>
      </c>
      <c r="BU14" s="25">
        <v>64967</v>
      </c>
      <c r="BV14" s="25">
        <v>112448</v>
      </c>
      <c r="BW14" s="25">
        <v>238888</v>
      </c>
      <c r="BX14" s="25">
        <v>141884</v>
      </c>
      <c r="BY14" s="25">
        <v>138585</v>
      </c>
      <c r="BZ14" s="28">
        <v>696772</v>
      </c>
      <c r="CA14" s="29">
        <v>716182</v>
      </c>
      <c r="CB14" s="24">
        <v>0</v>
      </c>
      <c r="CC14" s="25">
        <v>0</v>
      </c>
      <c r="CD14" s="26">
        <v>0</v>
      </c>
      <c r="CE14" s="27">
        <v>0</v>
      </c>
      <c r="CF14" s="25">
        <v>0</v>
      </c>
      <c r="CG14" s="25">
        <v>0</v>
      </c>
      <c r="CH14" s="25">
        <v>0</v>
      </c>
      <c r="CI14" s="25">
        <v>19148</v>
      </c>
      <c r="CJ14" s="25">
        <v>0</v>
      </c>
      <c r="CK14" s="28">
        <v>19148</v>
      </c>
      <c r="CL14" s="29">
        <v>19148</v>
      </c>
      <c r="CM14" s="24">
        <v>0</v>
      </c>
      <c r="CN14" s="25">
        <v>0</v>
      </c>
      <c r="CO14" s="26">
        <v>0</v>
      </c>
      <c r="CP14" s="27">
        <v>0</v>
      </c>
      <c r="CQ14" s="25">
        <v>0</v>
      </c>
      <c r="CR14" s="25">
        <v>0</v>
      </c>
      <c r="CS14" s="25">
        <v>0</v>
      </c>
      <c r="CT14" s="25">
        <v>0</v>
      </c>
      <c r="CU14" s="25">
        <v>0</v>
      </c>
      <c r="CV14" s="28">
        <v>0</v>
      </c>
      <c r="CW14" s="29">
        <v>0</v>
      </c>
      <c r="CX14" s="24">
        <v>0</v>
      </c>
      <c r="CY14" s="25">
        <v>0</v>
      </c>
      <c r="CZ14" s="26">
        <v>0</v>
      </c>
      <c r="DA14" s="404">
        <v>0</v>
      </c>
      <c r="DB14" s="25">
        <v>0</v>
      </c>
      <c r="DC14" s="25">
        <v>0</v>
      </c>
      <c r="DD14" s="25">
        <v>0</v>
      </c>
      <c r="DE14" s="25">
        <v>0</v>
      </c>
      <c r="DF14" s="25">
        <v>0</v>
      </c>
      <c r="DG14" s="28">
        <v>0</v>
      </c>
      <c r="DH14" s="29">
        <v>0</v>
      </c>
      <c r="DI14" s="24">
        <v>4872</v>
      </c>
      <c r="DJ14" s="25">
        <v>19956</v>
      </c>
      <c r="DK14" s="26">
        <v>24828</v>
      </c>
      <c r="DL14" s="27">
        <v>0</v>
      </c>
      <c r="DM14" s="25">
        <v>354814</v>
      </c>
      <c r="DN14" s="25">
        <v>838000</v>
      </c>
      <c r="DO14" s="25">
        <v>4133354</v>
      </c>
      <c r="DP14" s="25">
        <v>7044737</v>
      </c>
      <c r="DQ14" s="25">
        <v>4670594</v>
      </c>
      <c r="DR14" s="28">
        <v>17041499</v>
      </c>
      <c r="DS14" s="30">
        <v>17066327</v>
      </c>
      <c r="DT14" s="24">
        <v>0</v>
      </c>
      <c r="DU14" s="25">
        <v>0</v>
      </c>
      <c r="DV14" s="26">
        <v>0</v>
      </c>
      <c r="DW14" s="404">
        <v>0</v>
      </c>
      <c r="DX14" s="25">
        <v>180296</v>
      </c>
      <c r="DY14" s="25">
        <v>460745</v>
      </c>
      <c r="DZ14" s="25">
        <v>3555223</v>
      </c>
      <c r="EA14" s="25">
        <v>6408969</v>
      </c>
      <c r="EB14" s="25">
        <v>4341645</v>
      </c>
      <c r="EC14" s="28">
        <v>14946878</v>
      </c>
      <c r="ED14" s="29">
        <v>14946878</v>
      </c>
      <c r="EE14" s="24">
        <v>0</v>
      </c>
      <c r="EF14" s="25">
        <v>0</v>
      </c>
      <c r="EG14" s="26">
        <v>0</v>
      </c>
      <c r="EH14" s="404">
        <v>0</v>
      </c>
      <c r="EI14" s="25">
        <v>48437</v>
      </c>
      <c r="EJ14" s="25">
        <v>131907</v>
      </c>
      <c r="EK14" s="25">
        <v>186475</v>
      </c>
      <c r="EL14" s="25">
        <v>231045</v>
      </c>
      <c r="EM14" s="25">
        <v>58584</v>
      </c>
      <c r="EN14" s="28">
        <v>656448</v>
      </c>
      <c r="EO14" s="29">
        <v>656448</v>
      </c>
      <c r="EP14" s="24">
        <v>0</v>
      </c>
      <c r="EQ14" s="25">
        <v>0</v>
      </c>
      <c r="ER14" s="26">
        <v>0</v>
      </c>
      <c r="ES14" s="404">
        <v>0</v>
      </c>
      <c r="ET14" s="25">
        <v>0</v>
      </c>
      <c r="EU14" s="25">
        <v>0</v>
      </c>
      <c r="EV14" s="25">
        <v>0</v>
      </c>
      <c r="EW14" s="25">
        <v>0</v>
      </c>
      <c r="EX14" s="25">
        <v>0</v>
      </c>
      <c r="EY14" s="28">
        <v>0</v>
      </c>
      <c r="EZ14" s="29">
        <v>0</v>
      </c>
      <c r="FA14" s="24">
        <v>0</v>
      </c>
      <c r="FB14" s="25">
        <v>0</v>
      </c>
      <c r="FC14" s="26">
        <v>0</v>
      </c>
      <c r="FD14" s="404">
        <v>0</v>
      </c>
      <c r="FE14" s="25">
        <v>0</v>
      </c>
      <c r="FF14" s="25">
        <v>0</v>
      </c>
      <c r="FG14" s="25">
        <v>0</v>
      </c>
      <c r="FH14" s="25">
        <v>434</v>
      </c>
      <c r="FI14" s="25">
        <v>2170</v>
      </c>
      <c r="FJ14" s="28">
        <v>2604</v>
      </c>
      <c r="FK14" s="29">
        <v>2604</v>
      </c>
      <c r="FL14" s="24">
        <v>0</v>
      </c>
      <c r="FM14" s="25">
        <v>0</v>
      </c>
      <c r="FN14" s="26">
        <v>0</v>
      </c>
      <c r="FO14" s="404">
        <v>0</v>
      </c>
      <c r="FP14" s="25">
        <v>0</v>
      </c>
      <c r="FQ14" s="25">
        <v>0</v>
      </c>
      <c r="FR14" s="25">
        <v>0</v>
      </c>
      <c r="FS14" s="25">
        <v>47647</v>
      </c>
      <c r="FT14" s="25">
        <v>58342</v>
      </c>
      <c r="FU14" s="28">
        <v>105989</v>
      </c>
      <c r="FV14" s="29">
        <v>105989</v>
      </c>
      <c r="FW14" s="24">
        <v>4872</v>
      </c>
      <c r="FX14" s="25">
        <v>19956</v>
      </c>
      <c r="FY14" s="26">
        <v>24828</v>
      </c>
      <c r="FZ14" s="27">
        <v>0</v>
      </c>
      <c r="GA14" s="25">
        <v>126081</v>
      </c>
      <c r="GB14" s="25">
        <v>245348</v>
      </c>
      <c r="GC14" s="25">
        <v>391656</v>
      </c>
      <c r="GD14" s="25">
        <v>349975</v>
      </c>
      <c r="GE14" s="25">
        <v>209825</v>
      </c>
      <c r="GF14" s="28">
        <v>1322885</v>
      </c>
      <c r="GG14" s="29">
        <v>1347713</v>
      </c>
      <c r="GH14" s="24">
        <v>0</v>
      </c>
      <c r="GI14" s="25">
        <v>0</v>
      </c>
      <c r="GJ14" s="26">
        <v>0</v>
      </c>
      <c r="GK14" s="27">
        <v>0</v>
      </c>
      <c r="GL14" s="25">
        <v>0</v>
      </c>
      <c r="GM14" s="25">
        <v>0</v>
      </c>
      <c r="GN14" s="25">
        <v>0</v>
      </c>
      <c r="GO14" s="25">
        <v>6667</v>
      </c>
      <c r="GP14" s="25">
        <v>28</v>
      </c>
      <c r="GQ14" s="28">
        <v>6695</v>
      </c>
      <c r="GR14" s="29">
        <v>6695</v>
      </c>
      <c r="GS14" s="24">
        <v>0</v>
      </c>
      <c r="GT14" s="25">
        <v>0</v>
      </c>
      <c r="GU14" s="26">
        <v>0</v>
      </c>
      <c r="GV14" s="27">
        <v>0</v>
      </c>
      <c r="GW14" s="25">
        <v>0</v>
      </c>
      <c r="GX14" s="25">
        <v>0</v>
      </c>
      <c r="GY14" s="25">
        <v>0</v>
      </c>
      <c r="GZ14" s="25">
        <v>0</v>
      </c>
      <c r="HA14" s="25">
        <v>0</v>
      </c>
      <c r="HB14" s="28">
        <v>0</v>
      </c>
      <c r="HC14" s="29">
        <v>0</v>
      </c>
      <c r="HD14" s="24">
        <v>0</v>
      </c>
      <c r="HE14" s="25">
        <v>0</v>
      </c>
      <c r="HF14" s="26">
        <v>0</v>
      </c>
      <c r="HG14" s="404">
        <v>0</v>
      </c>
      <c r="HH14" s="25">
        <v>0</v>
      </c>
      <c r="HI14" s="25">
        <v>0</v>
      </c>
      <c r="HJ14" s="25">
        <v>0</v>
      </c>
      <c r="HK14" s="25">
        <v>0</v>
      </c>
      <c r="HL14" s="25">
        <v>0</v>
      </c>
      <c r="HM14" s="28">
        <v>0</v>
      </c>
      <c r="HN14" s="29">
        <v>0</v>
      </c>
      <c r="HO14" s="24">
        <v>7542</v>
      </c>
      <c r="HP14" s="25">
        <v>36696</v>
      </c>
      <c r="HQ14" s="26">
        <v>44238</v>
      </c>
      <c r="HR14" s="27">
        <v>0</v>
      </c>
      <c r="HS14" s="25">
        <v>1019284</v>
      </c>
      <c r="HT14" s="25">
        <v>1604033</v>
      </c>
      <c r="HU14" s="25">
        <v>6970032</v>
      </c>
      <c r="HV14" s="25">
        <v>11631441</v>
      </c>
      <c r="HW14" s="25">
        <v>8074666</v>
      </c>
      <c r="HX14" s="28">
        <v>29299456</v>
      </c>
      <c r="HY14" s="29">
        <v>29343694</v>
      </c>
    </row>
    <row r="15" spans="2:233" ht="21" customHeight="1" x14ac:dyDescent="0.2">
      <c r="B15" s="106" t="s">
        <v>11</v>
      </c>
      <c r="C15" s="24">
        <v>1535</v>
      </c>
      <c r="D15" s="25">
        <v>8415</v>
      </c>
      <c r="E15" s="26">
        <v>9950</v>
      </c>
      <c r="F15" s="27">
        <v>0</v>
      </c>
      <c r="G15" s="25">
        <v>520545</v>
      </c>
      <c r="H15" s="25">
        <v>869028</v>
      </c>
      <c r="I15" s="25">
        <v>2350475</v>
      </c>
      <c r="J15" s="25">
        <v>4026475</v>
      </c>
      <c r="K15" s="25">
        <v>2371238</v>
      </c>
      <c r="L15" s="28">
        <v>10137761</v>
      </c>
      <c r="M15" s="29">
        <v>10147711</v>
      </c>
      <c r="N15" s="24">
        <v>0</v>
      </c>
      <c r="O15" s="25">
        <v>0</v>
      </c>
      <c r="P15" s="26">
        <v>0</v>
      </c>
      <c r="Q15" s="404">
        <v>0</v>
      </c>
      <c r="R15" s="25">
        <v>2635</v>
      </c>
      <c r="S15" s="25">
        <v>79205</v>
      </c>
      <c r="T15" s="25">
        <v>1653390</v>
      </c>
      <c r="U15" s="25">
        <v>2565910</v>
      </c>
      <c r="V15" s="25">
        <v>1602930</v>
      </c>
      <c r="W15" s="28">
        <v>5904070</v>
      </c>
      <c r="X15" s="29">
        <v>5904070</v>
      </c>
      <c r="Y15" s="24">
        <v>0</v>
      </c>
      <c r="Z15" s="25">
        <v>0</v>
      </c>
      <c r="AA15" s="26">
        <v>0</v>
      </c>
      <c r="AB15" s="404">
        <v>0</v>
      </c>
      <c r="AC15" s="25">
        <v>359030</v>
      </c>
      <c r="AD15" s="25">
        <v>596440</v>
      </c>
      <c r="AE15" s="25">
        <v>511690</v>
      </c>
      <c r="AF15" s="25">
        <v>1151090</v>
      </c>
      <c r="AG15" s="25">
        <v>239010</v>
      </c>
      <c r="AH15" s="28">
        <v>2857260</v>
      </c>
      <c r="AI15" s="29">
        <v>2857260</v>
      </c>
      <c r="AJ15" s="24">
        <v>0</v>
      </c>
      <c r="AK15" s="25">
        <v>0</v>
      </c>
      <c r="AL15" s="26">
        <v>0</v>
      </c>
      <c r="AM15" s="404">
        <v>0</v>
      </c>
      <c r="AN15" s="25">
        <v>0</v>
      </c>
      <c r="AO15" s="25">
        <v>0</v>
      </c>
      <c r="AP15" s="25">
        <v>0</v>
      </c>
      <c r="AQ15" s="25">
        <v>0</v>
      </c>
      <c r="AR15" s="25">
        <v>0</v>
      </c>
      <c r="AS15" s="28">
        <v>0</v>
      </c>
      <c r="AT15" s="29">
        <v>0</v>
      </c>
      <c r="AU15" s="24">
        <v>0</v>
      </c>
      <c r="AV15" s="25">
        <v>0</v>
      </c>
      <c r="AW15" s="26">
        <v>0</v>
      </c>
      <c r="AX15" s="404">
        <v>0</v>
      </c>
      <c r="AY15" s="25">
        <v>92845</v>
      </c>
      <c r="AZ15" s="25">
        <v>78655</v>
      </c>
      <c r="BA15" s="25">
        <v>28040</v>
      </c>
      <c r="BB15" s="25">
        <v>95325</v>
      </c>
      <c r="BC15" s="25">
        <v>445000</v>
      </c>
      <c r="BD15" s="28">
        <v>739865</v>
      </c>
      <c r="BE15" s="29">
        <v>739865</v>
      </c>
      <c r="BF15" s="24">
        <v>0</v>
      </c>
      <c r="BG15" s="25">
        <v>0</v>
      </c>
      <c r="BH15" s="26">
        <v>0</v>
      </c>
      <c r="BI15" s="404">
        <v>0</v>
      </c>
      <c r="BJ15" s="25">
        <v>0</v>
      </c>
      <c r="BK15" s="25">
        <v>24645</v>
      </c>
      <c r="BL15" s="25">
        <v>0</v>
      </c>
      <c r="BM15" s="25">
        <v>32705</v>
      </c>
      <c r="BN15" s="25">
        <v>0</v>
      </c>
      <c r="BO15" s="28">
        <v>57350</v>
      </c>
      <c r="BP15" s="29">
        <v>57350</v>
      </c>
      <c r="BQ15" s="24">
        <v>1535</v>
      </c>
      <c r="BR15" s="25">
        <v>8415</v>
      </c>
      <c r="BS15" s="26">
        <v>9950</v>
      </c>
      <c r="BT15" s="27">
        <v>0</v>
      </c>
      <c r="BU15" s="25">
        <v>62899</v>
      </c>
      <c r="BV15" s="25">
        <v>86915</v>
      </c>
      <c r="BW15" s="25">
        <v>153300</v>
      </c>
      <c r="BX15" s="25">
        <v>180617</v>
      </c>
      <c r="BY15" s="25">
        <v>84153</v>
      </c>
      <c r="BZ15" s="28">
        <v>567884</v>
      </c>
      <c r="CA15" s="29">
        <v>577834</v>
      </c>
      <c r="CB15" s="24">
        <v>0</v>
      </c>
      <c r="CC15" s="25">
        <v>0</v>
      </c>
      <c r="CD15" s="26">
        <v>0</v>
      </c>
      <c r="CE15" s="27">
        <v>0</v>
      </c>
      <c r="CF15" s="25">
        <v>3136</v>
      </c>
      <c r="CG15" s="25">
        <v>3168</v>
      </c>
      <c r="CH15" s="25">
        <v>4055</v>
      </c>
      <c r="CI15" s="25">
        <v>828</v>
      </c>
      <c r="CJ15" s="25">
        <v>145</v>
      </c>
      <c r="CK15" s="28">
        <v>11332</v>
      </c>
      <c r="CL15" s="29">
        <v>11332</v>
      </c>
      <c r="CM15" s="24">
        <v>0</v>
      </c>
      <c r="CN15" s="25">
        <v>0</v>
      </c>
      <c r="CO15" s="26">
        <v>0</v>
      </c>
      <c r="CP15" s="27">
        <v>0</v>
      </c>
      <c r="CQ15" s="25">
        <v>0</v>
      </c>
      <c r="CR15" s="25">
        <v>0</v>
      </c>
      <c r="CS15" s="25">
        <v>0</v>
      </c>
      <c r="CT15" s="25">
        <v>0</v>
      </c>
      <c r="CU15" s="25">
        <v>0</v>
      </c>
      <c r="CV15" s="28">
        <v>0</v>
      </c>
      <c r="CW15" s="29">
        <v>0</v>
      </c>
      <c r="CX15" s="24">
        <v>0</v>
      </c>
      <c r="CY15" s="25">
        <v>0</v>
      </c>
      <c r="CZ15" s="26">
        <v>0</v>
      </c>
      <c r="DA15" s="404">
        <v>0</v>
      </c>
      <c r="DB15" s="25">
        <v>0</v>
      </c>
      <c r="DC15" s="25">
        <v>0</v>
      </c>
      <c r="DD15" s="25">
        <v>0</v>
      </c>
      <c r="DE15" s="25">
        <v>0</v>
      </c>
      <c r="DF15" s="25">
        <v>0</v>
      </c>
      <c r="DG15" s="28">
        <v>0</v>
      </c>
      <c r="DH15" s="29">
        <v>0</v>
      </c>
      <c r="DI15" s="24">
        <v>1755</v>
      </c>
      <c r="DJ15" s="25">
        <v>12235</v>
      </c>
      <c r="DK15" s="26">
        <v>13990</v>
      </c>
      <c r="DL15" s="27">
        <v>0</v>
      </c>
      <c r="DM15" s="25">
        <v>125310</v>
      </c>
      <c r="DN15" s="25">
        <v>316668</v>
      </c>
      <c r="DO15" s="25">
        <v>2270632</v>
      </c>
      <c r="DP15" s="25">
        <v>3943452</v>
      </c>
      <c r="DQ15" s="25">
        <v>2045760</v>
      </c>
      <c r="DR15" s="28">
        <v>8701822</v>
      </c>
      <c r="DS15" s="30">
        <v>8715812</v>
      </c>
      <c r="DT15" s="24">
        <v>0</v>
      </c>
      <c r="DU15" s="25">
        <v>0</v>
      </c>
      <c r="DV15" s="26">
        <v>0</v>
      </c>
      <c r="DW15" s="404">
        <v>0</v>
      </c>
      <c r="DX15" s="25">
        <v>15035</v>
      </c>
      <c r="DY15" s="25">
        <v>87855</v>
      </c>
      <c r="DZ15" s="25">
        <v>1949751</v>
      </c>
      <c r="EA15" s="25">
        <v>3442477</v>
      </c>
      <c r="EB15" s="25">
        <v>1841297</v>
      </c>
      <c r="EC15" s="28">
        <v>7336415</v>
      </c>
      <c r="ED15" s="29">
        <v>7336415</v>
      </c>
      <c r="EE15" s="24">
        <v>0</v>
      </c>
      <c r="EF15" s="25">
        <v>0</v>
      </c>
      <c r="EG15" s="26">
        <v>0</v>
      </c>
      <c r="EH15" s="404">
        <v>0</v>
      </c>
      <c r="EI15" s="25">
        <v>30222</v>
      </c>
      <c r="EJ15" s="25">
        <v>90334</v>
      </c>
      <c r="EK15" s="25">
        <v>132310</v>
      </c>
      <c r="EL15" s="25">
        <v>256746</v>
      </c>
      <c r="EM15" s="25">
        <v>26536</v>
      </c>
      <c r="EN15" s="28">
        <v>536148</v>
      </c>
      <c r="EO15" s="29">
        <v>536148</v>
      </c>
      <c r="EP15" s="24">
        <v>0</v>
      </c>
      <c r="EQ15" s="25">
        <v>0</v>
      </c>
      <c r="ER15" s="26">
        <v>0</v>
      </c>
      <c r="ES15" s="404">
        <v>0</v>
      </c>
      <c r="ET15" s="25">
        <v>0</v>
      </c>
      <c r="EU15" s="25">
        <v>0</v>
      </c>
      <c r="EV15" s="25">
        <v>0</v>
      </c>
      <c r="EW15" s="25">
        <v>0</v>
      </c>
      <c r="EX15" s="25">
        <v>0</v>
      </c>
      <c r="EY15" s="28">
        <v>0</v>
      </c>
      <c r="EZ15" s="29">
        <v>0</v>
      </c>
      <c r="FA15" s="24">
        <v>0</v>
      </c>
      <c r="FB15" s="25">
        <v>0</v>
      </c>
      <c r="FC15" s="26">
        <v>0</v>
      </c>
      <c r="FD15" s="404">
        <v>0</v>
      </c>
      <c r="FE15" s="25">
        <v>13981</v>
      </c>
      <c r="FF15" s="25">
        <v>16731</v>
      </c>
      <c r="FG15" s="25">
        <v>871</v>
      </c>
      <c r="FH15" s="25">
        <v>1085</v>
      </c>
      <c r="FI15" s="25">
        <v>83634</v>
      </c>
      <c r="FJ15" s="28">
        <v>116302</v>
      </c>
      <c r="FK15" s="29">
        <v>116302</v>
      </c>
      <c r="FL15" s="24">
        <v>0</v>
      </c>
      <c r="FM15" s="25">
        <v>0</v>
      </c>
      <c r="FN15" s="26">
        <v>0</v>
      </c>
      <c r="FO15" s="404">
        <v>0</v>
      </c>
      <c r="FP15" s="25">
        <v>0</v>
      </c>
      <c r="FQ15" s="25">
        <v>21576</v>
      </c>
      <c r="FR15" s="25">
        <v>0</v>
      </c>
      <c r="FS15" s="25">
        <v>36766</v>
      </c>
      <c r="FT15" s="25">
        <v>0</v>
      </c>
      <c r="FU15" s="28">
        <v>58342</v>
      </c>
      <c r="FV15" s="29">
        <v>58342</v>
      </c>
      <c r="FW15" s="24">
        <v>1755</v>
      </c>
      <c r="FX15" s="25">
        <v>12235</v>
      </c>
      <c r="FY15" s="26">
        <v>13990</v>
      </c>
      <c r="FZ15" s="27">
        <v>0</v>
      </c>
      <c r="GA15" s="25">
        <v>66016</v>
      </c>
      <c r="GB15" s="25">
        <v>100144</v>
      </c>
      <c r="GC15" s="25">
        <v>187665</v>
      </c>
      <c r="GD15" s="25">
        <v>206315</v>
      </c>
      <c r="GE15" s="25">
        <v>93303</v>
      </c>
      <c r="GF15" s="28">
        <v>653443</v>
      </c>
      <c r="GG15" s="29">
        <v>667433</v>
      </c>
      <c r="GH15" s="24">
        <v>0</v>
      </c>
      <c r="GI15" s="25">
        <v>0</v>
      </c>
      <c r="GJ15" s="26">
        <v>0</v>
      </c>
      <c r="GK15" s="27">
        <v>0</v>
      </c>
      <c r="GL15" s="25">
        <v>56</v>
      </c>
      <c r="GM15" s="25">
        <v>28</v>
      </c>
      <c r="GN15" s="25">
        <v>35</v>
      </c>
      <c r="GO15" s="25">
        <v>63</v>
      </c>
      <c r="GP15" s="25">
        <v>990</v>
      </c>
      <c r="GQ15" s="28">
        <v>1172</v>
      </c>
      <c r="GR15" s="29">
        <v>1172</v>
      </c>
      <c r="GS15" s="24">
        <v>0</v>
      </c>
      <c r="GT15" s="25">
        <v>0</v>
      </c>
      <c r="GU15" s="26">
        <v>0</v>
      </c>
      <c r="GV15" s="27">
        <v>0</v>
      </c>
      <c r="GW15" s="25">
        <v>0</v>
      </c>
      <c r="GX15" s="25">
        <v>0</v>
      </c>
      <c r="GY15" s="25">
        <v>0</v>
      </c>
      <c r="GZ15" s="25">
        <v>0</v>
      </c>
      <c r="HA15" s="25">
        <v>0</v>
      </c>
      <c r="HB15" s="28">
        <v>0</v>
      </c>
      <c r="HC15" s="29">
        <v>0</v>
      </c>
      <c r="HD15" s="24">
        <v>0</v>
      </c>
      <c r="HE15" s="25">
        <v>0</v>
      </c>
      <c r="HF15" s="26">
        <v>0</v>
      </c>
      <c r="HG15" s="404">
        <v>0</v>
      </c>
      <c r="HH15" s="25">
        <v>0</v>
      </c>
      <c r="HI15" s="25">
        <v>0</v>
      </c>
      <c r="HJ15" s="25">
        <v>0</v>
      </c>
      <c r="HK15" s="25">
        <v>0</v>
      </c>
      <c r="HL15" s="25">
        <v>0</v>
      </c>
      <c r="HM15" s="28">
        <v>0</v>
      </c>
      <c r="HN15" s="29">
        <v>0</v>
      </c>
      <c r="HO15" s="24">
        <v>3290</v>
      </c>
      <c r="HP15" s="25">
        <v>20650</v>
      </c>
      <c r="HQ15" s="26">
        <v>23940</v>
      </c>
      <c r="HR15" s="27">
        <v>0</v>
      </c>
      <c r="HS15" s="25">
        <v>645855</v>
      </c>
      <c r="HT15" s="25">
        <v>1185696</v>
      </c>
      <c r="HU15" s="25">
        <v>4621107</v>
      </c>
      <c r="HV15" s="25">
        <v>7969927</v>
      </c>
      <c r="HW15" s="25">
        <v>4416998</v>
      </c>
      <c r="HX15" s="28">
        <v>18839583</v>
      </c>
      <c r="HY15" s="29">
        <v>18863523</v>
      </c>
    </row>
    <row r="16" spans="2:233" ht="21" customHeight="1" x14ac:dyDescent="0.2">
      <c r="B16" s="106" t="s">
        <v>12</v>
      </c>
      <c r="C16" s="24">
        <v>8270</v>
      </c>
      <c r="D16" s="25">
        <v>2175</v>
      </c>
      <c r="E16" s="26">
        <v>10445</v>
      </c>
      <c r="F16" s="27">
        <v>0</v>
      </c>
      <c r="G16" s="25">
        <v>185583</v>
      </c>
      <c r="H16" s="25">
        <v>736590</v>
      </c>
      <c r="I16" s="25">
        <v>2082134</v>
      </c>
      <c r="J16" s="25">
        <v>3353527</v>
      </c>
      <c r="K16" s="25">
        <v>1485343</v>
      </c>
      <c r="L16" s="28">
        <v>7843177</v>
      </c>
      <c r="M16" s="29">
        <v>7853622</v>
      </c>
      <c r="N16" s="24">
        <v>0</v>
      </c>
      <c r="O16" s="25">
        <v>0</v>
      </c>
      <c r="P16" s="26">
        <v>0</v>
      </c>
      <c r="Q16" s="404">
        <v>0</v>
      </c>
      <c r="R16" s="25">
        <v>2635</v>
      </c>
      <c r="S16" s="25">
        <v>62465</v>
      </c>
      <c r="T16" s="25">
        <v>1163995</v>
      </c>
      <c r="U16" s="25">
        <v>2162094</v>
      </c>
      <c r="V16" s="25">
        <v>866105</v>
      </c>
      <c r="W16" s="28">
        <v>4257294</v>
      </c>
      <c r="X16" s="29">
        <v>4257294</v>
      </c>
      <c r="Y16" s="24">
        <v>0</v>
      </c>
      <c r="Z16" s="25">
        <v>0</v>
      </c>
      <c r="AA16" s="26">
        <v>0</v>
      </c>
      <c r="AB16" s="404">
        <v>0</v>
      </c>
      <c r="AC16" s="25">
        <v>92170</v>
      </c>
      <c r="AD16" s="25">
        <v>589390</v>
      </c>
      <c r="AE16" s="25">
        <v>631670</v>
      </c>
      <c r="AF16" s="25">
        <v>797791</v>
      </c>
      <c r="AG16" s="25">
        <v>471130</v>
      </c>
      <c r="AH16" s="28">
        <v>2582151</v>
      </c>
      <c r="AI16" s="29">
        <v>2582151</v>
      </c>
      <c r="AJ16" s="24">
        <v>0</v>
      </c>
      <c r="AK16" s="25">
        <v>0</v>
      </c>
      <c r="AL16" s="26">
        <v>0</v>
      </c>
      <c r="AM16" s="404">
        <v>0</v>
      </c>
      <c r="AN16" s="25">
        <v>0</v>
      </c>
      <c r="AO16" s="25">
        <v>0</v>
      </c>
      <c r="AP16" s="25">
        <v>0</v>
      </c>
      <c r="AQ16" s="25">
        <v>0</v>
      </c>
      <c r="AR16" s="25">
        <v>0</v>
      </c>
      <c r="AS16" s="28">
        <v>0</v>
      </c>
      <c r="AT16" s="29">
        <v>0</v>
      </c>
      <c r="AU16" s="24">
        <v>0</v>
      </c>
      <c r="AV16" s="25">
        <v>0</v>
      </c>
      <c r="AW16" s="26">
        <v>0</v>
      </c>
      <c r="AX16" s="404">
        <v>0</v>
      </c>
      <c r="AY16" s="25">
        <v>0</v>
      </c>
      <c r="AZ16" s="25">
        <v>0</v>
      </c>
      <c r="BA16" s="25">
        <v>2635</v>
      </c>
      <c r="BB16" s="25">
        <v>75695</v>
      </c>
      <c r="BC16" s="25">
        <v>43400</v>
      </c>
      <c r="BD16" s="28">
        <v>121730</v>
      </c>
      <c r="BE16" s="29">
        <v>121730</v>
      </c>
      <c r="BF16" s="24">
        <v>0</v>
      </c>
      <c r="BG16" s="25">
        <v>0</v>
      </c>
      <c r="BH16" s="26">
        <v>0</v>
      </c>
      <c r="BI16" s="404">
        <v>0</v>
      </c>
      <c r="BJ16" s="25">
        <v>0</v>
      </c>
      <c r="BK16" s="25">
        <v>0</v>
      </c>
      <c r="BL16" s="25">
        <v>59830</v>
      </c>
      <c r="BM16" s="25">
        <v>130325</v>
      </c>
      <c r="BN16" s="25">
        <v>32705</v>
      </c>
      <c r="BO16" s="28">
        <v>222860</v>
      </c>
      <c r="BP16" s="29">
        <v>222860</v>
      </c>
      <c r="BQ16" s="24">
        <v>8270</v>
      </c>
      <c r="BR16" s="25">
        <v>2175</v>
      </c>
      <c r="BS16" s="26">
        <v>10445</v>
      </c>
      <c r="BT16" s="27">
        <v>0</v>
      </c>
      <c r="BU16" s="25">
        <v>90778</v>
      </c>
      <c r="BV16" s="25">
        <v>80290</v>
      </c>
      <c r="BW16" s="25">
        <v>220889</v>
      </c>
      <c r="BX16" s="25">
        <v>176692</v>
      </c>
      <c r="BY16" s="25">
        <v>72003</v>
      </c>
      <c r="BZ16" s="28">
        <v>640652</v>
      </c>
      <c r="CA16" s="29">
        <v>651097</v>
      </c>
      <c r="CB16" s="24">
        <v>0</v>
      </c>
      <c r="CC16" s="25">
        <v>0</v>
      </c>
      <c r="CD16" s="26">
        <v>0</v>
      </c>
      <c r="CE16" s="27">
        <v>0</v>
      </c>
      <c r="CF16" s="25">
        <v>0</v>
      </c>
      <c r="CG16" s="25">
        <v>4445</v>
      </c>
      <c r="CH16" s="25">
        <v>3115</v>
      </c>
      <c r="CI16" s="25">
        <v>10930</v>
      </c>
      <c r="CJ16" s="25">
        <v>0</v>
      </c>
      <c r="CK16" s="28">
        <v>18490</v>
      </c>
      <c r="CL16" s="29">
        <v>18490</v>
      </c>
      <c r="CM16" s="24">
        <v>0</v>
      </c>
      <c r="CN16" s="25">
        <v>0</v>
      </c>
      <c r="CO16" s="26">
        <v>0</v>
      </c>
      <c r="CP16" s="27">
        <v>0</v>
      </c>
      <c r="CQ16" s="25">
        <v>0</v>
      </c>
      <c r="CR16" s="25">
        <v>0</v>
      </c>
      <c r="CS16" s="25">
        <v>0</v>
      </c>
      <c r="CT16" s="25">
        <v>0</v>
      </c>
      <c r="CU16" s="25">
        <v>0</v>
      </c>
      <c r="CV16" s="28">
        <v>0</v>
      </c>
      <c r="CW16" s="29">
        <v>0</v>
      </c>
      <c r="CX16" s="24">
        <v>0</v>
      </c>
      <c r="CY16" s="25">
        <v>0</v>
      </c>
      <c r="CZ16" s="26">
        <v>0</v>
      </c>
      <c r="DA16" s="404">
        <v>0</v>
      </c>
      <c r="DB16" s="25">
        <v>0</v>
      </c>
      <c r="DC16" s="25">
        <v>0</v>
      </c>
      <c r="DD16" s="25">
        <v>0</v>
      </c>
      <c r="DE16" s="25">
        <v>0</v>
      </c>
      <c r="DF16" s="25">
        <v>0</v>
      </c>
      <c r="DG16" s="28">
        <v>0</v>
      </c>
      <c r="DH16" s="29">
        <v>0</v>
      </c>
      <c r="DI16" s="24">
        <v>6281</v>
      </c>
      <c r="DJ16" s="25">
        <v>11136</v>
      </c>
      <c r="DK16" s="26">
        <v>17417</v>
      </c>
      <c r="DL16" s="27">
        <v>0</v>
      </c>
      <c r="DM16" s="25">
        <v>175034</v>
      </c>
      <c r="DN16" s="25">
        <v>346012</v>
      </c>
      <c r="DO16" s="25">
        <v>2367433</v>
      </c>
      <c r="DP16" s="25">
        <v>3224401</v>
      </c>
      <c r="DQ16" s="25">
        <v>1755912</v>
      </c>
      <c r="DR16" s="28">
        <v>7868792</v>
      </c>
      <c r="DS16" s="30">
        <v>7886209</v>
      </c>
      <c r="DT16" s="24">
        <v>0</v>
      </c>
      <c r="DU16" s="25">
        <v>0</v>
      </c>
      <c r="DV16" s="26">
        <v>0</v>
      </c>
      <c r="DW16" s="404">
        <v>0</v>
      </c>
      <c r="DX16" s="25">
        <v>21576</v>
      </c>
      <c r="DY16" s="25">
        <v>151032</v>
      </c>
      <c r="DZ16" s="25">
        <v>1809901</v>
      </c>
      <c r="EA16" s="25">
        <v>2730300</v>
      </c>
      <c r="EB16" s="25">
        <v>1488368</v>
      </c>
      <c r="EC16" s="28">
        <v>6201177</v>
      </c>
      <c r="ED16" s="29">
        <v>6201177</v>
      </c>
      <c r="EE16" s="24">
        <v>0</v>
      </c>
      <c r="EF16" s="25">
        <v>0</v>
      </c>
      <c r="EG16" s="26">
        <v>0</v>
      </c>
      <c r="EH16" s="404">
        <v>0</v>
      </c>
      <c r="EI16" s="25">
        <v>25841</v>
      </c>
      <c r="EJ16" s="25">
        <v>65300</v>
      </c>
      <c r="EK16" s="25">
        <v>118497</v>
      </c>
      <c r="EL16" s="25">
        <v>102454</v>
      </c>
      <c r="EM16" s="25">
        <v>71758</v>
      </c>
      <c r="EN16" s="28">
        <v>383850</v>
      </c>
      <c r="EO16" s="29">
        <v>383850</v>
      </c>
      <c r="EP16" s="24">
        <v>0</v>
      </c>
      <c r="EQ16" s="25">
        <v>0</v>
      </c>
      <c r="ER16" s="26">
        <v>0</v>
      </c>
      <c r="ES16" s="404">
        <v>0</v>
      </c>
      <c r="ET16" s="25">
        <v>0</v>
      </c>
      <c r="EU16" s="25">
        <v>0</v>
      </c>
      <c r="EV16" s="25">
        <v>0</v>
      </c>
      <c r="EW16" s="25">
        <v>0</v>
      </c>
      <c r="EX16" s="25">
        <v>0</v>
      </c>
      <c r="EY16" s="28">
        <v>0</v>
      </c>
      <c r="EZ16" s="29">
        <v>0</v>
      </c>
      <c r="FA16" s="24">
        <v>0</v>
      </c>
      <c r="FB16" s="25">
        <v>0</v>
      </c>
      <c r="FC16" s="26">
        <v>0</v>
      </c>
      <c r="FD16" s="404">
        <v>0</v>
      </c>
      <c r="FE16" s="25">
        <v>0</v>
      </c>
      <c r="FF16" s="25">
        <v>0</v>
      </c>
      <c r="FG16" s="25">
        <v>217</v>
      </c>
      <c r="FH16" s="25">
        <v>1302</v>
      </c>
      <c r="FI16" s="25">
        <v>14198</v>
      </c>
      <c r="FJ16" s="28">
        <v>15717</v>
      </c>
      <c r="FK16" s="29">
        <v>15717</v>
      </c>
      <c r="FL16" s="24">
        <v>0</v>
      </c>
      <c r="FM16" s="25">
        <v>0</v>
      </c>
      <c r="FN16" s="26">
        <v>0</v>
      </c>
      <c r="FO16" s="404">
        <v>0</v>
      </c>
      <c r="FP16" s="25">
        <v>0</v>
      </c>
      <c r="FQ16" s="25">
        <v>0</v>
      </c>
      <c r="FR16" s="25">
        <v>129456</v>
      </c>
      <c r="FS16" s="25">
        <v>196602</v>
      </c>
      <c r="FT16" s="25">
        <v>36766</v>
      </c>
      <c r="FU16" s="28">
        <v>362824</v>
      </c>
      <c r="FV16" s="29">
        <v>362824</v>
      </c>
      <c r="FW16" s="24">
        <v>6281</v>
      </c>
      <c r="FX16" s="25">
        <v>11136</v>
      </c>
      <c r="FY16" s="26">
        <v>17417</v>
      </c>
      <c r="FZ16" s="27">
        <v>0</v>
      </c>
      <c r="GA16" s="25">
        <v>127617</v>
      </c>
      <c r="GB16" s="25">
        <v>122612</v>
      </c>
      <c r="GC16" s="25">
        <v>309362</v>
      </c>
      <c r="GD16" s="25">
        <v>193652</v>
      </c>
      <c r="GE16" s="25">
        <v>144822</v>
      </c>
      <c r="GF16" s="28">
        <v>898065</v>
      </c>
      <c r="GG16" s="29">
        <v>915482</v>
      </c>
      <c r="GH16" s="24">
        <v>0</v>
      </c>
      <c r="GI16" s="25">
        <v>0</v>
      </c>
      <c r="GJ16" s="26">
        <v>0</v>
      </c>
      <c r="GK16" s="27">
        <v>0</v>
      </c>
      <c r="GL16" s="25">
        <v>0</v>
      </c>
      <c r="GM16" s="25">
        <v>7068</v>
      </c>
      <c r="GN16" s="25">
        <v>0</v>
      </c>
      <c r="GO16" s="25">
        <v>91</v>
      </c>
      <c r="GP16" s="25">
        <v>0</v>
      </c>
      <c r="GQ16" s="28">
        <v>7159</v>
      </c>
      <c r="GR16" s="29">
        <v>7159</v>
      </c>
      <c r="GS16" s="24">
        <v>0</v>
      </c>
      <c r="GT16" s="25">
        <v>0</v>
      </c>
      <c r="GU16" s="26">
        <v>0</v>
      </c>
      <c r="GV16" s="27">
        <v>0</v>
      </c>
      <c r="GW16" s="25">
        <v>0</v>
      </c>
      <c r="GX16" s="25">
        <v>0</v>
      </c>
      <c r="GY16" s="25">
        <v>0</v>
      </c>
      <c r="GZ16" s="25">
        <v>0</v>
      </c>
      <c r="HA16" s="25">
        <v>0</v>
      </c>
      <c r="HB16" s="28">
        <v>0</v>
      </c>
      <c r="HC16" s="29">
        <v>0</v>
      </c>
      <c r="HD16" s="24">
        <v>0</v>
      </c>
      <c r="HE16" s="25">
        <v>0</v>
      </c>
      <c r="HF16" s="26">
        <v>0</v>
      </c>
      <c r="HG16" s="404">
        <v>0</v>
      </c>
      <c r="HH16" s="25">
        <v>0</v>
      </c>
      <c r="HI16" s="25">
        <v>0</v>
      </c>
      <c r="HJ16" s="25">
        <v>0</v>
      </c>
      <c r="HK16" s="25">
        <v>0</v>
      </c>
      <c r="HL16" s="25">
        <v>0</v>
      </c>
      <c r="HM16" s="28">
        <v>0</v>
      </c>
      <c r="HN16" s="29">
        <v>0</v>
      </c>
      <c r="HO16" s="24">
        <v>14551</v>
      </c>
      <c r="HP16" s="25">
        <v>13311</v>
      </c>
      <c r="HQ16" s="26">
        <v>27862</v>
      </c>
      <c r="HR16" s="27">
        <v>0</v>
      </c>
      <c r="HS16" s="25">
        <v>360617</v>
      </c>
      <c r="HT16" s="25">
        <v>1082602</v>
      </c>
      <c r="HU16" s="25">
        <v>4449567</v>
      </c>
      <c r="HV16" s="25">
        <v>6577928</v>
      </c>
      <c r="HW16" s="25">
        <v>3241255</v>
      </c>
      <c r="HX16" s="28">
        <v>15711969</v>
      </c>
      <c r="HY16" s="29">
        <v>15739831</v>
      </c>
    </row>
    <row r="17" spans="2:233" ht="21" customHeight="1" x14ac:dyDescent="0.2">
      <c r="B17" s="106" t="s">
        <v>13</v>
      </c>
      <c r="C17" s="24">
        <v>0</v>
      </c>
      <c r="D17" s="25">
        <v>0</v>
      </c>
      <c r="E17" s="26">
        <v>0</v>
      </c>
      <c r="F17" s="27">
        <v>0</v>
      </c>
      <c r="G17" s="25">
        <v>78570</v>
      </c>
      <c r="H17" s="25">
        <v>52925</v>
      </c>
      <c r="I17" s="25">
        <v>429280</v>
      </c>
      <c r="J17" s="25">
        <v>807640</v>
      </c>
      <c r="K17" s="25">
        <v>624109</v>
      </c>
      <c r="L17" s="28">
        <v>1992524</v>
      </c>
      <c r="M17" s="29">
        <v>1992524</v>
      </c>
      <c r="N17" s="24">
        <v>0</v>
      </c>
      <c r="O17" s="25">
        <v>0</v>
      </c>
      <c r="P17" s="26">
        <v>0</v>
      </c>
      <c r="Q17" s="404">
        <v>0</v>
      </c>
      <c r="R17" s="25">
        <v>2635</v>
      </c>
      <c r="S17" s="25">
        <v>2635</v>
      </c>
      <c r="T17" s="25">
        <v>301165</v>
      </c>
      <c r="U17" s="25">
        <v>741305</v>
      </c>
      <c r="V17" s="25">
        <v>473802</v>
      </c>
      <c r="W17" s="28">
        <v>1521542</v>
      </c>
      <c r="X17" s="29">
        <v>1521542</v>
      </c>
      <c r="Y17" s="24">
        <v>0</v>
      </c>
      <c r="Z17" s="25">
        <v>0</v>
      </c>
      <c r="AA17" s="26">
        <v>0</v>
      </c>
      <c r="AB17" s="404">
        <v>0</v>
      </c>
      <c r="AC17" s="25">
        <v>70835</v>
      </c>
      <c r="AD17" s="25">
        <v>32550</v>
      </c>
      <c r="AE17" s="25">
        <v>93965</v>
      </c>
      <c r="AF17" s="25">
        <v>59370</v>
      </c>
      <c r="AG17" s="25">
        <v>48495</v>
      </c>
      <c r="AH17" s="28">
        <v>305215</v>
      </c>
      <c r="AI17" s="29">
        <v>305215</v>
      </c>
      <c r="AJ17" s="24">
        <v>0</v>
      </c>
      <c r="AK17" s="25">
        <v>0</v>
      </c>
      <c r="AL17" s="26">
        <v>0</v>
      </c>
      <c r="AM17" s="404">
        <v>0</v>
      </c>
      <c r="AN17" s="25">
        <v>0</v>
      </c>
      <c r="AO17" s="25">
        <v>0</v>
      </c>
      <c r="AP17" s="25">
        <v>0</v>
      </c>
      <c r="AQ17" s="25">
        <v>0</v>
      </c>
      <c r="AR17" s="25">
        <v>0</v>
      </c>
      <c r="AS17" s="28">
        <v>0</v>
      </c>
      <c r="AT17" s="29">
        <v>0</v>
      </c>
      <c r="AU17" s="24">
        <v>0</v>
      </c>
      <c r="AV17" s="25">
        <v>0</v>
      </c>
      <c r="AW17" s="26">
        <v>0</v>
      </c>
      <c r="AX17" s="404">
        <v>0</v>
      </c>
      <c r="AY17" s="25">
        <v>0</v>
      </c>
      <c r="AZ17" s="25">
        <v>0</v>
      </c>
      <c r="BA17" s="25">
        <v>0</v>
      </c>
      <c r="BB17" s="25">
        <v>0</v>
      </c>
      <c r="BC17" s="25">
        <v>0</v>
      </c>
      <c r="BD17" s="28">
        <v>0</v>
      </c>
      <c r="BE17" s="29">
        <v>0</v>
      </c>
      <c r="BF17" s="24">
        <v>0</v>
      </c>
      <c r="BG17" s="25">
        <v>0</v>
      </c>
      <c r="BH17" s="26">
        <v>0</v>
      </c>
      <c r="BI17" s="404">
        <v>0</v>
      </c>
      <c r="BJ17" s="25">
        <v>0</v>
      </c>
      <c r="BK17" s="25">
        <v>0</v>
      </c>
      <c r="BL17" s="25">
        <v>0</v>
      </c>
      <c r="BM17" s="25">
        <v>0</v>
      </c>
      <c r="BN17" s="25">
        <v>0</v>
      </c>
      <c r="BO17" s="28">
        <v>0</v>
      </c>
      <c r="BP17" s="29">
        <v>0</v>
      </c>
      <c r="BQ17" s="24">
        <v>0</v>
      </c>
      <c r="BR17" s="25">
        <v>0</v>
      </c>
      <c r="BS17" s="26">
        <v>0</v>
      </c>
      <c r="BT17" s="27">
        <v>0</v>
      </c>
      <c r="BU17" s="25">
        <v>5100</v>
      </c>
      <c r="BV17" s="25">
        <v>17740</v>
      </c>
      <c r="BW17" s="25">
        <v>32130</v>
      </c>
      <c r="BX17" s="25">
        <v>6965</v>
      </c>
      <c r="BY17" s="25">
        <v>82402</v>
      </c>
      <c r="BZ17" s="28">
        <v>144337</v>
      </c>
      <c r="CA17" s="29">
        <v>144337</v>
      </c>
      <c r="CB17" s="24">
        <v>0</v>
      </c>
      <c r="CC17" s="25">
        <v>0</v>
      </c>
      <c r="CD17" s="26">
        <v>0</v>
      </c>
      <c r="CE17" s="27">
        <v>0</v>
      </c>
      <c r="CF17" s="25">
        <v>0</v>
      </c>
      <c r="CG17" s="25">
        <v>0</v>
      </c>
      <c r="CH17" s="25">
        <v>2020</v>
      </c>
      <c r="CI17" s="25">
        <v>0</v>
      </c>
      <c r="CJ17" s="25">
        <v>19410</v>
      </c>
      <c r="CK17" s="28">
        <v>21430</v>
      </c>
      <c r="CL17" s="29">
        <v>21430</v>
      </c>
      <c r="CM17" s="24">
        <v>0</v>
      </c>
      <c r="CN17" s="25">
        <v>0</v>
      </c>
      <c r="CO17" s="26">
        <v>0</v>
      </c>
      <c r="CP17" s="27">
        <v>0</v>
      </c>
      <c r="CQ17" s="25">
        <v>0</v>
      </c>
      <c r="CR17" s="25">
        <v>0</v>
      </c>
      <c r="CS17" s="25">
        <v>0</v>
      </c>
      <c r="CT17" s="25">
        <v>0</v>
      </c>
      <c r="CU17" s="25">
        <v>0</v>
      </c>
      <c r="CV17" s="28">
        <v>0</v>
      </c>
      <c r="CW17" s="29">
        <v>0</v>
      </c>
      <c r="CX17" s="24">
        <v>0</v>
      </c>
      <c r="CY17" s="25">
        <v>0</v>
      </c>
      <c r="CZ17" s="26">
        <v>0</v>
      </c>
      <c r="DA17" s="404">
        <v>0</v>
      </c>
      <c r="DB17" s="25">
        <v>0</v>
      </c>
      <c r="DC17" s="25">
        <v>0</v>
      </c>
      <c r="DD17" s="25">
        <v>0</v>
      </c>
      <c r="DE17" s="25">
        <v>0</v>
      </c>
      <c r="DF17" s="25">
        <v>0</v>
      </c>
      <c r="DG17" s="28">
        <v>0</v>
      </c>
      <c r="DH17" s="29">
        <v>0</v>
      </c>
      <c r="DI17" s="24">
        <v>0</v>
      </c>
      <c r="DJ17" s="25">
        <v>0</v>
      </c>
      <c r="DK17" s="26">
        <v>0</v>
      </c>
      <c r="DL17" s="27">
        <v>0</v>
      </c>
      <c r="DM17" s="25">
        <v>55896</v>
      </c>
      <c r="DN17" s="25">
        <v>43115</v>
      </c>
      <c r="DO17" s="25">
        <v>559436</v>
      </c>
      <c r="DP17" s="25">
        <v>828987</v>
      </c>
      <c r="DQ17" s="25">
        <v>779324</v>
      </c>
      <c r="DR17" s="28">
        <v>2266758</v>
      </c>
      <c r="DS17" s="30">
        <v>2266758</v>
      </c>
      <c r="DT17" s="24">
        <v>0</v>
      </c>
      <c r="DU17" s="25">
        <v>0</v>
      </c>
      <c r="DV17" s="26">
        <v>0</v>
      </c>
      <c r="DW17" s="404">
        <v>0</v>
      </c>
      <c r="DX17" s="25">
        <v>21576</v>
      </c>
      <c r="DY17" s="25">
        <v>21576</v>
      </c>
      <c r="DZ17" s="25">
        <v>471406</v>
      </c>
      <c r="EA17" s="25">
        <v>816499</v>
      </c>
      <c r="EB17" s="25">
        <v>660257</v>
      </c>
      <c r="EC17" s="28">
        <v>1991314</v>
      </c>
      <c r="ED17" s="29">
        <v>1991314</v>
      </c>
      <c r="EE17" s="24">
        <v>0</v>
      </c>
      <c r="EF17" s="25">
        <v>0</v>
      </c>
      <c r="EG17" s="26">
        <v>0</v>
      </c>
      <c r="EH17" s="404">
        <v>0</v>
      </c>
      <c r="EI17" s="25">
        <v>22785</v>
      </c>
      <c r="EJ17" s="25">
        <v>651</v>
      </c>
      <c r="EK17" s="25">
        <v>1323</v>
      </c>
      <c r="EL17" s="25">
        <v>1638</v>
      </c>
      <c r="EM17" s="25">
        <v>903</v>
      </c>
      <c r="EN17" s="28">
        <v>27300</v>
      </c>
      <c r="EO17" s="29">
        <v>27300</v>
      </c>
      <c r="EP17" s="24">
        <v>0</v>
      </c>
      <c r="EQ17" s="25">
        <v>0</v>
      </c>
      <c r="ER17" s="26">
        <v>0</v>
      </c>
      <c r="ES17" s="404">
        <v>0</v>
      </c>
      <c r="ET17" s="25">
        <v>0</v>
      </c>
      <c r="EU17" s="25">
        <v>0</v>
      </c>
      <c r="EV17" s="25">
        <v>0</v>
      </c>
      <c r="EW17" s="25">
        <v>0</v>
      </c>
      <c r="EX17" s="25">
        <v>0</v>
      </c>
      <c r="EY17" s="28">
        <v>0</v>
      </c>
      <c r="EZ17" s="29">
        <v>0</v>
      </c>
      <c r="FA17" s="24">
        <v>0</v>
      </c>
      <c r="FB17" s="25">
        <v>0</v>
      </c>
      <c r="FC17" s="26">
        <v>0</v>
      </c>
      <c r="FD17" s="404">
        <v>0</v>
      </c>
      <c r="FE17" s="25">
        <v>0</v>
      </c>
      <c r="FF17" s="25">
        <v>0</v>
      </c>
      <c r="FG17" s="25">
        <v>0</v>
      </c>
      <c r="FH17" s="25">
        <v>0</v>
      </c>
      <c r="FI17" s="25">
        <v>0</v>
      </c>
      <c r="FJ17" s="28">
        <v>0</v>
      </c>
      <c r="FK17" s="29">
        <v>0</v>
      </c>
      <c r="FL17" s="24">
        <v>0</v>
      </c>
      <c r="FM17" s="25">
        <v>0</v>
      </c>
      <c r="FN17" s="26">
        <v>0</v>
      </c>
      <c r="FO17" s="404">
        <v>0</v>
      </c>
      <c r="FP17" s="25">
        <v>0</v>
      </c>
      <c r="FQ17" s="25">
        <v>0</v>
      </c>
      <c r="FR17" s="25">
        <v>0</v>
      </c>
      <c r="FS17" s="25">
        <v>0</v>
      </c>
      <c r="FT17" s="25">
        <v>0</v>
      </c>
      <c r="FU17" s="28">
        <v>0</v>
      </c>
      <c r="FV17" s="29">
        <v>0</v>
      </c>
      <c r="FW17" s="24">
        <v>0</v>
      </c>
      <c r="FX17" s="25">
        <v>0</v>
      </c>
      <c r="FY17" s="26">
        <v>0</v>
      </c>
      <c r="FZ17" s="27">
        <v>0</v>
      </c>
      <c r="GA17" s="25">
        <v>11535</v>
      </c>
      <c r="GB17" s="25">
        <v>20888</v>
      </c>
      <c r="GC17" s="25">
        <v>86686</v>
      </c>
      <c r="GD17" s="25">
        <v>10850</v>
      </c>
      <c r="GE17" s="25">
        <v>117989</v>
      </c>
      <c r="GF17" s="28">
        <v>247948</v>
      </c>
      <c r="GG17" s="29">
        <v>247948</v>
      </c>
      <c r="GH17" s="24">
        <v>0</v>
      </c>
      <c r="GI17" s="25">
        <v>0</v>
      </c>
      <c r="GJ17" s="26">
        <v>0</v>
      </c>
      <c r="GK17" s="27">
        <v>0</v>
      </c>
      <c r="GL17" s="25">
        <v>0</v>
      </c>
      <c r="GM17" s="25">
        <v>0</v>
      </c>
      <c r="GN17" s="25">
        <v>21</v>
      </c>
      <c r="GO17" s="25">
        <v>0</v>
      </c>
      <c r="GP17" s="25">
        <v>175</v>
      </c>
      <c r="GQ17" s="28">
        <v>196</v>
      </c>
      <c r="GR17" s="29">
        <v>196</v>
      </c>
      <c r="GS17" s="24">
        <v>0</v>
      </c>
      <c r="GT17" s="25">
        <v>0</v>
      </c>
      <c r="GU17" s="26">
        <v>0</v>
      </c>
      <c r="GV17" s="27">
        <v>0</v>
      </c>
      <c r="GW17" s="25">
        <v>0</v>
      </c>
      <c r="GX17" s="25">
        <v>0</v>
      </c>
      <c r="GY17" s="25">
        <v>0</v>
      </c>
      <c r="GZ17" s="25">
        <v>0</v>
      </c>
      <c r="HA17" s="25">
        <v>0</v>
      </c>
      <c r="HB17" s="28">
        <v>0</v>
      </c>
      <c r="HC17" s="29">
        <v>0</v>
      </c>
      <c r="HD17" s="24">
        <v>0</v>
      </c>
      <c r="HE17" s="25">
        <v>0</v>
      </c>
      <c r="HF17" s="26">
        <v>0</v>
      </c>
      <c r="HG17" s="404">
        <v>0</v>
      </c>
      <c r="HH17" s="25">
        <v>0</v>
      </c>
      <c r="HI17" s="25">
        <v>0</v>
      </c>
      <c r="HJ17" s="25">
        <v>0</v>
      </c>
      <c r="HK17" s="25">
        <v>0</v>
      </c>
      <c r="HL17" s="25">
        <v>0</v>
      </c>
      <c r="HM17" s="28">
        <v>0</v>
      </c>
      <c r="HN17" s="29">
        <v>0</v>
      </c>
      <c r="HO17" s="24">
        <v>0</v>
      </c>
      <c r="HP17" s="25">
        <v>0</v>
      </c>
      <c r="HQ17" s="26">
        <v>0</v>
      </c>
      <c r="HR17" s="27">
        <v>0</v>
      </c>
      <c r="HS17" s="25">
        <v>134466</v>
      </c>
      <c r="HT17" s="25">
        <v>96040</v>
      </c>
      <c r="HU17" s="25">
        <v>988716</v>
      </c>
      <c r="HV17" s="25">
        <v>1636627</v>
      </c>
      <c r="HW17" s="25">
        <v>1403433</v>
      </c>
      <c r="HX17" s="28">
        <v>4259282</v>
      </c>
      <c r="HY17" s="29">
        <v>4259282</v>
      </c>
    </row>
    <row r="18" spans="2:233" ht="21" customHeight="1" x14ac:dyDescent="0.2">
      <c r="B18" s="106" t="s">
        <v>15</v>
      </c>
      <c r="C18" s="24">
        <v>0</v>
      </c>
      <c r="D18" s="25">
        <v>0</v>
      </c>
      <c r="E18" s="26">
        <v>0</v>
      </c>
      <c r="F18" s="27">
        <v>0</v>
      </c>
      <c r="G18" s="25">
        <v>247414</v>
      </c>
      <c r="H18" s="25">
        <v>303080</v>
      </c>
      <c r="I18" s="25">
        <v>1457369</v>
      </c>
      <c r="J18" s="25">
        <v>2361862</v>
      </c>
      <c r="K18" s="25">
        <v>977519</v>
      </c>
      <c r="L18" s="28">
        <v>5347244</v>
      </c>
      <c r="M18" s="29">
        <v>5347244</v>
      </c>
      <c r="N18" s="24">
        <v>0</v>
      </c>
      <c r="O18" s="25">
        <v>0</v>
      </c>
      <c r="P18" s="26">
        <v>0</v>
      </c>
      <c r="Q18" s="404">
        <v>0</v>
      </c>
      <c r="R18" s="25">
        <v>32705</v>
      </c>
      <c r="S18" s="25">
        <v>24645</v>
      </c>
      <c r="T18" s="25">
        <v>1000630</v>
      </c>
      <c r="U18" s="25">
        <v>1320050</v>
      </c>
      <c r="V18" s="25">
        <v>683365</v>
      </c>
      <c r="W18" s="28">
        <v>3061395</v>
      </c>
      <c r="X18" s="29">
        <v>3061395</v>
      </c>
      <c r="Y18" s="24">
        <v>0</v>
      </c>
      <c r="Z18" s="25">
        <v>0</v>
      </c>
      <c r="AA18" s="26">
        <v>0</v>
      </c>
      <c r="AB18" s="404">
        <v>0</v>
      </c>
      <c r="AC18" s="25">
        <v>199175</v>
      </c>
      <c r="AD18" s="25">
        <v>247300</v>
      </c>
      <c r="AE18" s="25">
        <v>226105</v>
      </c>
      <c r="AF18" s="25">
        <v>642380</v>
      </c>
      <c r="AG18" s="25">
        <v>182643</v>
      </c>
      <c r="AH18" s="28">
        <v>1497603</v>
      </c>
      <c r="AI18" s="29">
        <v>1497603</v>
      </c>
      <c r="AJ18" s="24">
        <v>0</v>
      </c>
      <c r="AK18" s="25">
        <v>0</v>
      </c>
      <c r="AL18" s="26">
        <v>0</v>
      </c>
      <c r="AM18" s="404">
        <v>0</v>
      </c>
      <c r="AN18" s="25">
        <v>0</v>
      </c>
      <c r="AO18" s="25">
        <v>0</v>
      </c>
      <c r="AP18" s="25">
        <v>0</v>
      </c>
      <c r="AQ18" s="25">
        <v>0</v>
      </c>
      <c r="AR18" s="25">
        <v>0</v>
      </c>
      <c r="AS18" s="28">
        <v>0</v>
      </c>
      <c r="AT18" s="29">
        <v>0</v>
      </c>
      <c r="AU18" s="24">
        <v>0</v>
      </c>
      <c r="AV18" s="25">
        <v>0</v>
      </c>
      <c r="AW18" s="26">
        <v>0</v>
      </c>
      <c r="AX18" s="404">
        <v>0</v>
      </c>
      <c r="AY18" s="25">
        <v>0</v>
      </c>
      <c r="AZ18" s="25">
        <v>0</v>
      </c>
      <c r="BA18" s="25">
        <v>0</v>
      </c>
      <c r="BB18" s="25">
        <v>0</v>
      </c>
      <c r="BC18" s="25">
        <v>0</v>
      </c>
      <c r="BD18" s="28">
        <v>0</v>
      </c>
      <c r="BE18" s="29">
        <v>0</v>
      </c>
      <c r="BF18" s="24">
        <v>0</v>
      </c>
      <c r="BG18" s="25">
        <v>0</v>
      </c>
      <c r="BH18" s="26">
        <v>0</v>
      </c>
      <c r="BI18" s="404">
        <v>0</v>
      </c>
      <c r="BJ18" s="25">
        <v>0</v>
      </c>
      <c r="BK18" s="25">
        <v>0</v>
      </c>
      <c r="BL18" s="25">
        <v>67890</v>
      </c>
      <c r="BM18" s="25">
        <v>145970</v>
      </c>
      <c r="BN18" s="25">
        <v>68045</v>
      </c>
      <c r="BO18" s="28">
        <v>281905</v>
      </c>
      <c r="BP18" s="29">
        <v>281905</v>
      </c>
      <c r="BQ18" s="24">
        <v>0</v>
      </c>
      <c r="BR18" s="25">
        <v>0</v>
      </c>
      <c r="BS18" s="26">
        <v>0</v>
      </c>
      <c r="BT18" s="27">
        <v>0</v>
      </c>
      <c r="BU18" s="25">
        <v>15534</v>
      </c>
      <c r="BV18" s="25">
        <v>30265</v>
      </c>
      <c r="BW18" s="25">
        <v>162151</v>
      </c>
      <c r="BX18" s="25">
        <v>253462</v>
      </c>
      <c r="BY18" s="25">
        <v>43163</v>
      </c>
      <c r="BZ18" s="28">
        <v>504575</v>
      </c>
      <c r="CA18" s="29">
        <v>504575</v>
      </c>
      <c r="CB18" s="24">
        <v>0</v>
      </c>
      <c r="CC18" s="25">
        <v>0</v>
      </c>
      <c r="CD18" s="26">
        <v>0</v>
      </c>
      <c r="CE18" s="27">
        <v>0</v>
      </c>
      <c r="CF18" s="25">
        <v>0</v>
      </c>
      <c r="CG18" s="25">
        <v>870</v>
      </c>
      <c r="CH18" s="25">
        <v>593</v>
      </c>
      <c r="CI18" s="25">
        <v>0</v>
      </c>
      <c r="CJ18" s="25">
        <v>303</v>
      </c>
      <c r="CK18" s="28">
        <v>1766</v>
      </c>
      <c r="CL18" s="29">
        <v>1766</v>
      </c>
      <c r="CM18" s="24">
        <v>0</v>
      </c>
      <c r="CN18" s="25">
        <v>0</v>
      </c>
      <c r="CO18" s="26">
        <v>0</v>
      </c>
      <c r="CP18" s="27">
        <v>0</v>
      </c>
      <c r="CQ18" s="25">
        <v>0</v>
      </c>
      <c r="CR18" s="25">
        <v>0</v>
      </c>
      <c r="CS18" s="25">
        <v>0</v>
      </c>
      <c r="CT18" s="25">
        <v>0</v>
      </c>
      <c r="CU18" s="25">
        <v>0</v>
      </c>
      <c r="CV18" s="28">
        <v>0</v>
      </c>
      <c r="CW18" s="29">
        <v>0</v>
      </c>
      <c r="CX18" s="24">
        <v>0</v>
      </c>
      <c r="CY18" s="25">
        <v>0</v>
      </c>
      <c r="CZ18" s="26">
        <v>0</v>
      </c>
      <c r="DA18" s="404">
        <v>0</v>
      </c>
      <c r="DB18" s="25">
        <v>0</v>
      </c>
      <c r="DC18" s="25">
        <v>0</v>
      </c>
      <c r="DD18" s="25">
        <v>0</v>
      </c>
      <c r="DE18" s="25">
        <v>0</v>
      </c>
      <c r="DF18" s="25">
        <v>0</v>
      </c>
      <c r="DG18" s="28">
        <v>0</v>
      </c>
      <c r="DH18" s="29">
        <v>0</v>
      </c>
      <c r="DI18" s="24">
        <v>0</v>
      </c>
      <c r="DJ18" s="25">
        <v>0</v>
      </c>
      <c r="DK18" s="26">
        <v>0</v>
      </c>
      <c r="DL18" s="27">
        <v>0</v>
      </c>
      <c r="DM18" s="25">
        <v>79764</v>
      </c>
      <c r="DN18" s="25">
        <v>107480</v>
      </c>
      <c r="DO18" s="25">
        <v>1397156</v>
      </c>
      <c r="DP18" s="25">
        <v>2291736</v>
      </c>
      <c r="DQ18" s="25">
        <v>966105</v>
      </c>
      <c r="DR18" s="28">
        <v>4842241</v>
      </c>
      <c r="DS18" s="30">
        <v>4842241</v>
      </c>
      <c r="DT18" s="24">
        <v>0</v>
      </c>
      <c r="DU18" s="25">
        <v>0</v>
      </c>
      <c r="DV18" s="26">
        <v>0</v>
      </c>
      <c r="DW18" s="404">
        <v>0</v>
      </c>
      <c r="DX18" s="25">
        <v>15035</v>
      </c>
      <c r="DY18" s="25">
        <v>10881</v>
      </c>
      <c r="DZ18" s="25">
        <v>988266</v>
      </c>
      <c r="EA18" s="25">
        <v>1758374</v>
      </c>
      <c r="EB18" s="25">
        <v>791496</v>
      </c>
      <c r="EC18" s="28">
        <v>3564052</v>
      </c>
      <c r="ED18" s="29">
        <v>3564052</v>
      </c>
      <c r="EE18" s="24">
        <v>0</v>
      </c>
      <c r="EF18" s="25">
        <v>0</v>
      </c>
      <c r="EG18" s="26">
        <v>0</v>
      </c>
      <c r="EH18" s="404">
        <v>0</v>
      </c>
      <c r="EI18" s="25">
        <v>41509</v>
      </c>
      <c r="EJ18" s="25">
        <v>36647</v>
      </c>
      <c r="EK18" s="25">
        <v>3962</v>
      </c>
      <c r="EL18" s="25">
        <v>46871</v>
      </c>
      <c r="EM18" s="25">
        <v>23431</v>
      </c>
      <c r="EN18" s="28">
        <v>152420</v>
      </c>
      <c r="EO18" s="29">
        <v>152420</v>
      </c>
      <c r="EP18" s="24">
        <v>0</v>
      </c>
      <c r="EQ18" s="25">
        <v>0</v>
      </c>
      <c r="ER18" s="26">
        <v>0</v>
      </c>
      <c r="ES18" s="404">
        <v>0</v>
      </c>
      <c r="ET18" s="25">
        <v>0</v>
      </c>
      <c r="EU18" s="25">
        <v>0</v>
      </c>
      <c r="EV18" s="25">
        <v>0</v>
      </c>
      <c r="EW18" s="25">
        <v>0</v>
      </c>
      <c r="EX18" s="25">
        <v>0</v>
      </c>
      <c r="EY18" s="28">
        <v>0</v>
      </c>
      <c r="EZ18" s="29">
        <v>0</v>
      </c>
      <c r="FA18" s="24">
        <v>0</v>
      </c>
      <c r="FB18" s="25">
        <v>0</v>
      </c>
      <c r="FC18" s="26">
        <v>0</v>
      </c>
      <c r="FD18" s="404">
        <v>0</v>
      </c>
      <c r="FE18" s="25">
        <v>0</v>
      </c>
      <c r="FF18" s="25">
        <v>0</v>
      </c>
      <c r="FG18" s="25">
        <v>0</v>
      </c>
      <c r="FH18" s="25">
        <v>0</v>
      </c>
      <c r="FI18" s="25">
        <v>0</v>
      </c>
      <c r="FJ18" s="28">
        <v>0</v>
      </c>
      <c r="FK18" s="29">
        <v>0</v>
      </c>
      <c r="FL18" s="24">
        <v>0</v>
      </c>
      <c r="FM18" s="25">
        <v>0</v>
      </c>
      <c r="FN18" s="26">
        <v>0</v>
      </c>
      <c r="FO18" s="404">
        <v>0</v>
      </c>
      <c r="FP18" s="25">
        <v>0</v>
      </c>
      <c r="FQ18" s="25">
        <v>0</v>
      </c>
      <c r="FR18" s="25">
        <v>144646</v>
      </c>
      <c r="FS18" s="25">
        <v>162710</v>
      </c>
      <c r="FT18" s="25">
        <v>95108</v>
      </c>
      <c r="FU18" s="28">
        <v>402464</v>
      </c>
      <c r="FV18" s="29">
        <v>402464</v>
      </c>
      <c r="FW18" s="24">
        <v>0</v>
      </c>
      <c r="FX18" s="25">
        <v>0</v>
      </c>
      <c r="FY18" s="26">
        <v>0</v>
      </c>
      <c r="FZ18" s="27">
        <v>0</v>
      </c>
      <c r="GA18" s="25">
        <v>23220</v>
      </c>
      <c r="GB18" s="25">
        <v>57446</v>
      </c>
      <c r="GC18" s="25">
        <v>258492</v>
      </c>
      <c r="GD18" s="25">
        <v>323781</v>
      </c>
      <c r="GE18" s="25">
        <v>54996</v>
      </c>
      <c r="GF18" s="28">
        <v>717935</v>
      </c>
      <c r="GG18" s="29">
        <v>717935</v>
      </c>
      <c r="GH18" s="24">
        <v>0</v>
      </c>
      <c r="GI18" s="25">
        <v>0</v>
      </c>
      <c r="GJ18" s="26">
        <v>0</v>
      </c>
      <c r="GK18" s="27">
        <v>0</v>
      </c>
      <c r="GL18" s="25">
        <v>0</v>
      </c>
      <c r="GM18" s="25">
        <v>2506</v>
      </c>
      <c r="GN18" s="25">
        <v>1790</v>
      </c>
      <c r="GO18" s="25">
        <v>0</v>
      </c>
      <c r="GP18" s="25">
        <v>1074</v>
      </c>
      <c r="GQ18" s="28">
        <v>5370</v>
      </c>
      <c r="GR18" s="29">
        <v>5370</v>
      </c>
      <c r="GS18" s="24">
        <v>0</v>
      </c>
      <c r="GT18" s="25">
        <v>0</v>
      </c>
      <c r="GU18" s="26">
        <v>0</v>
      </c>
      <c r="GV18" s="27">
        <v>0</v>
      </c>
      <c r="GW18" s="25">
        <v>0</v>
      </c>
      <c r="GX18" s="25">
        <v>0</v>
      </c>
      <c r="GY18" s="25">
        <v>0</v>
      </c>
      <c r="GZ18" s="25">
        <v>0</v>
      </c>
      <c r="HA18" s="25">
        <v>0</v>
      </c>
      <c r="HB18" s="28">
        <v>0</v>
      </c>
      <c r="HC18" s="29">
        <v>0</v>
      </c>
      <c r="HD18" s="24">
        <v>0</v>
      </c>
      <c r="HE18" s="25">
        <v>0</v>
      </c>
      <c r="HF18" s="26">
        <v>0</v>
      </c>
      <c r="HG18" s="404">
        <v>0</v>
      </c>
      <c r="HH18" s="25">
        <v>0</v>
      </c>
      <c r="HI18" s="25">
        <v>0</v>
      </c>
      <c r="HJ18" s="25">
        <v>0</v>
      </c>
      <c r="HK18" s="25">
        <v>0</v>
      </c>
      <c r="HL18" s="25">
        <v>0</v>
      </c>
      <c r="HM18" s="28">
        <v>0</v>
      </c>
      <c r="HN18" s="29">
        <v>0</v>
      </c>
      <c r="HO18" s="24">
        <v>0</v>
      </c>
      <c r="HP18" s="25">
        <v>0</v>
      </c>
      <c r="HQ18" s="26">
        <v>0</v>
      </c>
      <c r="HR18" s="27">
        <v>0</v>
      </c>
      <c r="HS18" s="25">
        <v>327178</v>
      </c>
      <c r="HT18" s="25">
        <v>410560</v>
      </c>
      <c r="HU18" s="25">
        <v>2854525</v>
      </c>
      <c r="HV18" s="25">
        <v>4653598</v>
      </c>
      <c r="HW18" s="25">
        <v>1943624</v>
      </c>
      <c r="HX18" s="28">
        <v>10189485</v>
      </c>
      <c r="HY18" s="29">
        <v>10189485</v>
      </c>
    </row>
    <row r="19" spans="2:233" ht="21" customHeight="1" x14ac:dyDescent="0.2">
      <c r="B19" s="106" t="s">
        <v>16</v>
      </c>
      <c r="C19" s="24">
        <v>0</v>
      </c>
      <c r="D19" s="25">
        <v>0</v>
      </c>
      <c r="E19" s="26">
        <v>0</v>
      </c>
      <c r="F19" s="27">
        <v>0</v>
      </c>
      <c r="G19" s="25">
        <v>383240</v>
      </c>
      <c r="H19" s="25">
        <v>571547</v>
      </c>
      <c r="I19" s="25">
        <v>2674665</v>
      </c>
      <c r="J19" s="25">
        <v>3460514</v>
      </c>
      <c r="K19" s="25">
        <v>1546489</v>
      </c>
      <c r="L19" s="28">
        <v>8636455</v>
      </c>
      <c r="M19" s="29">
        <v>8636455</v>
      </c>
      <c r="N19" s="24">
        <v>0</v>
      </c>
      <c r="O19" s="25">
        <v>0</v>
      </c>
      <c r="P19" s="26">
        <v>0</v>
      </c>
      <c r="Q19" s="404">
        <v>0</v>
      </c>
      <c r="R19" s="25">
        <v>10540</v>
      </c>
      <c r="S19" s="25">
        <v>48980</v>
      </c>
      <c r="T19" s="25">
        <v>1634930</v>
      </c>
      <c r="U19" s="25">
        <v>2474709</v>
      </c>
      <c r="V19" s="25">
        <v>1196545</v>
      </c>
      <c r="W19" s="28">
        <v>5365704</v>
      </c>
      <c r="X19" s="29">
        <v>5365704</v>
      </c>
      <c r="Y19" s="24">
        <v>0</v>
      </c>
      <c r="Z19" s="25">
        <v>0</v>
      </c>
      <c r="AA19" s="26">
        <v>0</v>
      </c>
      <c r="AB19" s="404">
        <v>0</v>
      </c>
      <c r="AC19" s="25">
        <v>350720</v>
      </c>
      <c r="AD19" s="25">
        <v>410450</v>
      </c>
      <c r="AE19" s="25">
        <v>867165</v>
      </c>
      <c r="AF19" s="25">
        <v>818095</v>
      </c>
      <c r="AG19" s="25">
        <v>293129</v>
      </c>
      <c r="AH19" s="28">
        <v>2739559</v>
      </c>
      <c r="AI19" s="29">
        <v>2739559</v>
      </c>
      <c r="AJ19" s="24">
        <v>0</v>
      </c>
      <c r="AK19" s="25">
        <v>0</v>
      </c>
      <c r="AL19" s="26">
        <v>0</v>
      </c>
      <c r="AM19" s="404">
        <v>0</v>
      </c>
      <c r="AN19" s="25">
        <v>0</v>
      </c>
      <c r="AO19" s="25">
        <v>0</v>
      </c>
      <c r="AP19" s="25">
        <v>0</v>
      </c>
      <c r="AQ19" s="25">
        <v>0</v>
      </c>
      <c r="AR19" s="25">
        <v>0</v>
      </c>
      <c r="AS19" s="28">
        <v>0</v>
      </c>
      <c r="AT19" s="29">
        <v>0</v>
      </c>
      <c r="AU19" s="24">
        <v>0</v>
      </c>
      <c r="AV19" s="25">
        <v>0</v>
      </c>
      <c r="AW19" s="26">
        <v>0</v>
      </c>
      <c r="AX19" s="404">
        <v>0</v>
      </c>
      <c r="AY19" s="25">
        <v>0</v>
      </c>
      <c r="AZ19" s="25">
        <v>0</v>
      </c>
      <c r="BA19" s="25">
        <v>2635</v>
      </c>
      <c r="BB19" s="25">
        <v>46035</v>
      </c>
      <c r="BC19" s="25">
        <v>5270</v>
      </c>
      <c r="BD19" s="28">
        <v>53940</v>
      </c>
      <c r="BE19" s="29">
        <v>53940</v>
      </c>
      <c r="BF19" s="24">
        <v>0</v>
      </c>
      <c r="BG19" s="25">
        <v>0</v>
      </c>
      <c r="BH19" s="26">
        <v>0</v>
      </c>
      <c r="BI19" s="404">
        <v>0</v>
      </c>
      <c r="BJ19" s="25">
        <v>0</v>
      </c>
      <c r="BK19" s="25">
        <v>0</v>
      </c>
      <c r="BL19" s="25">
        <v>76190</v>
      </c>
      <c r="BM19" s="25">
        <v>40525</v>
      </c>
      <c r="BN19" s="25">
        <v>32550</v>
      </c>
      <c r="BO19" s="28">
        <v>149265</v>
      </c>
      <c r="BP19" s="29">
        <v>149265</v>
      </c>
      <c r="BQ19" s="24">
        <v>0</v>
      </c>
      <c r="BR19" s="25">
        <v>0</v>
      </c>
      <c r="BS19" s="26">
        <v>0</v>
      </c>
      <c r="BT19" s="27">
        <v>0</v>
      </c>
      <c r="BU19" s="25">
        <v>18920</v>
      </c>
      <c r="BV19" s="25">
        <v>107199</v>
      </c>
      <c r="BW19" s="25">
        <v>93015</v>
      </c>
      <c r="BX19" s="25">
        <v>81150</v>
      </c>
      <c r="BY19" s="25">
        <v>18995</v>
      </c>
      <c r="BZ19" s="28">
        <v>319279</v>
      </c>
      <c r="CA19" s="29">
        <v>319279</v>
      </c>
      <c r="CB19" s="24">
        <v>0</v>
      </c>
      <c r="CC19" s="25">
        <v>0</v>
      </c>
      <c r="CD19" s="26">
        <v>0</v>
      </c>
      <c r="CE19" s="27">
        <v>0</v>
      </c>
      <c r="CF19" s="25">
        <v>3060</v>
      </c>
      <c r="CG19" s="25">
        <v>4918</v>
      </c>
      <c r="CH19" s="25">
        <v>730</v>
      </c>
      <c r="CI19" s="25">
        <v>0</v>
      </c>
      <c r="CJ19" s="25">
        <v>0</v>
      </c>
      <c r="CK19" s="28">
        <v>8708</v>
      </c>
      <c r="CL19" s="29">
        <v>8708</v>
      </c>
      <c r="CM19" s="24">
        <v>0</v>
      </c>
      <c r="CN19" s="25">
        <v>0</v>
      </c>
      <c r="CO19" s="26">
        <v>0</v>
      </c>
      <c r="CP19" s="27">
        <v>0</v>
      </c>
      <c r="CQ19" s="25">
        <v>0</v>
      </c>
      <c r="CR19" s="25">
        <v>0</v>
      </c>
      <c r="CS19" s="25">
        <v>0</v>
      </c>
      <c r="CT19" s="25">
        <v>0</v>
      </c>
      <c r="CU19" s="25">
        <v>0</v>
      </c>
      <c r="CV19" s="28">
        <v>0</v>
      </c>
      <c r="CW19" s="29">
        <v>0</v>
      </c>
      <c r="CX19" s="24">
        <v>0</v>
      </c>
      <c r="CY19" s="25">
        <v>0</v>
      </c>
      <c r="CZ19" s="26">
        <v>0</v>
      </c>
      <c r="DA19" s="404">
        <v>0</v>
      </c>
      <c r="DB19" s="25">
        <v>0</v>
      </c>
      <c r="DC19" s="25">
        <v>0</v>
      </c>
      <c r="DD19" s="25">
        <v>0</v>
      </c>
      <c r="DE19" s="25">
        <v>0</v>
      </c>
      <c r="DF19" s="25">
        <v>0</v>
      </c>
      <c r="DG19" s="28">
        <v>0</v>
      </c>
      <c r="DH19" s="29">
        <v>0</v>
      </c>
      <c r="DI19" s="24">
        <v>0</v>
      </c>
      <c r="DJ19" s="25">
        <v>0</v>
      </c>
      <c r="DK19" s="26">
        <v>0</v>
      </c>
      <c r="DL19" s="27">
        <v>0</v>
      </c>
      <c r="DM19" s="25">
        <v>245562</v>
      </c>
      <c r="DN19" s="25">
        <v>496668</v>
      </c>
      <c r="DO19" s="25">
        <v>3233937</v>
      </c>
      <c r="DP19" s="25">
        <v>3674534</v>
      </c>
      <c r="DQ19" s="25">
        <v>1633239</v>
      </c>
      <c r="DR19" s="28">
        <v>9283940</v>
      </c>
      <c r="DS19" s="30">
        <v>9283940</v>
      </c>
      <c r="DT19" s="24">
        <v>0</v>
      </c>
      <c r="DU19" s="25">
        <v>0</v>
      </c>
      <c r="DV19" s="26">
        <v>0</v>
      </c>
      <c r="DW19" s="404">
        <v>0</v>
      </c>
      <c r="DX19" s="25">
        <v>61907</v>
      </c>
      <c r="DY19" s="25">
        <v>180296</v>
      </c>
      <c r="DZ19" s="25">
        <v>2563013</v>
      </c>
      <c r="EA19" s="25">
        <v>3221402</v>
      </c>
      <c r="EB19" s="25">
        <v>1439896</v>
      </c>
      <c r="EC19" s="28">
        <v>7466514</v>
      </c>
      <c r="ED19" s="29">
        <v>7466514</v>
      </c>
      <c r="EE19" s="24">
        <v>0</v>
      </c>
      <c r="EF19" s="25">
        <v>0</v>
      </c>
      <c r="EG19" s="26">
        <v>0</v>
      </c>
      <c r="EH19" s="404">
        <v>0</v>
      </c>
      <c r="EI19" s="25">
        <v>147186</v>
      </c>
      <c r="EJ19" s="25">
        <v>159908</v>
      </c>
      <c r="EK19" s="25">
        <v>395703</v>
      </c>
      <c r="EL19" s="25">
        <v>199138</v>
      </c>
      <c r="EM19" s="25">
        <v>73153</v>
      </c>
      <c r="EN19" s="28">
        <v>975088</v>
      </c>
      <c r="EO19" s="29">
        <v>975088</v>
      </c>
      <c r="EP19" s="24">
        <v>0</v>
      </c>
      <c r="EQ19" s="25">
        <v>0</v>
      </c>
      <c r="ER19" s="26">
        <v>0</v>
      </c>
      <c r="ES19" s="404">
        <v>0</v>
      </c>
      <c r="ET19" s="25">
        <v>0</v>
      </c>
      <c r="EU19" s="25">
        <v>0</v>
      </c>
      <c r="EV19" s="25">
        <v>0</v>
      </c>
      <c r="EW19" s="25">
        <v>0</v>
      </c>
      <c r="EX19" s="25">
        <v>0</v>
      </c>
      <c r="EY19" s="28">
        <v>0</v>
      </c>
      <c r="EZ19" s="29">
        <v>0</v>
      </c>
      <c r="FA19" s="24">
        <v>0</v>
      </c>
      <c r="FB19" s="25">
        <v>0</v>
      </c>
      <c r="FC19" s="26">
        <v>0</v>
      </c>
      <c r="FD19" s="404">
        <v>0</v>
      </c>
      <c r="FE19" s="25">
        <v>0</v>
      </c>
      <c r="FF19" s="25">
        <v>0</v>
      </c>
      <c r="FG19" s="25">
        <v>217</v>
      </c>
      <c r="FH19" s="25">
        <v>14415</v>
      </c>
      <c r="FI19" s="25">
        <v>434</v>
      </c>
      <c r="FJ19" s="28">
        <v>15066</v>
      </c>
      <c r="FK19" s="29">
        <v>15066</v>
      </c>
      <c r="FL19" s="24">
        <v>0</v>
      </c>
      <c r="FM19" s="25">
        <v>0</v>
      </c>
      <c r="FN19" s="26">
        <v>0</v>
      </c>
      <c r="FO19" s="404">
        <v>0</v>
      </c>
      <c r="FP19" s="25">
        <v>0</v>
      </c>
      <c r="FQ19" s="25">
        <v>0</v>
      </c>
      <c r="FR19" s="25">
        <v>125280</v>
      </c>
      <c r="FS19" s="25">
        <v>101494</v>
      </c>
      <c r="FT19" s="25">
        <v>86304</v>
      </c>
      <c r="FU19" s="28">
        <v>313078</v>
      </c>
      <c r="FV19" s="29">
        <v>313078</v>
      </c>
      <c r="FW19" s="24">
        <v>0</v>
      </c>
      <c r="FX19" s="25">
        <v>0</v>
      </c>
      <c r="FY19" s="26">
        <v>0</v>
      </c>
      <c r="FZ19" s="27">
        <v>0</v>
      </c>
      <c r="GA19" s="25">
        <v>36441</v>
      </c>
      <c r="GB19" s="25">
        <v>150478</v>
      </c>
      <c r="GC19" s="25">
        <v>144156</v>
      </c>
      <c r="GD19" s="25">
        <v>138085</v>
      </c>
      <c r="GE19" s="25">
        <v>33452</v>
      </c>
      <c r="GF19" s="28">
        <v>502612</v>
      </c>
      <c r="GG19" s="29">
        <v>502612</v>
      </c>
      <c r="GH19" s="24">
        <v>0</v>
      </c>
      <c r="GI19" s="25">
        <v>0</v>
      </c>
      <c r="GJ19" s="26">
        <v>0</v>
      </c>
      <c r="GK19" s="27">
        <v>0</v>
      </c>
      <c r="GL19" s="25">
        <v>28</v>
      </c>
      <c r="GM19" s="25">
        <v>5986</v>
      </c>
      <c r="GN19" s="25">
        <v>5568</v>
      </c>
      <c r="GO19" s="25">
        <v>0</v>
      </c>
      <c r="GP19" s="25">
        <v>0</v>
      </c>
      <c r="GQ19" s="28">
        <v>11582</v>
      </c>
      <c r="GR19" s="29">
        <v>11582</v>
      </c>
      <c r="GS19" s="24">
        <v>0</v>
      </c>
      <c r="GT19" s="25">
        <v>0</v>
      </c>
      <c r="GU19" s="26">
        <v>0</v>
      </c>
      <c r="GV19" s="27">
        <v>0</v>
      </c>
      <c r="GW19" s="25">
        <v>0</v>
      </c>
      <c r="GX19" s="25">
        <v>0</v>
      </c>
      <c r="GY19" s="25">
        <v>0</v>
      </c>
      <c r="GZ19" s="25">
        <v>0</v>
      </c>
      <c r="HA19" s="25">
        <v>0</v>
      </c>
      <c r="HB19" s="28">
        <v>0</v>
      </c>
      <c r="HC19" s="29">
        <v>0</v>
      </c>
      <c r="HD19" s="24">
        <v>0</v>
      </c>
      <c r="HE19" s="25">
        <v>0</v>
      </c>
      <c r="HF19" s="26">
        <v>0</v>
      </c>
      <c r="HG19" s="404">
        <v>0</v>
      </c>
      <c r="HH19" s="25">
        <v>0</v>
      </c>
      <c r="HI19" s="25">
        <v>0</v>
      </c>
      <c r="HJ19" s="25">
        <v>0</v>
      </c>
      <c r="HK19" s="25">
        <v>0</v>
      </c>
      <c r="HL19" s="25">
        <v>0</v>
      </c>
      <c r="HM19" s="28">
        <v>0</v>
      </c>
      <c r="HN19" s="29">
        <v>0</v>
      </c>
      <c r="HO19" s="24">
        <v>0</v>
      </c>
      <c r="HP19" s="25">
        <v>0</v>
      </c>
      <c r="HQ19" s="26">
        <v>0</v>
      </c>
      <c r="HR19" s="27">
        <v>0</v>
      </c>
      <c r="HS19" s="25">
        <v>628802</v>
      </c>
      <c r="HT19" s="25">
        <v>1068215</v>
      </c>
      <c r="HU19" s="25">
        <v>5908602</v>
      </c>
      <c r="HV19" s="25">
        <v>7135048</v>
      </c>
      <c r="HW19" s="25">
        <v>3179728</v>
      </c>
      <c r="HX19" s="28">
        <v>17920395</v>
      </c>
      <c r="HY19" s="29">
        <v>17920395</v>
      </c>
    </row>
    <row r="20" spans="2:233" ht="21" customHeight="1" x14ac:dyDescent="0.2">
      <c r="B20" s="106" t="s">
        <v>17</v>
      </c>
      <c r="C20" s="24">
        <v>0</v>
      </c>
      <c r="D20" s="25">
        <v>0</v>
      </c>
      <c r="E20" s="26">
        <v>0</v>
      </c>
      <c r="F20" s="27">
        <v>0</v>
      </c>
      <c r="G20" s="25">
        <v>282465</v>
      </c>
      <c r="H20" s="25">
        <v>911426</v>
      </c>
      <c r="I20" s="25">
        <v>2605485</v>
      </c>
      <c r="J20" s="25">
        <v>3391400</v>
      </c>
      <c r="K20" s="25">
        <v>2399520</v>
      </c>
      <c r="L20" s="28">
        <v>9590296</v>
      </c>
      <c r="M20" s="29">
        <v>9590296</v>
      </c>
      <c r="N20" s="24">
        <v>0</v>
      </c>
      <c r="O20" s="25">
        <v>0</v>
      </c>
      <c r="P20" s="26">
        <v>0</v>
      </c>
      <c r="Q20" s="404">
        <v>0</v>
      </c>
      <c r="R20" s="25">
        <v>62620</v>
      </c>
      <c r="S20" s="25">
        <v>118005</v>
      </c>
      <c r="T20" s="25">
        <v>1385230</v>
      </c>
      <c r="U20" s="25">
        <v>2205075</v>
      </c>
      <c r="V20" s="25">
        <v>1768320</v>
      </c>
      <c r="W20" s="28">
        <v>5539250</v>
      </c>
      <c r="X20" s="29">
        <v>5539250</v>
      </c>
      <c r="Y20" s="24">
        <v>0</v>
      </c>
      <c r="Z20" s="25">
        <v>0</v>
      </c>
      <c r="AA20" s="26">
        <v>0</v>
      </c>
      <c r="AB20" s="404">
        <v>0</v>
      </c>
      <c r="AC20" s="25">
        <v>130070</v>
      </c>
      <c r="AD20" s="25">
        <v>701201</v>
      </c>
      <c r="AE20" s="25">
        <v>801830</v>
      </c>
      <c r="AF20" s="25">
        <v>644530</v>
      </c>
      <c r="AG20" s="25">
        <v>195485</v>
      </c>
      <c r="AH20" s="28">
        <v>2473116</v>
      </c>
      <c r="AI20" s="29">
        <v>2473116</v>
      </c>
      <c r="AJ20" s="24">
        <v>0</v>
      </c>
      <c r="AK20" s="25">
        <v>0</v>
      </c>
      <c r="AL20" s="26">
        <v>0</v>
      </c>
      <c r="AM20" s="404">
        <v>0</v>
      </c>
      <c r="AN20" s="25">
        <v>0</v>
      </c>
      <c r="AO20" s="25">
        <v>0</v>
      </c>
      <c r="AP20" s="25">
        <v>0</v>
      </c>
      <c r="AQ20" s="25">
        <v>0</v>
      </c>
      <c r="AR20" s="25">
        <v>0</v>
      </c>
      <c r="AS20" s="28">
        <v>0</v>
      </c>
      <c r="AT20" s="29">
        <v>0</v>
      </c>
      <c r="AU20" s="24">
        <v>0</v>
      </c>
      <c r="AV20" s="25">
        <v>0</v>
      </c>
      <c r="AW20" s="26">
        <v>0</v>
      </c>
      <c r="AX20" s="404">
        <v>0</v>
      </c>
      <c r="AY20" s="25">
        <v>0</v>
      </c>
      <c r="AZ20" s="25">
        <v>0</v>
      </c>
      <c r="BA20" s="25">
        <v>0</v>
      </c>
      <c r="BB20" s="25">
        <v>31520</v>
      </c>
      <c r="BC20" s="25">
        <v>100750</v>
      </c>
      <c r="BD20" s="28">
        <v>132270</v>
      </c>
      <c r="BE20" s="29">
        <v>132270</v>
      </c>
      <c r="BF20" s="24">
        <v>0</v>
      </c>
      <c r="BG20" s="25">
        <v>0</v>
      </c>
      <c r="BH20" s="26">
        <v>0</v>
      </c>
      <c r="BI20" s="404">
        <v>0</v>
      </c>
      <c r="BJ20" s="25">
        <v>0</v>
      </c>
      <c r="BK20" s="25">
        <v>0</v>
      </c>
      <c r="BL20" s="25">
        <v>195300</v>
      </c>
      <c r="BM20" s="25">
        <v>207665</v>
      </c>
      <c r="BN20" s="25">
        <v>217775</v>
      </c>
      <c r="BO20" s="28">
        <v>620740</v>
      </c>
      <c r="BP20" s="29">
        <v>620740</v>
      </c>
      <c r="BQ20" s="24">
        <v>0</v>
      </c>
      <c r="BR20" s="25">
        <v>0</v>
      </c>
      <c r="BS20" s="26">
        <v>0</v>
      </c>
      <c r="BT20" s="27">
        <v>0</v>
      </c>
      <c r="BU20" s="25">
        <v>85200</v>
      </c>
      <c r="BV20" s="25">
        <v>88025</v>
      </c>
      <c r="BW20" s="25">
        <v>221965</v>
      </c>
      <c r="BX20" s="25">
        <v>288350</v>
      </c>
      <c r="BY20" s="25">
        <v>96045</v>
      </c>
      <c r="BZ20" s="28">
        <v>779585</v>
      </c>
      <c r="CA20" s="29">
        <v>779585</v>
      </c>
      <c r="CB20" s="24">
        <v>0</v>
      </c>
      <c r="CC20" s="25">
        <v>0</v>
      </c>
      <c r="CD20" s="26">
        <v>0</v>
      </c>
      <c r="CE20" s="27">
        <v>0</v>
      </c>
      <c r="CF20" s="25">
        <v>4575</v>
      </c>
      <c r="CG20" s="25">
        <v>4195</v>
      </c>
      <c r="CH20" s="25">
        <v>1160</v>
      </c>
      <c r="CI20" s="25">
        <v>14260</v>
      </c>
      <c r="CJ20" s="25">
        <v>21145</v>
      </c>
      <c r="CK20" s="28">
        <v>45335</v>
      </c>
      <c r="CL20" s="29">
        <v>45335</v>
      </c>
      <c r="CM20" s="24">
        <v>0</v>
      </c>
      <c r="CN20" s="25">
        <v>0</v>
      </c>
      <c r="CO20" s="26">
        <v>0</v>
      </c>
      <c r="CP20" s="27">
        <v>0</v>
      </c>
      <c r="CQ20" s="25">
        <v>0</v>
      </c>
      <c r="CR20" s="25">
        <v>0</v>
      </c>
      <c r="CS20" s="25">
        <v>0</v>
      </c>
      <c r="CT20" s="25">
        <v>0</v>
      </c>
      <c r="CU20" s="25">
        <v>0</v>
      </c>
      <c r="CV20" s="28">
        <v>0</v>
      </c>
      <c r="CW20" s="29">
        <v>0</v>
      </c>
      <c r="CX20" s="24">
        <v>0</v>
      </c>
      <c r="CY20" s="25">
        <v>0</v>
      </c>
      <c r="CZ20" s="26">
        <v>0</v>
      </c>
      <c r="DA20" s="404">
        <v>0</v>
      </c>
      <c r="DB20" s="25">
        <v>0</v>
      </c>
      <c r="DC20" s="25">
        <v>0</v>
      </c>
      <c r="DD20" s="25">
        <v>0</v>
      </c>
      <c r="DE20" s="25">
        <v>0</v>
      </c>
      <c r="DF20" s="25">
        <v>0</v>
      </c>
      <c r="DG20" s="28">
        <v>0</v>
      </c>
      <c r="DH20" s="29">
        <v>0</v>
      </c>
      <c r="DI20" s="24">
        <v>0</v>
      </c>
      <c r="DJ20" s="25">
        <v>0</v>
      </c>
      <c r="DK20" s="26">
        <v>0</v>
      </c>
      <c r="DL20" s="27">
        <v>0</v>
      </c>
      <c r="DM20" s="25">
        <v>159887</v>
      </c>
      <c r="DN20" s="25">
        <v>346462</v>
      </c>
      <c r="DO20" s="25">
        <v>2775583</v>
      </c>
      <c r="DP20" s="25">
        <v>3925669</v>
      </c>
      <c r="DQ20" s="25">
        <v>2684973</v>
      </c>
      <c r="DR20" s="28">
        <v>9892574</v>
      </c>
      <c r="DS20" s="30">
        <v>9892574</v>
      </c>
      <c r="DT20" s="24">
        <v>0</v>
      </c>
      <c r="DU20" s="25">
        <v>0</v>
      </c>
      <c r="DV20" s="26">
        <v>0</v>
      </c>
      <c r="DW20" s="404">
        <v>0</v>
      </c>
      <c r="DX20" s="25">
        <v>64821</v>
      </c>
      <c r="DY20" s="25">
        <v>155969</v>
      </c>
      <c r="DZ20" s="25">
        <v>1938006</v>
      </c>
      <c r="EA20" s="25">
        <v>3113972</v>
      </c>
      <c r="EB20" s="25">
        <v>2191120</v>
      </c>
      <c r="EC20" s="28">
        <v>7463888</v>
      </c>
      <c r="ED20" s="29">
        <v>7463888</v>
      </c>
      <c r="EE20" s="24">
        <v>0</v>
      </c>
      <c r="EF20" s="25">
        <v>0</v>
      </c>
      <c r="EG20" s="26">
        <v>0</v>
      </c>
      <c r="EH20" s="404">
        <v>0</v>
      </c>
      <c r="EI20" s="25">
        <v>2674</v>
      </c>
      <c r="EJ20" s="25">
        <v>18938</v>
      </c>
      <c r="EK20" s="25">
        <v>89068</v>
      </c>
      <c r="EL20" s="25">
        <v>50578</v>
      </c>
      <c r="EM20" s="25">
        <v>9732</v>
      </c>
      <c r="EN20" s="28">
        <v>170990</v>
      </c>
      <c r="EO20" s="29">
        <v>170990</v>
      </c>
      <c r="EP20" s="24">
        <v>0</v>
      </c>
      <c r="EQ20" s="25">
        <v>0</v>
      </c>
      <c r="ER20" s="26">
        <v>0</v>
      </c>
      <c r="ES20" s="404">
        <v>0</v>
      </c>
      <c r="ET20" s="25">
        <v>0</v>
      </c>
      <c r="EU20" s="25">
        <v>0</v>
      </c>
      <c r="EV20" s="25">
        <v>0</v>
      </c>
      <c r="EW20" s="25">
        <v>0</v>
      </c>
      <c r="EX20" s="25">
        <v>0</v>
      </c>
      <c r="EY20" s="28">
        <v>0</v>
      </c>
      <c r="EZ20" s="29">
        <v>0</v>
      </c>
      <c r="FA20" s="24">
        <v>0</v>
      </c>
      <c r="FB20" s="25">
        <v>0</v>
      </c>
      <c r="FC20" s="26">
        <v>0</v>
      </c>
      <c r="FD20" s="404">
        <v>0</v>
      </c>
      <c r="FE20" s="25">
        <v>0</v>
      </c>
      <c r="FF20" s="25">
        <v>0</v>
      </c>
      <c r="FG20" s="25">
        <v>0</v>
      </c>
      <c r="FH20" s="25">
        <v>10485</v>
      </c>
      <c r="FI20" s="25">
        <v>868</v>
      </c>
      <c r="FJ20" s="28">
        <v>11353</v>
      </c>
      <c r="FK20" s="29">
        <v>11353</v>
      </c>
      <c r="FL20" s="24">
        <v>0</v>
      </c>
      <c r="FM20" s="25">
        <v>0</v>
      </c>
      <c r="FN20" s="26">
        <v>0</v>
      </c>
      <c r="FO20" s="404">
        <v>0</v>
      </c>
      <c r="FP20" s="25">
        <v>0</v>
      </c>
      <c r="FQ20" s="25">
        <v>0</v>
      </c>
      <c r="FR20" s="25">
        <v>385485</v>
      </c>
      <c r="FS20" s="25">
        <v>357769</v>
      </c>
      <c r="FT20" s="25">
        <v>323671</v>
      </c>
      <c r="FU20" s="28">
        <v>1066925</v>
      </c>
      <c r="FV20" s="29">
        <v>1066925</v>
      </c>
      <c r="FW20" s="24">
        <v>0</v>
      </c>
      <c r="FX20" s="25">
        <v>0</v>
      </c>
      <c r="FY20" s="26">
        <v>0</v>
      </c>
      <c r="FZ20" s="27">
        <v>0</v>
      </c>
      <c r="GA20" s="25">
        <v>92266</v>
      </c>
      <c r="GB20" s="25">
        <v>171464</v>
      </c>
      <c r="GC20" s="25">
        <v>362968</v>
      </c>
      <c r="GD20" s="25">
        <v>390514</v>
      </c>
      <c r="GE20" s="25">
        <v>149149</v>
      </c>
      <c r="GF20" s="28">
        <v>1166361</v>
      </c>
      <c r="GG20" s="29">
        <v>1166361</v>
      </c>
      <c r="GH20" s="24">
        <v>0</v>
      </c>
      <c r="GI20" s="25">
        <v>0</v>
      </c>
      <c r="GJ20" s="26">
        <v>0</v>
      </c>
      <c r="GK20" s="27">
        <v>0</v>
      </c>
      <c r="GL20" s="25">
        <v>126</v>
      </c>
      <c r="GM20" s="25">
        <v>91</v>
      </c>
      <c r="GN20" s="25">
        <v>56</v>
      </c>
      <c r="GO20" s="25">
        <v>2351</v>
      </c>
      <c r="GP20" s="25">
        <v>10433</v>
      </c>
      <c r="GQ20" s="28">
        <v>13057</v>
      </c>
      <c r="GR20" s="29">
        <v>13057</v>
      </c>
      <c r="GS20" s="24">
        <v>0</v>
      </c>
      <c r="GT20" s="25">
        <v>0</v>
      </c>
      <c r="GU20" s="26">
        <v>0</v>
      </c>
      <c r="GV20" s="27">
        <v>0</v>
      </c>
      <c r="GW20" s="25">
        <v>0</v>
      </c>
      <c r="GX20" s="25">
        <v>0</v>
      </c>
      <c r="GY20" s="25">
        <v>0</v>
      </c>
      <c r="GZ20" s="25">
        <v>0</v>
      </c>
      <c r="HA20" s="25">
        <v>0</v>
      </c>
      <c r="HB20" s="28">
        <v>0</v>
      </c>
      <c r="HC20" s="29">
        <v>0</v>
      </c>
      <c r="HD20" s="24">
        <v>0</v>
      </c>
      <c r="HE20" s="25">
        <v>0</v>
      </c>
      <c r="HF20" s="26">
        <v>0</v>
      </c>
      <c r="HG20" s="404">
        <v>0</v>
      </c>
      <c r="HH20" s="25">
        <v>0</v>
      </c>
      <c r="HI20" s="25">
        <v>0</v>
      </c>
      <c r="HJ20" s="25">
        <v>0</v>
      </c>
      <c r="HK20" s="25">
        <v>0</v>
      </c>
      <c r="HL20" s="25">
        <v>0</v>
      </c>
      <c r="HM20" s="28">
        <v>0</v>
      </c>
      <c r="HN20" s="29">
        <v>0</v>
      </c>
      <c r="HO20" s="24">
        <v>0</v>
      </c>
      <c r="HP20" s="25">
        <v>0</v>
      </c>
      <c r="HQ20" s="26">
        <v>0</v>
      </c>
      <c r="HR20" s="27">
        <v>0</v>
      </c>
      <c r="HS20" s="25">
        <v>442352</v>
      </c>
      <c r="HT20" s="25">
        <v>1257888</v>
      </c>
      <c r="HU20" s="25">
        <v>5381068</v>
      </c>
      <c r="HV20" s="25">
        <v>7317069</v>
      </c>
      <c r="HW20" s="25">
        <v>5084493</v>
      </c>
      <c r="HX20" s="28">
        <v>19482870</v>
      </c>
      <c r="HY20" s="29">
        <v>19482870</v>
      </c>
    </row>
    <row r="21" spans="2:233" ht="21" customHeight="1" x14ac:dyDescent="0.2">
      <c r="B21" s="106" t="s">
        <v>18</v>
      </c>
      <c r="C21" s="24">
        <v>0</v>
      </c>
      <c r="D21" s="25">
        <v>435</v>
      </c>
      <c r="E21" s="26">
        <v>435</v>
      </c>
      <c r="F21" s="27">
        <v>0</v>
      </c>
      <c r="G21" s="25">
        <v>200625</v>
      </c>
      <c r="H21" s="25">
        <v>652547</v>
      </c>
      <c r="I21" s="25">
        <v>1877290</v>
      </c>
      <c r="J21" s="25">
        <v>3162044</v>
      </c>
      <c r="K21" s="25">
        <v>2031465</v>
      </c>
      <c r="L21" s="28">
        <v>7923971</v>
      </c>
      <c r="M21" s="29">
        <v>7924406</v>
      </c>
      <c r="N21" s="24">
        <v>0</v>
      </c>
      <c r="O21" s="25">
        <v>0</v>
      </c>
      <c r="P21" s="26">
        <v>0</v>
      </c>
      <c r="Q21" s="404">
        <v>0</v>
      </c>
      <c r="R21" s="25">
        <v>24645</v>
      </c>
      <c r="S21" s="25">
        <v>65410</v>
      </c>
      <c r="T21" s="25">
        <v>1173240</v>
      </c>
      <c r="U21" s="25">
        <v>2591150</v>
      </c>
      <c r="V21" s="25">
        <v>1606360</v>
      </c>
      <c r="W21" s="28">
        <v>5460805</v>
      </c>
      <c r="X21" s="29">
        <v>5460805</v>
      </c>
      <c r="Y21" s="24">
        <v>0</v>
      </c>
      <c r="Z21" s="25">
        <v>0</v>
      </c>
      <c r="AA21" s="26">
        <v>0</v>
      </c>
      <c r="AB21" s="404">
        <v>0</v>
      </c>
      <c r="AC21" s="25">
        <v>147455</v>
      </c>
      <c r="AD21" s="25">
        <v>483040</v>
      </c>
      <c r="AE21" s="25">
        <v>380425</v>
      </c>
      <c r="AF21" s="25">
        <v>223215</v>
      </c>
      <c r="AG21" s="25">
        <v>264815</v>
      </c>
      <c r="AH21" s="28">
        <v>1498950</v>
      </c>
      <c r="AI21" s="29">
        <v>1498950</v>
      </c>
      <c r="AJ21" s="24">
        <v>0</v>
      </c>
      <c r="AK21" s="25">
        <v>0</v>
      </c>
      <c r="AL21" s="26">
        <v>0</v>
      </c>
      <c r="AM21" s="404">
        <v>0</v>
      </c>
      <c r="AN21" s="25">
        <v>0</v>
      </c>
      <c r="AO21" s="25">
        <v>0</v>
      </c>
      <c r="AP21" s="25">
        <v>0</v>
      </c>
      <c r="AQ21" s="25">
        <v>0</v>
      </c>
      <c r="AR21" s="25">
        <v>0</v>
      </c>
      <c r="AS21" s="28">
        <v>0</v>
      </c>
      <c r="AT21" s="29">
        <v>0</v>
      </c>
      <c r="AU21" s="24">
        <v>0</v>
      </c>
      <c r="AV21" s="25">
        <v>0</v>
      </c>
      <c r="AW21" s="26">
        <v>0</v>
      </c>
      <c r="AX21" s="404">
        <v>0</v>
      </c>
      <c r="AY21" s="25">
        <v>0</v>
      </c>
      <c r="AZ21" s="25">
        <v>0</v>
      </c>
      <c r="BA21" s="25">
        <v>0</v>
      </c>
      <c r="BB21" s="25">
        <v>28325</v>
      </c>
      <c r="BC21" s="25">
        <v>40610</v>
      </c>
      <c r="BD21" s="28">
        <v>68935</v>
      </c>
      <c r="BE21" s="29">
        <v>68935</v>
      </c>
      <c r="BF21" s="24">
        <v>0</v>
      </c>
      <c r="BG21" s="25">
        <v>0</v>
      </c>
      <c r="BH21" s="26">
        <v>0</v>
      </c>
      <c r="BI21" s="404">
        <v>0</v>
      </c>
      <c r="BJ21" s="25">
        <v>0</v>
      </c>
      <c r="BK21" s="25">
        <v>2635</v>
      </c>
      <c r="BL21" s="25">
        <v>35340</v>
      </c>
      <c r="BM21" s="25">
        <v>108655</v>
      </c>
      <c r="BN21" s="25">
        <v>37975</v>
      </c>
      <c r="BO21" s="28">
        <v>184605</v>
      </c>
      <c r="BP21" s="29">
        <v>184605</v>
      </c>
      <c r="BQ21" s="24">
        <v>0</v>
      </c>
      <c r="BR21" s="25">
        <v>435</v>
      </c>
      <c r="BS21" s="26">
        <v>435</v>
      </c>
      <c r="BT21" s="27">
        <v>0</v>
      </c>
      <c r="BU21" s="25">
        <v>26835</v>
      </c>
      <c r="BV21" s="25">
        <v>100557</v>
      </c>
      <c r="BW21" s="25">
        <v>288285</v>
      </c>
      <c r="BX21" s="25">
        <v>194184</v>
      </c>
      <c r="BY21" s="25">
        <v>76685</v>
      </c>
      <c r="BZ21" s="28">
        <v>686546</v>
      </c>
      <c r="CA21" s="29">
        <v>686981</v>
      </c>
      <c r="CB21" s="24">
        <v>0</v>
      </c>
      <c r="CC21" s="25">
        <v>0</v>
      </c>
      <c r="CD21" s="26">
        <v>0</v>
      </c>
      <c r="CE21" s="27">
        <v>0</v>
      </c>
      <c r="CF21" s="25">
        <v>1690</v>
      </c>
      <c r="CG21" s="25">
        <v>905</v>
      </c>
      <c r="CH21" s="25">
        <v>0</v>
      </c>
      <c r="CI21" s="25">
        <v>16515</v>
      </c>
      <c r="CJ21" s="25">
        <v>5020</v>
      </c>
      <c r="CK21" s="28">
        <v>24130</v>
      </c>
      <c r="CL21" s="29">
        <v>24130</v>
      </c>
      <c r="CM21" s="24">
        <v>0</v>
      </c>
      <c r="CN21" s="25">
        <v>0</v>
      </c>
      <c r="CO21" s="26">
        <v>0</v>
      </c>
      <c r="CP21" s="27">
        <v>0</v>
      </c>
      <c r="CQ21" s="25">
        <v>0</v>
      </c>
      <c r="CR21" s="25">
        <v>0</v>
      </c>
      <c r="CS21" s="25">
        <v>0</v>
      </c>
      <c r="CT21" s="25">
        <v>0</v>
      </c>
      <c r="CU21" s="25">
        <v>0</v>
      </c>
      <c r="CV21" s="28">
        <v>0</v>
      </c>
      <c r="CW21" s="29">
        <v>0</v>
      </c>
      <c r="CX21" s="24">
        <v>0</v>
      </c>
      <c r="CY21" s="25">
        <v>0</v>
      </c>
      <c r="CZ21" s="26">
        <v>0</v>
      </c>
      <c r="DA21" s="404">
        <v>0</v>
      </c>
      <c r="DB21" s="25">
        <v>0</v>
      </c>
      <c r="DC21" s="25">
        <v>0</v>
      </c>
      <c r="DD21" s="25">
        <v>0</v>
      </c>
      <c r="DE21" s="25">
        <v>0</v>
      </c>
      <c r="DF21" s="25">
        <v>0</v>
      </c>
      <c r="DG21" s="28">
        <v>0</v>
      </c>
      <c r="DH21" s="29">
        <v>0</v>
      </c>
      <c r="DI21" s="24">
        <v>0</v>
      </c>
      <c r="DJ21" s="25">
        <v>4872</v>
      </c>
      <c r="DK21" s="26">
        <v>4872</v>
      </c>
      <c r="DL21" s="27">
        <v>0</v>
      </c>
      <c r="DM21" s="25">
        <v>107301</v>
      </c>
      <c r="DN21" s="25">
        <v>433745</v>
      </c>
      <c r="DO21" s="25">
        <v>2337324</v>
      </c>
      <c r="DP21" s="25">
        <v>3786231</v>
      </c>
      <c r="DQ21" s="25">
        <v>2302693</v>
      </c>
      <c r="DR21" s="28">
        <v>8967294</v>
      </c>
      <c r="DS21" s="30">
        <v>8972166</v>
      </c>
      <c r="DT21" s="24">
        <v>0</v>
      </c>
      <c r="DU21" s="25">
        <v>0</v>
      </c>
      <c r="DV21" s="26">
        <v>0</v>
      </c>
      <c r="DW21" s="404">
        <v>0</v>
      </c>
      <c r="DX21" s="25">
        <v>21576</v>
      </c>
      <c r="DY21" s="25">
        <v>101494</v>
      </c>
      <c r="DZ21" s="25">
        <v>1719062</v>
      </c>
      <c r="EA21" s="25">
        <v>3230556</v>
      </c>
      <c r="EB21" s="25">
        <v>2040332</v>
      </c>
      <c r="EC21" s="28">
        <v>7113020</v>
      </c>
      <c r="ED21" s="29">
        <v>7113020</v>
      </c>
      <c r="EE21" s="24">
        <v>0</v>
      </c>
      <c r="EF21" s="25">
        <v>0</v>
      </c>
      <c r="EG21" s="26">
        <v>0</v>
      </c>
      <c r="EH21" s="404">
        <v>0</v>
      </c>
      <c r="EI21" s="25">
        <v>36731</v>
      </c>
      <c r="EJ21" s="25">
        <v>114579</v>
      </c>
      <c r="EK21" s="25">
        <v>129949</v>
      </c>
      <c r="EL21" s="25">
        <v>15786</v>
      </c>
      <c r="EM21" s="25">
        <v>17089</v>
      </c>
      <c r="EN21" s="28">
        <v>314134</v>
      </c>
      <c r="EO21" s="29">
        <v>314134</v>
      </c>
      <c r="EP21" s="24">
        <v>0</v>
      </c>
      <c r="EQ21" s="25">
        <v>0</v>
      </c>
      <c r="ER21" s="26">
        <v>0</v>
      </c>
      <c r="ES21" s="404">
        <v>0</v>
      </c>
      <c r="ET21" s="25">
        <v>0</v>
      </c>
      <c r="EU21" s="25">
        <v>0</v>
      </c>
      <c r="EV21" s="25">
        <v>0</v>
      </c>
      <c r="EW21" s="25">
        <v>0</v>
      </c>
      <c r="EX21" s="25">
        <v>0</v>
      </c>
      <c r="EY21" s="28">
        <v>0</v>
      </c>
      <c r="EZ21" s="29">
        <v>0</v>
      </c>
      <c r="FA21" s="24">
        <v>0</v>
      </c>
      <c r="FB21" s="25">
        <v>0</v>
      </c>
      <c r="FC21" s="26">
        <v>0</v>
      </c>
      <c r="FD21" s="404">
        <v>0</v>
      </c>
      <c r="FE21" s="25">
        <v>0</v>
      </c>
      <c r="FF21" s="25">
        <v>0</v>
      </c>
      <c r="FG21" s="25">
        <v>0</v>
      </c>
      <c r="FH21" s="25">
        <v>868</v>
      </c>
      <c r="FI21" s="25">
        <v>1085</v>
      </c>
      <c r="FJ21" s="28">
        <v>1953</v>
      </c>
      <c r="FK21" s="29">
        <v>1953</v>
      </c>
      <c r="FL21" s="24">
        <v>0</v>
      </c>
      <c r="FM21" s="25">
        <v>0</v>
      </c>
      <c r="FN21" s="26">
        <v>0</v>
      </c>
      <c r="FO21" s="404">
        <v>0</v>
      </c>
      <c r="FP21" s="25">
        <v>0</v>
      </c>
      <c r="FQ21" s="25">
        <v>21576</v>
      </c>
      <c r="FR21" s="25">
        <v>58342</v>
      </c>
      <c r="FS21" s="25">
        <v>196602</v>
      </c>
      <c r="FT21" s="25">
        <v>79918</v>
      </c>
      <c r="FU21" s="28">
        <v>356438</v>
      </c>
      <c r="FV21" s="29">
        <v>356438</v>
      </c>
      <c r="FW21" s="24">
        <v>0</v>
      </c>
      <c r="FX21" s="25">
        <v>4872</v>
      </c>
      <c r="FY21" s="26">
        <v>4872</v>
      </c>
      <c r="FZ21" s="27">
        <v>0</v>
      </c>
      <c r="GA21" s="25">
        <v>46638</v>
      </c>
      <c r="GB21" s="25">
        <v>196075</v>
      </c>
      <c r="GC21" s="25">
        <v>429971</v>
      </c>
      <c r="GD21" s="25">
        <v>336689</v>
      </c>
      <c r="GE21" s="25">
        <v>164220</v>
      </c>
      <c r="GF21" s="28">
        <v>1173593</v>
      </c>
      <c r="GG21" s="29">
        <v>1178465</v>
      </c>
      <c r="GH21" s="24">
        <v>0</v>
      </c>
      <c r="GI21" s="25">
        <v>0</v>
      </c>
      <c r="GJ21" s="26">
        <v>0</v>
      </c>
      <c r="GK21" s="27">
        <v>0</v>
      </c>
      <c r="GL21" s="25">
        <v>2356</v>
      </c>
      <c r="GM21" s="25">
        <v>21</v>
      </c>
      <c r="GN21" s="25">
        <v>0</v>
      </c>
      <c r="GO21" s="25">
        <v>5730</v>
      </c>
      <c r="GP21" s="25">
        <v>49</v>
      </c>
      <c r="GQ21" s="28">
        <v>8156</v>
      </c>
      <c r="GR21" s="29">
        <v>8156</v>
      </c>
      <c r="GS21" s="24">
        <v>0</v>
      </c>
      <c r="GT21" s="25">
        <v>0</v>
      </c>
      <c r="GU21" s="26">
        <v>0</v>
      </c>
      <c r="GV21" s="27">
        <v>0</v>
      </c>
      <c r="GW21" s="25">
        <v>0</v>
      </c>
      <c r="GX21" s="25">
        <v>0</v>
      </c>
      <c r="GY21" s="25">
        <v>0</v>
      </c>
      <c r="GZ21" s="25">
        <v>0</v>
      </c>
      <c r="HA21" s="25">
        <v>0</v>
      </c>
      <c r="HB21" s="28">
        <v>0</v>
      </c>
      <c r="HC21" s="29">
        <v>0</v>
      </c>
      <c r="HD21" s="24">
        <v>0</v>
      </c>
      <c r="HE21" s="25">
        <v>0</v>
      </c>
      <c r="HF21" s="26">
        <v>0</v>
      </c>
      <c r="HG21" s="404">
        <v>0</v>
      </c>
      <c r="HH21" s="25">
        <v>0</v>
      </c>
      <c r="HI21" s="25">
        <v>0</v>
      </c>
      <c r="HJ21" s="25">
        <v>0</v>
      </c>
      <c r="HK21" s="25">
        <v>0</v>
      </c>
      <c r="HL21" s="25">
        <v>0</v>
      </c>
      <c r="HM21" s="28">
        <v>0</v>
      </c>
      <c r="HN21" s="29">
        <v>0</v>
      </c>
      <c r="HO21" s="24">
        <v>0</v>
      </c>
      <c r="HP21" s="25">
        <v>5307</v>
      </c>
      <c r="HQ21" s="26">
        <v>5307</v>
      </c>
      <c r="HR21" s="27">
        <v>0</v>
      </c>
      <c r="HS21" s="25">
        <v>307926</v>
      </c>
      <c r="HT21" s="25">
        <v>1086292</v>
      </c>
      <c r="HU21" s="25">
        <v>4214614</v>
      </c>
      <c r="HV21" s="25">
        <v>6948275</v>
      </c>
      <c r="HW21" s="25">
        <v>4334158</v>
      </c>
      <c r="HX21" s="28">
        <v>16891265</v>
      </c>
      <c r="HY21" s="29">
        <v>16896572</v>
      </c>
    </row>
    <row r="22" spans="2:233" ht="21" customHeight="1" x14ac:dyDescent="0.2">
      <c r="B22" s="106" t="s">
        <v>19</v>
      </c>
      <c r="C22" s="24">
        <v>0</v>
      </c>
      <c r="D22" s="25">
        <v>0</v>
      </c>
      <c r="E22" s="26">
        <v>0</v>
      </c>
      <c r="F22" s="27">
        <v>0</v>
      </c>
      <c r="G22" s="25">
        <v>218525</v>
      </c>
      <c r="H22" s="25">
        <v>278005</v>
      </c>
      <c r="I22" s="25">
        <v>1478853</v>
      </c>
      <c r="J22" s="25">
        <v>1099550</v>
      </c>
      <c r="K22" s="25">
        <v>1082515</v>
      </c>
      <c r="L22" s="28">
        <v>4157448</v>
      </c>
      <c r="M22" s="29">
        <v>4157448</v>
      </c>
      <c r="N22" s="24">
        <v>0</v>
      </c>
      <c r="O22" s="25">
        <v>0</v>
      </c>
      <c r="P22" s="26">
        <v>0</v>
      </c>
      <c r="Q22" s="404">
        <v>0</v>
      </c>
      <c r="R22" s="25">
        <v>0</v>
      </c>
      <c r="S22" s="25">
        <v>46035</v>
      </c>
      <c r="T22" s="25">
        <v>947650</v>
      </c>
      <c r="U22" s="25">
        <v>889100</v>
      </c>
      <c r="V22" s="25">
        <v>987300</v>
      </c>
      <c r="W22" s="28">
        <v>2870085</v>
      </c>
      <c r="X22" s="29">
        <v>2870085</v>
      </c>
      <c r="Y22" s="24">
        <v>0</v>
      </c>
      <c r="Z22" s="25">
        <v>0</v>
      </c>
      <c r="AA22" s="26">
        <v>0</v>
      </c>
      <c r="AB22" s="404">
        <v>0</v>
      </c>
      <c r="AC22" s="25">
        <v>188160</v>
      </c>
      <c r="AD22" s="25">
        <v>198385</v>
      </c>
      <c r="AE22" s="25">
        <v>475005</v>
      </c>
      <c r="AF22" s="25">
        <v>165425</v>
      </c>
      <c r="AG22" s="25">
        <v>84770</v>
      </c>
      <c r="AH22" s="28">
        <v>1111745</v>
      </c>
      <c r="AI22" s="29">
        <v>1111745</v>
      </c>
      <c r="AJ22" s="24">
        <v>0</v>
      </c>
      <c r="AK22" s="25">
        <v>0</v>
      </c>
      <c r="AL22" s="26">
        <v>0</v>
      </c>
      <c r="AM22" s="404">
        <v>0</v>
      </c>
      <c r="AN22" s="25">
        <v>0</v>
      </c>
      <c r="AO22" s="25">
        <v>0</v>
      </c>
      <c r="AP22" s="25">
        <v>0</v>
      </c>
      <c r="AQ22" s="25">
        <v>0</v>
      </c>
      <c r="AR22" s="25">
        <v>0</v>
      </c>
      <c r="AS22" s="28">
        <v>0</v>
      </c>
      <c r="AT22" s="29">
        <v>0</v>
      </c>
      <c r="AU22" s="24">
        <v>0</v>
      </c>
      <c r="AV22" s="25">
        <v>0</v>
      </c>
      <c r="AW22" s="26">
        <v>0</v>
      </c>
      <c r="AX22" s="404">
        <v>0</v>
      </c>
      <c r="AY22" s="25">
        <v>0</v>
      </c>
      <c r="AZ22" s="25">
        <v>0</v>
      </c>
      <c r="BA22" s="25">
        <v>0</v>
      </c>
      <c r="BB22" s="25">
        <v>0</v>
      </c>
      <c r="BC22" s="25">
        <v>0</v>
      </c>
      <c r="BD22" s="28">
        <v>0</v>
      </c>
      <c r="BE22" s="29">
        <v>0</v>
      </c>
      <c r="BF22" s="24">
        <v>0</v>
      </c>
      <c r="BG22" s="25">
        <v>0</v>
      </c>
      <c r="BH22" s="26">
        <v>0</v>
      </c>
      <c r="BI22" s="404">
        <v>0</v>
      </c>
      <c r="BJ22" s="25">
        <v>0</v>
      </c>
      <c r="BK22" s="25">
        <v>0</v>
      </c>
      <c r="BL22" s="25">
        <v>0</v>
      </c>
      <c r="BM22" s="25">
        <v>0</v>
      </c>
      <c r="BN22" s="25">
        <v>0</v>
      </c>
      <c r="BO22" s="28">
        <v>0</v>
      </c>
      <c r="BP22" s="29">
        <v>0</v>
      </c>
      <c r="BQ22" s="24">
        <v>0</v>
      </c>
      <c r="BR22" s="25">
        <v>0</v>
      </c>
      <c r="BS22" s="26">
        <v>0</v>
      </c>
      <c r="BT22" s="27">
        <v>0</v>
      </c>
      <c r="BU22" s="25">
        <v>29295</v>
      </c>
      <c r="BV22" s="25">
        <v>32845</v>
      </c>
      <c r="BW22" s="25">
        <v>54555</v>
      </c>
      <c r="BX22" s="25">
        <v>43280</v>
      </c>
      <c r="BY22" s="25">
        <v>10445</v>
      </c>
      <c r="BZ22" s="28">
        <v>170420</v>
      </c>
      <c r="CA22" s="29">
        <v>170420</v>
      </c>
      <c r="CB22" s="24">
        <v>0</v>
      </c>
      <c r="CC22" s="25">
        <v>0</v>
      </c>
      <c r="CD22" s="26">
        <v>0</v>
      </c>
      <c r="CE22" s="27">
        <v>0</v>
      </c>
      <c r="CF22" s="25">
        <v>1070</v>
      </c>
      <c r="CG22" s="25">
        <v>740</v>
      </c>
      <c r="CH22" s="25">
        <v>1643</v>
      </c>
      <c r="CI22" s="25">
        <v>1745</v>
      </c>
      <c r="CJ22" s="25">
        <v>0</v>
      </c>
      <c r="CK22" s="28">
        <v>5198</v>
      </c>
      <c r="CL22" s="29">
        <v>5198</v>
      </c>
      <c r="CM22" s="24">
        <v>0</v>
      </c>
      <c r="CN22" s="25">
        <v>0</v>
      </c>
      <c r="CO22" s="26">
        <v>0</v>
      </c>
      <c r="CP22" s="27">
        <v>0</v>
      </c>
      <c r="CQ22" s="25">
        <v>0</v>
      </c>
      <c r="CR22" s="25">
        <v>0</v>
      </c>
      <c r="CS22" s="25">
        <v>0</v>
      </c>
      <c r="CT22" s="25">
        <v>0</v>
      </c>
      <c r="CU22" s="25">
        <v>0</v>
      </c>
      <c r="CV22" s="28">
        <v>0</v>
      </c>
      <c r="CW22" s="29">
        <v>0</v>
      </c>
      <c r="CX22" s="24">
        <v>0</v>
      </c>
      <c r="CY22" s="25">
        <v>0</v>
      </c>
      <c r="CZ22" s="26">
        <v>0</v>
      </c>
      <c r="DA22" s="404">
        <v>0</v>
      </c>
      <c r="DB22" s="25">
        <v>0</v>
      </c>
      <c r="DC22" s="25">
        <v>0</v>
      </c>
      <c r="DD22" s="25">
        <v>0</v>
      </c>
      <c r="DE22" s="25">
        <v>0</v>
      </c>
      <c r="DF22" s="25">
        <v>0</v>
      </c>
      <c r="DG22" s="28">
        <v>0</v>
      </c>
      <c r="DH22" s="29">
        <v>0</v>
      </c>
      <c r="DI22" s="24">
        <v>0</v>
      </c>
      <c r="DJ22" s="25">
        <v>0</v>
      </c>
      <c r="DK22" s="26">
        <v>0</v>
      </c>
      <c r="DL22" s="27">
        <v>0</v>
      </c>
      <c r="DM22" s="25">
        <v>71669</v>
      </c>
      <c r="DN22" s="25">
        <v>202227</v>
      </c>
      <c r="DO22" s="25">
        <v>1622005</v>
      </c>
      <c r="DP22" s="25">
        <v>1381742</v>
      </c>
      <c r="DQ22" s="25">
        <v>1213394</v>
      </c>
      <c r="DR22" s="28">
        <v>4491037</v>
      </c>
      <c r="DS22" s="30">
        <v>4491037</v>
      </c>
      <c r="DT22" s="24">
        <v>0</v>
      </c>
      <c r="DU22" s="25">
        <v>0</v>
      </c>
      <c r="DV22" s="26">
        <v>0</v>
      </c>
      <c r="DW22" s="404">
        <v>0</v>
      </c>
      <c r="DX22" s="25">
        <v>0</v>
      </c>
      <c r="DY22" s="25">
        <v>108128</v>
      </c>
      <c r="DZ22" s="25">
        <v>1506498</v>
      </c>
      <c r="EA22" s="25">
        <v>1299139</v>
      </c>
      <c r="EB22" s="25">
        <v>1190830</v>
      </c>
      <c r="EC22" s="28">
        <v>4104595</v>
      </c>
      <c r="ED22" s="29">
        <v>4104595</v>
      </c>
      <c r="EE22" s="24">
        <v>0</v>
      </c>
      <c r="EF22" s="25">
        <v>0</v>
      </c>
      <c r="EG22" s="26">
        <v>0</v>
      </c>
      <c r="EH22" s="404">
        <v>0</v>
      </c>
      <c r="EI22" s="25">
        <v>37308</v>
      </c>
      <c r="EJ22" s="25">
        <v>49964</v>
      </c>
      <c r="EK22" s="25">
        <v>37733</v>
      </c>
      <c r="EL22" s="25">
        <v>23312</v>
      </c>
      <c r="EM22" s="25">
        <v>9238</v>
      </c>
      <c r="EN22" s="28">
        <v>157555</v>
      </c>
      <c r="EO22" s="29">
        <v>157555</v>
      </c>
      <c r="EP22" s="24">
        <v>0</v>
      </c>
      <c r="EQ22" s="25">
        <v>0</v>
      </c>
      <c r="ER22" s="26">
        <v>0</v>
      </c>
      <c r="ES22" s="404">
        <v>0</v>
      </c>
      <c r="ET22" s="25">
        <v>0</v>
      </c>
      <c r="EU22" s="25">
        <v>0</v>
      </c>
      <c r="EV22" s="25">
        <v>0</v>
      </c>
      <c r="EW22" s="25">
        <v>0</v>
      </c>
      <c r="EX22" s="25">
        <v>0</v>
      </c>
      <c r="EY22" s="28">
        <v>0</v>
      </c>
      <c r="EZ22" s="29">
        <v>0</v>
      </c>
      <c r="FA22" s="24">
        <v>0</v>
      </c>
      <c r="FB22" s="25">
        <v>0</v>
      </c>
      <c r="FC22" s="26">
        <v>0</v>
      </c>
      <c r="FD22" s="404">
        <v>0</v>
      </c>
      <c r="FE22" s="25">
        <v>0</v>
      </c>
      <c r="FF22" s="25">
        <v>0</v>
      </c>
      <c r="FG22" s="25">
        <v>0</v>
      </c>
      <c r="FH22" s="25">
        <v>0</v>
      </c>
      <c r="FI22" s="25">
        <v>0</v>
      </c>
      <c r="FJ22" s="28">
        <v>0</v>
      </c>
      <c r="FK22" s="29">
        <v>0</v>
      </c>
      <c r="FL22" s="24">
        <v>0</v>
      </c>
      <c r="FM22" s="25">
        <v>0</v>
      </c>
      <c r="FN22" s="26">
        <v>0</v>
      </c>
      <c r="FO22" s="404">
        <v>0</v>
      </c>
      <c r="FP22" s="25">
        <v>0</v>
      </c>
      <c r="FQ22" s="25">
        <v>0</v>
      </c>
      <c r="FR22" s="25">
        <v>0</v>
      </c>
      <c r="FS22" s="25">
        <v>0</v>
      </c>
      <c r="FT22" s="25">
        <v>0</v>
      </c>
      <c r="FU22" s="28">
        <v>0</v>
      </c>
      <c r="FV22" s="29">
        <v>0</v>
      </c>
      <c r="FW22" s="24">
        <v>0</v>
      </c>
      <c r="FX22" s="25">
        <v>0</v>
      </c>
      <c r="FY22" s="26">
        <v>0</v>
      </c>
      <c r="FZ22" s="27">
        <v>0</v>
      </c>
      <c r="GA22" s="25">
        <v>34340</v>
      </c>
      <c r="GB22" s="25">
        <v>44079</v>
      </c>
      <c r="GC22" s="25">
        <v>77774</v>
      </c>
      <c r="GD22" s="25">
        <v>58140</v>
      </c>
      <c r="GE22" s="25">
        <v>12610</v>
      </c>
      <c r="GF22" s="28">
        <v>226943</v>
      </c>
      <c r="GG22" s="29">
        <v>226943</v>
      </c>
      <c r="GH22" s="24">
        <v>0</v>
      </c>
      <c r="GI22" s="25">
        <v>0</v>
      </c>
      <c r="GJ22" s="26">
        <v>0</v>
      </c>
      <c r="GK22" s="27">
        <v>0</v>
      </c>
      <c r="GL22" s="25">
        <v>21</v>
      </c>
      <c r="GM22" s="25">
        <v>56</v>
      </c>
      <c r="GN22" s="25">
        <v>0</v>
      </c>
      <c r="GO22" s="25">
        <v>1151</v>
      </c>
      <c r="GP22" s="25">
        <v>716</v>
      </c>
      <c r="GQ22" s="28">
        <v>1944</v>
      </c>
      <c r="GR22" s="29">
        <v>1944</v>
      </c>
      <c r="GS22" s="24">
        <v>0</v>
      </c>
      <c r="GT22" s="25">
        <v>0</v>
      </c>
      <c r="GU22" s="26">
        <v>0</v>
      </c>
      <c r="GV22" s="27">
        <v>0</v>
      </c>
      <c r="GW22" s="25">
        <v>0</v>
      </c>
      <c r="GX22" s="25">
        <v>0</v>
      </c>
      <c r="GY22" s="25">
        <v>0</v>
      </c>
      <c r="GZ22" s="25">
        <v>0</v>
      </c>
      <c r="HA22" s="25">
        <v>0</v>
      </c>
      <c r="HB22" s="28">
        <v>0</v>
      </c>
      <c r="HC22" s="29">
        <v>0</v>
      </c>
      <c r="HD22" s="24">
        <v>0</v>
      </c>
      <c r="HE22" s="25">
        <v>0</v>
      </c>
      <c r="HF22" s="26">
        <v>0</v>
      </c>
      <c r="HG22" s="404">
        <v>0</v>
      </c>
      <c r="HH22" s="25">
        <v>0</v>
      </c>
      <c r="HI22" s="25">
        <v>0</v>
      </c>
      <c r="HJ22" s="25">
        <v>0</v>
      </c>
      <c r="HK22" s="25">
        <v>0</v>
      </c>
      <c r="HL22" s="25">
        <v>0</v>
      </c>
      <c r="HM22" s="28">
        <v>0</v>
      </c>
      <c r="HN22" s="29">
        <v>0</v>
      </c>
      <c r="HO22" s="24">
        <v>0</v>
      </c>
      <c r="HP22" s="25">
        <v>0</v>
      </c>
      <c r="HQ22" s="26">
        <v>0</v>
      </c>
      <c r="HR22" s="27">
        <v>0</v>
      </c>
      <c r="HS22" s="25">
        <v>290194</v>
      </c>
      <c r="HT22" s="25">
        <v>480232</v>
      </c>
      <c r="HU22" s="25">
        <v>3100858</v>
      </c>
      <c r="HV22" s="25">
        <v>2481292</v>
      </c>
      <c r="HW22" s="25">
        <v>2295909</v>
      </c>
      <c r="HX22" s="28">
        <v>8648485</v>
      </c>
      <c r="HY22" s="29">
        <v>8648485</v>
      </c>
    </row>
    <row r="23" spans="2:233" ht="21" customHeight="1" x14ac:dyDescent="0.2">
      <c r="B23" s="106" t="s">
        <v>20</v>
      </c>
      <c r="C23" s="24">
        <v>0</v>
      </c>
      <c r="D23" s="25">
        <v>0</v>
      </c>
      <c r="E23" s="26">
        <v>0</v>
      </c>
      <c r="F23" s="27">
        <v>0</v>
      </c>
      <c r="G23" s="25">
        <v>162880</v>
      </c>
      <c r="H23" s="25">
        <v>379860</v>
      </c>
      <c r="I23" s="25">
        <v>1129240</v>
      </c>
      <c r="J23" s="25">
        <v>1461765</v>
      </c>
      <c r="K23" s="25">
        <v>786160</v>
      </c>
      <c r="L23" s="28">
        <v>3919905</v>
      </c>
      <c r="M23" s="29">
        <v>3919905</v>
      </c>
      <c r="N23" s="24">
        <v>0</v>
      </c>
      <c r="O23" s="25">
        <v>0</v>
      </c>
      <c r="P23" s="26">
        <v>0</v>
      </c>
      <c r="Q23" s="404">
        <v>0</v>
      </c>
      <c r="R23" s="25">
        <v>46160</v>
      </c>
      <c r="S23" s="25">
        <v>182745</v>
      </c>
      <c r="T23" s="25">
        <v>950375</v>
      </c>
      <c r="U23" s="25">
        <v>1247055</v>
      </c>
      <c r="V23" s="25">
        <v>622245</v>
      </c>
      <c r="W23" s="28">
        <v>3048580</v>
      </c>
      <c r="X23" s="29">
        <v>3048580</v>
      </c>
      <c r="Y23" s="24">
        <v>0</v>
      </c>
      <c r="Z23" s="25">
        <v>0</v>
      </c>
      <c r="AA23" s="26">
        <v>0</v>
      </c>
      <c r="AB23" s="404">
        <v>0</v>
      </c>
      <c r="AC23" s="25">
        <v>98115</v>
      </c>
      <c r="AD23" s="25">
        <v>149730</v>
      </c>
      <c r="AE23" s="25">
        <v>138315</v>
      </c>
      <c r="AF23" s="25">
        <v>197585</v>
      </c>
      <c r="AG23" s="25">
        <v>81220</v>
      </c>
      <c r="AH23" s="28">
        <v>664965</v>
      </c>
      <c r="AI23" s="29">
        <v>664965</v>
      </c>
      <c r="AJ23" s="24">
        <v>0</v>
      </c>
      <c r="AK23" s="25">
        <v>0</v>
      </c>
      <c r="AL23" s="26">
        <v>0</v>
      </c>
      <c r="AM23" s="404">
        <v>0</v>
      </c>
      <c r="AN23" s="25">
        <v>0</v>
      </c>
      <c r="AO23" s="25">
        <v>0</v>
      </c>
      <c r="AP23" s="25">
        <v>0</v>
      </c>
      <c r="AQ23" s="25">
        <v>0</v>
      </c>
      <c r="AR23" s="25">
        <v>0</v>
      </c>
      <c r="AS23" s="28">
        <v>0</v>
      </c>
      <c r="AT23" s="29">
        <v>0</v>
      </c>
      <c r="AU23" s="24">
        <v>0</v>
      </c>
      <c r="AV23" s="25">
        <v>0</v>
      </c>
      <c r="AW23" s="26">
        <v>0</v>
      </c>
      <c r="AX23" s="404">
        <v>0</v>
      </c>
      <c r="AY23" s="25">
        <v>0</v>
      </c>
      <c r="AZ23" s="25">
        <v>0</v>
      </c>
      <c r="BA23" s="25">
        <v>0</v>
      </c>
      <c r="BB23" s="25">
        <v>0</v>
      </c>
      <c r="BC23" s="25">
        <v>32705</v>
      </c>
      <c r="BD23" s="28">
        <v>32705</v>
      </c>
      <c r="BE23" s="29">
        <v>32705</v>
      </c>
      <c r="BF23" s="24">
        <v>0</v>
      </c>
      <c r="BG23" s="25">
        <v>0</v>
      </c>
      <c r="BH23" s="26">
        <v>0</v>
      </c>
      <c r="BI23" s="404">
        <v>0</v>
      </c>
      <c r="BJ23" s="25">
        <v>0</v>
      </c>
      <c r="BK23" s="25">
        <v>0</v>
      </c>
      <c r="BL23" s="25">
        <v>0</v>
      </c>
      <c r="BM23" s="25">
        <v>0</v>
      </c>
      <c r="BN23" s="25">
        <v>0</v>
      </c>
      <c r="BO23" s="28">
        <v>0</v>
      </c>
      <c r="BP23" s="29">
        <v>0</v>
      </c>
      <c r="BQ23" s="24">
        <v>0</v>
      </c>
      <c r="BR23" s="25">
        <v>0</v>
      </c>
      <c r="BS23" s="26">
        <v>0</v>
      </c>
      <c r="BT23" s="27">
        <v>0</v>
      </c>
      <c r="BU23" s="25">
        <v>18605</v>
      </c>
      <c r="BV23" s="25">
        <v>47385</v>
      </c>
      <c r="BW23" s="25">
        <v>40260</v>
      </c>
      <c r="BX23" s="25">
        <v>16835</v>
      </c>
      <c r="BY23" s="25">
        <v>49990</v>
      </c>
      <c r="BZ23" s="28">
        <v>173075</v>
      </c>
      <c r="CA23" s="29">
        <v>173075</v>
      </c>
      <c r="CB23" s="24">
        <v>0</v>
      </c>
      <c r="CC23" s="25">
        <v>0</v>
      </c>
      <c r="CD23" s="26">
        <v>0</v>
      </c>
      <c r="CE23" s="27">
        <v>0</v>
      </c>
      <c r="CF23" s="25">
        <v>0</v>
      </c>
      <c r="CG23" s="25">
        <v>0</v>
      </c>
      <c r="CH23" s="25">
        <v>290</v>
      </c>
      <c r="CI23" s="25">
        <v>290</v>
      </c>
      <c r="CJ23" s="25">
        <v>0</v>
      </c>
      <c r="CK23" s="28">
        <v>580</v>
      </c>
      <c r="CL23" s="29">
        <v>580</v>
      </c>
      <c r="CM23" s="24">
        <v>0</v>
      </c>
      <c r="CN23" s="25">
        <v>0</v>
      </c>
      <c r="CO23" s="26">
        <v>0</v>
      </c>
      <c r="CP23" s="27">
        <v>0</v>
      </c>
      <c r="CQ23" s="25">
        <v>0</v>
      </c>
      <c r="CR23" s="25">
        <v>0</v>
      </c>
      <c r="CS23" s="25">
        <v>0</v>
      </c>
      <c r="CT23" s="25">
        <v>0</v>
      </c>
      <c r="CU23" s="25">
        <v>0</v>
      </c>
      <c r="CV23" s="28">
        <v>0</v>
      </c>
      <c r="CW23" s="29">
        <v>0</v>
      </c>
      <c r="CX23" s="24">
        <v>0</v>
      </c>
      <c r="CY23" s="25">
        <v>0</v>
      </c>
      <c r="CZ23" s="26">
        <v>0</v>
      </c>
      <c r="DA23" s="404">
        <v>0</v>
      </c>
      <c r="DB23" s="25">
        <v>0</v>
      </c>
      <c r="DC23" s="25">
        <v>0</v>
      </c>
      <c r="DD23" s="25">
        <v>0</v>
      </c>
      <c r="DE23" s="25">
        <v>0</v>
      </c>
      <c r="DF23" s="25">
        <v>0</v>
      </c>
      <c r="DG23" s="28">
        <v>0</v>
      </c>
      <c r="DH23" s="29">
        <v>0</v>
      </c>
      <c r="DI23" s="24">
        <v>0</v>
      </c>
      <c r="DJ23" s="25">
        <v>0</v>
      </c>
      <c r="DK23" s="26">
        <v>0</v>
      </c>
      <c r="DL23" s="27">
        <v>0</v>
      </c>
      <c r="DM23" s="25">
        <v>144218</v>
      </c>
      <c r="DN23" s="25">
        <v>363101</v>
      </c>
      <c r="DO23" s="25">
        <v>1792066</v>
      </c>
      <c r="DP23" s="25">
        <v>2279959</v>
      </c>
      <c r="DQ23" s="25">
        <v>1034733</v>
      </c>
      <c r="DR23" s="28">
        <v>5614077</v>
      </c>
      <c r="DS23" s="30">
        <v>5614077</v>
      </c>
      <c r="DT23" s="24">
        <v>0</v>
      </c>
      <c r="DU23" s="25">
        <v>0</v>
      </c>
      <c r="DV23" s="26">
        <v>0</v>
      </c>
      <c r="DW23" s="404">
        <v>0</v>
      </c>
      <c r="DX23" s="25">
        <v>76914</v>
      </c>
      <c r="DY23" s="25">
        <v>242079</v>
      </c>
      <c r="DZ23" s="25">
        <v>1635365</v>
      </c>
      <c r="EA23" s="25">
        <v>2174655</v>
      </c>
      <c r="EB23" s="25">
        <v>894057</v>
      </c>
      <c r="EC23" s="28">
        <v>5023070</v>
      </c>
      <c r="ED23" s="29">
        <v>5023070</v>
      </c>
      <c r="EE23" s="24">
        <v>0</v>
      </c>
      <c r="EF23" s="25">
        <v>0</v>
      </c>
      <c r="EG23" s="26">
        <v>0</v>
      </c>
      <c r="EH23" s="404">
        <v>0</v>
      </c>
      <c r="EI23" s="25">
        <v>25296</v>
      </c>
      <c r="EJ23" s="25">
        <v>13268</v>
      </c>
      <c r="EK23" s="25">
        <v>13051</v>
      </c>
      <c r="EL23" s="25">
        <v>27886</v>
      </c>
      <c r="EM23" s="25">
        <v>38037</v>
      </c>
      <c r="EN23" s="28">
        <v>117538</v>
      </c>
      <c r="EO23" s="29">
        <v>117538</v>
      </c>
      <c r="EP23" s="24">
        <v>0</v>
      </c>
      <c r="EQ23" s="25">
        <v>0</v>
      </c>
      <c r="ER23" s="26">
        <v>0</v>
      </c>
      <c r="ES23" s="404">
        <v>0</v>
      </c>
      <c r="ET23" s="25">
        <v>0</v>
      </c>
      <c r="EU23" s="25">
        <v>0</v>
      </c>
      <c r="EV23" s="25">
        <v>0</v>
      </c>
      <c r="EW23" s="25">
        <v>0</v>
      </c>
      <c r="EX23" s="25">
        <v>0</v>
      </c>
      <c r="EY23" s="28">
        <v>0</v>
      </c>
      <c r="EZ23" s="29">
        <v>0</v>
      </c>
      <c r="FA23" s="24">
        <v>0</v>
      </c>
      <c r="FB23" s="25">
        <v>0</v>
      </c>
      <c r="FC23" s="26">
        <v>0</v>
      </c>
      <c r="FD23" s="404">
        <v>0</v>
      </c>
      <c r="FE23" s="25">
        <v>0</v>
      </c>
      <c r="FF23" s="25">
        <v>0</v>
      </c>
      <c r="FG23" s="25">
        <v>0</v>
      </c>
      <c r="FH23" s="25">
        <v>0</v>
      </c>
      <c r="FI23" s="25">
        <v>217</v>
      </c>
      <c r="FJ23" s="28">
        <v>217</v>
      </c>
      <c r="FK23" s="29">
        <v>217</v>
      </c>
      <c r="FL23" s="24">
        <v>0</v>
      </c>
      <c r="FM23" s="25">
        <v>0</v>
      </c>
      <c r="FN23" s="26">
        <v>0</v>
      </c>
      <c r="FO23" s="404">
        <v>0</v>
      </c>
      <c r="FP23" s="25">
        <v>0</v>
      </c>
      <c r="FQ23" s="25">
        <v>0</v>
      </c>
      <c r="FR23" s="25">
        <v>0</v>
      </c>
      <c r="FS23" s="25">
        <v>0</v>
      </c>
      <c r="FT23" s="25">
        <v>0</v>
      </c>
      <c r="FU23" s="28">
        <v>0</v>
      </c>
      <c r="FV23" s="29">
        <v>0</v>
      </c>
      <c r="FW23" s="24">
        <v>0</v>
      </c>
      <c r="FX23" s="25">
        <v>0</v>
      </c>
      <c r="FY23" s="26">
        <v>0</v>
      </c>
      <c r="FZ23" s="27">
        <v>0</v>
      </c>
      <c r="GA23" s="25">
        <v>42008</v>
      </c>
      <c r="GB23" s="25">
        <v>107754</v>
      </c>
      <c r="GC23" s="25">
        <v>142576</v>
      </c>
      <c r="GD23" s="25">
        <v>76344</v>
      </c>
      <c r="GE23" s="25">
        <v>98842</v>
      </c>
      <c r="GF23" s="28">
        <v>467524</v>
      </c>
      <c r="GG23" s="29">
        <v>467524</v>
      </c>
      <c r="GH23" s="24">
        <v>0</v>
      </c>
      <c r="GI23" s="25">
        <v>0</v>
      </c>
      <c r="GJ23" s="26">
        <v>0</v>
      </c>
      <c r="GK23" s="27">
        <v>0</v>
      </c>
      <c r="GL23" s="25">
        <v>0</v>
      </c>
      <c r="GM23" s="25">
        <v>0</v>
      </c>
      <c r="GN23" s="25">
        <v>1074</v>
      </c>
      <c r="GO23" s="25">
        <v>1074</v>
      </c>
      <c r="GP23" s="25">
        <v>3580</v>
      </c>
      <c r="GQ23" s="28">
        <v>5728</v>
      </c>
      <c r="GR23" s="29">
        <v>5728</v>
      </c>
      <c r="GS23" s="24">
        <v>0</v>
      </c>
      <c r="GT23" s="25">
        <v>0</v>
      </c>
      <c r="GU23" s="26">
        <v>0</v>
      </c>
      <c r="GV23" s="27">
        <v>0</v>
      </c>
      <c r="GW23" s="25">
        <v>0</v>
      </c>
      <c r="GX23" s="25">
        <v>0</v>
      </c>
      <c r="GY23" s="25">
        <v>0</v>
      </c>
      <c r="GZ23" s="25">
        <v>0</v>
      </c>
      <c r="HA23" s="25">
        <v>0</v>
      </c>
      <c r="HB23" s="28">
        <v>0</v>
      </c>
      <c r="HC23" s="29">
        <v>0</v>
      </c>
      <c r="HD23" s="24">
        <v>0</v>
      </c>
      <c r="HE23" s="25">
        <v>0</v>
      </c>
      <c r="HF23" s="26">
        <v>0</v>
      </c>
      <c r="HG23" s="404">
        <v>0</v>
      </c>
      <c r="HH23" s="25">
        <v>0</v>
      </c>
      <c r="HI23" s="25">
        <v>0</v>
      </c>
      <c r="HJ23" s="25">
        <v>0</v>
      </c>
      <c r="HK23" s="25">
        <v>0</v>
      </c>
      <c r="HL23" s="25">
        <v>0</v>
      </c>
      <c r="HM23" s="28">
        <v>0</v>
      </c>
      <c r="HN23" s="29">
        <v>0</v>
      </c>
      <c r="HO23" s="24">
        <v>0</v>
      </c>
      <c r="HP23" s="25">
        <v>0</v>
      </c>
      <c r="HQ23" s="26">
        <v>0</v>
      </c>
      <c r="HR23" s="27">
        <v>0</v>
      </c>
      <c r="HS23" s="25">
        <v>307098</v>
      </c>
      <c r="HT23" s="25">
        <v>742961</v>
      </c>
      <c r="HU23" s="25">
        <v>2921306</v>
      </c>
      <c r="HV23" s="25">
        <v>3741724</v>
      </c>
      <c r="HW23" s="25">
        <v>1820893</v>
      </c>
      <c r="HX23" s="28">
        <v>9533982</v>
      </c>
      <c r="HY23" s="29">
        <v>9533982</v>
      </c>
    </row>
    <row r="24" spans="2:233" ht="21" customHeight="1" x14ac:dyDescent="0.2">
      <c r="B24" s="106" t="s">
        <v>21</v>
      </c>
      <c r="C24" s="24">
        <v>0</v>
      </c>
      <c r="D24" s="25">
        <v>0</v>
      </c>
      <c r="E24" s="26">
        <v>0</v>
      </c>
      <c r="F24" s="27">
        <v>0</v>
      </c>
      <c r="G24" s="25">
        <v>89965</v>
      </c>
      <c r="H24" s="25">
        <v>324165</v>
      </c>
      <c r="I24" s="25">
        <v>731739</v>
      </c>
      <c r="J24" s="25">
        <v>1006222</v>
      </c>
      <c r="K24" s="25">
        <v>489530</v>
      </c>
      <c r="L24" s="28">
        <v>2641621</v>
      </c>
      <c r="M24" s="29">
        <v>2641621</v>
      </c>
      <c r="N24" s="24">
        <v>0</v>
      </c>
      <c r="O24" s="25">
        <v>0</v>
      </c>
      <c r="P24" s="26">
        <v>0</v>
      </c>
      <c r="Q24" s="404">
        <v>0</v>
      </c>
      <c r="R24" s="25">
        <v>37960</v>
      </c>
      <c r="S24" s="25">
        <v>194120</v>
      </c>
      <c r="T24" s="25">
        <v>590840</v>
      </c>
      <c r="U24" s="25">
        <v>654985</v>
      </c>
      <c r="V24" s="25">
        <v>283320</v>
      </c>
      <c r="W24" s="28">
        <v>1761225</v>
      </c>
      <c r="X24" s="29">
        <v>1761225</v>
      </c>
      <c r="Y24" s="24">
        <v>0</v>
      </c>
      <c r="Z24" s="25">
        <v>0</v>
      </c>
      <c r="AA24" s="26">
        <v>0</v>
      </c>
      <c r="AB24" s="404">
        <v>0</v>
      </c>
      <c r="AC24" s="25">
        <v>46390</v>
      </c>
      <c r="AD24" s="25">
        <v>92535</v>
      </c>
      <c r="AE24" s="25">
        <v>116715</v>
      </c>
      <c r="AF24" s="25">
        <v>293136</v>
      </c>
      <c r="AG24" s="25">
        <v>133155</v>
      </c>
      <c r="AH24" s="28">
        <v>681931</v>
      </c>
      <c r="AI24" s="29">
        <v>681931</v>
      </c>
      <c r="AJ24" s="24">
        <v>0</v>
      </c>
      <c r="AK24" s="25">
        <v>0</v>
      </c>
      <c r="AL24" s="26">
        <v>0</v>
      </c>
      <c r="AM24" s="404">
        <v>0</v>
      </c>
      <c r="AN24" s="25">
        <v>0</v>
      </c>
      <c r="AO24" s="25">
        <v>0</v>
      </c>
      <c r="AP24" s="25">
        <v>0</v>
      </c>
      <c r="AQ24" s="25">
        <v>0</v>
      </c>
      <c r="AR24" s="25">
        <v>0</v>
      </c>
      <c r="AS24" s="28">
        <v>0</v>
      </c>
      <c r="AT24" s="29">
        <v>0</v>
      </c>
      <c r="AU24" s="24">
        <v>0</v>
      </c>
      <c r="AV24" s="25">
        <v>0</v>
      </c>
      <c r="AW24" s="26">
        <v>0</v>
      </c>
      <c r="AX24" s="404">
        <v>0</v>
      </c>
      <c r="AY24" s="25">
        <v>0</v>
      </c>
      <c r="AZ24" s="25">
        <v>0</v>
      </c>
      <c r="BA24" s="25">
        <v>0</v>
      </c>
      <c r="BB24" s="25">
        <v>25835</v>
      </c>
      <c r="BC24" s="25">
        <v>65410</v>
      </c>
      <c r="BD24" s="28">
        <v>91245</v>
      </c>
      <c r="BE24" s="29">
        <v>91245</v>
      </c>
      <c r="BF24" s="24">
        <v>0</v>
      </c>
      <c r="BG24" s="25">
        <v>0</v>
      </c>
      <c r="BH24" s="26">
        <v>0</v>
      </c>
      <c r="BI24" s="404">
        <v>0</v>
      </c>
      <c r="BJ24" s="25">
        <v>0</v>
      </c>
      <c r="BK24" s="25">
        <v>0</v>
      </c>
      <c r="BL24" s="25">
        <v>0</v>
      </c>
      <c r="BM24" s="25">
        <v>0</v>
      </c>
      <c r="BN24" s="25">
        <v>0</v>
      </c>
      <c r="BO24" s="28">
        <v>0</v>
      </c>
      <c r="BP24" s="29">
        <v>0</v>
      </c>
      <c r="BQ24" s="24">
        <v>0</v>
      </c>
      <c r="BR24" s="25">
        <v>0</v>
      </c>
      <c r="BS24" s="26">
        <v>0</v>
      </c>
      <c r="BT24" s="27">
        <v>0</v>
      </c>
      <c r="BU24" s="25">
        <v>5615</v>
      </c>
      <c r="BV24" s="25">
        <v>37510</v>
      </c>
      <c r="BW24" s="25">
        <v>23604</v>
      </c>
      <c r="BX24" s="25">
        <v>29650</v>
      </c>
      <c r="BY24" s="25">
        <v>7645</v>
      </c>
      <c r="BZ24" s="28">
        <v>104024</v>
      </c>
      <c r="CA24" s="29">
        <v>104024</v>
      </c>
      <c r="CB24" s="24">
        <v>0</v>
      </c>
      <c r="CC24" s="25">
        <v>0</v>
      </c>
      <c r="CD24" s="26">
        <v>0</v>
      </c>
      <c r="CE24" s="27">
        <v>0</v>
      </c>
      <c r="CF24" s="25">
        <v>0</v>
      </c>
      <c r="CG24" s="25">
        <v>0</v>
      </c>
      <c r="CH24" s="25">
        <v>580</v>
      </c>
      <c r="CI24" s="25">
        <v>2616</v>
      </c>
      <c r="CJ24" s="25">
        <v>0</v>
      </c>
      <c r="CK24" s="28">
        <v>3196</v>
      </c>
      <c r="CL24" s="29">
        <v>3196</v>
      </c>
      <c r="CM24" s="24">
        <v>0</v>
      </c>
      <c r="CN24" s="25">
        <v>0</v>
      </c>
      <c r="CO24" s="26">
        <v>0</v>
      </c>
      <c r="CP24" s="27">
        <v>0</v>
      </c>
      <c r="CQ24" s="25">
        <v>0</v>
      </c>
      <c r="CR24" s="25">
        <v>0</v>
      </c>
      <c r="CS24" s="25">
        <v>0</v>
      </c>
      <c r="CT24" s="25">
        <v>0</v>
      </c>
      <c r="CU24" s="25">
        <v>0</v>
      </c>
      <c r="CV24" s="28">
        <v>0</v>
      </c>
      <c r="CW24" s="29">
        <v>0</v>
      </c>
      <c r="CX24" s="24">
        <v>0</v>
      </c>
      <c r="CY24" s="25">
        <v>0</v>
      </c>
      <c r="CZ24" s="26">
        <v>0</v>
      </c>
      <c r="DA24" s="404">
        <v>0</v>
      </c>
      <c r="DB24" s="25">
        <v>0</v>
      </c>
      <c r="DC24" s="25">
        <v>0</v>
      </c>
      <c r="DD24" s="25">
        <v>0</v>
      </c>
      <c r="DE24" s="25">
        <v>0</v>
      </c>
      <c r="DF24" s="25">
        <v>0</v>
      </c>
      <c r="DG24" s="28">
        <v>0</v>
      </c>
      <c r="DH24" s="29">
        <v>0</v>
      </c>
      <c r="DI24" s="24">
        <v>0</v>
      </c>
      <c r="DJ24" s="25">
        <v>0</v>
      </c>
      <c r="DK24" s="26">
        <v>0</v>
      </c>
      <c r="DL24" s="27">
        <v>0</v>
      </c>
      <c r="DM24" s="25">
        <v>66893</v>
      </c>
      <c r="DN24" s="25">
        <v>278768</v>
      </c>
      <c r="DO24" s="25">
        <v>905262</v>
      </c>
      <c r="DP24" s="25">
        <v>1087120</v>
      </c>
      <c r="DQ24" s="25">
        <v>603489</v>
      </c>
      <c r="DR24" s="28">
        <v>2941532</v>
      </c>
      <c r="DS24" s="30">
        <v>2941532</v>
      </c>
      <c r="DT24" s="24">
        <v>0</v>
      </c>
      <c r="DU24" s="25">
        <v>0</v>
      </c>
      <c r="DV24" s="26">
        <v>0</v>
      </c>
      <c r="DW24" s="404">
        <v>0</v>
      </c>
      <c r="DX24" s="25">
        <v>43400</v>
      </c>
      <c r="DY24" s="25">
        <v>213590</v>
      </c>
      <c r="DZ24" s="25">
        <v>814139</v>
      </c>
      <c r="EA24" s="25">
        <v>971663</v>
      </c>
      <c r="EB24" s="25">
        <v>547192</v>
      </c>
      <c r="EC24" s="28">
        <v>2589984</v>
      </c>
      <c r="ED24" s="29">
        <v>2589984</v>
      </c>
      <c r="EE24" s="24">
        <v>0</v>
      </c>
      <c r="EF24" s="25">
        <v>0</v>
      </c>
      <c r="EG24" s="26">
        <v>0</v>
      </c>
      <c r="EH24" s="404">
        <v>0</v>
      </c>
      <c r="EI24" s="25">
        <v>1351</v>
      </c>
      <c r="EJ24" s="25">
        <v>868</v>
      </c>
      <c r="EK24" s="25">
        <v>14849</v>
      </c>
      <c r="EL24" s="25">
        <v>27012</v>
      </c>
      <c r="EM24" s="25">
        <v>28179</v>
      </c>
      <c r="EN24" s="28">
        <v>72259</v>
      </c>
      <c r="EO24" s="29">
        <v>72259</v>
      </c>
      <c r="EP24" s="24">
        <v>0</v>
      </c>
      <c r="EQ24" s="25">
        <v>0</v>
      </c>
      <c r="ER24" s="26">
        <v>0</v>
      </c>
      <c r="ES24" s="404">
        <v>0</v>
      </c>
      <c r="ET24" s="25">
        <v>0</v>
      </c>
      <c r="EU24" s="25">
        <v>0</v>
      </c>
      <c r="EV24" s="25">
        <v>0</v>
      </c>
      <c r="EW24" s="25">
        <v>0</v>
      </c>
      <c r="EX24" s="25">
        <v>0</v>
      </c>
      <c r="EY24" s="28">
        <v>0</v>
      </c>
      <c r="EZ24" s="29">
        <v>0</v>
      </c>
      <c r="FA24" s="24">
        <v>0</v>
      </c>
      <c r="FB24" s="25">
        <v>0</v>
      </c>
      <c r="FC24" s="26">
        <v>0</v>
      </c>
      <c r="FD24" s="404">
        <v>0</v>
      </c>
      <c r="FE24" s="25">
        <v>0</v>
      </c>
      <c r="FF24" s="25">
        <v>0</v>
      </c>
      <c r="FG24" s="25">
        <v>0</v>
      </c>
      <c r="FH24" s="25">
        <v>532</v>
      </c>
      <c r="FI24" s="25">
        <v>14198</v>
      </c>
      <c r="FJ24" s="28">
        <v>14730</v>
      </c>
      <c r="FK24" s="29">
        <v>14730</v>
      </c>
      <c r="FL24" s="24">
        <v>0</v>
      </c>
      <c r="FM24" s="25">
        <v>0</v>
      </c>
      <c r="FN24" s="26">
        <v>0</v>
      </c>
      <c r="FO24" s="404">
        <v>0</v>
      </c>
      <c r="FP24" s="25">
        <v>0</v>
      </c>
      <c r="FQ24" s="25">
        <v>0</v>
      </c>
      <c r="FR24" s="25">
        <v>0</v>
      </c>
      <c r="FS24" s="25">
        <v>0</v>
      </c>
      <c r="FT24" s="25">
        <v>0</v>
      </c>
      <c r="FU24" s="28">
        <v>0</v>
      </c>
      <c r="FV24" s="29">
        <v>0</v>
      </c>
      <c r="FW24" s="24">
        <v>0</v>
      </c>
      <c r="FX24" s="25">
        <v>0</v>
      </c>
      <c r="FY24" s="26">
        <v>0</v>
      </c>
      <c r="FZ24" s="27">
        <v>0</v>
      </c>
      <c r="GA24" s="25">
        <v>22142</v>
      </c>
      <c r="GB24" s="25">
        <v>64310</v>
      </c>
      <c r="GC24" s="25">
        <v>76232</v>
      </c>
      <c r="GD24" s="25">
        <v>87836</v>
      </c>
      <c r="GE24" s="25">
        <v>13920</v>
      </c>
      <c r="GF24" s="28">
        <v>264440</v>
      </c>
      <c r="GG24" s="29">
        <v>264440</v>
      </c>
      <c r="GH24" s="24">
        <v>0</v>
      </c>
      <c r="GI24" s="25">
        <v>0</v>
      </c>
      <c r="GJ24" s="26">
        <v>0</v>
      </c>
      <c r="GK24" s="27">
        <v>0</v>
      </c>
      <c r="GL24" s="25">
        <v>0</v>
      </c>
      <c r="GM24" s="25">
        <v>0</v>
      </c>
      <c r="GN24" s="25">
        <v>42</v>
      </c>
      <c r="GO24" s="25">
        <v>77</v>
      </c>
      <c r="GP24" s="25">
        <v>0</v>
      </c>
      <c r="GQ24" s="28">
        <v>119</v>
      </c>
      <c r="GR24" s="29">
        <v>119</v>
      </c>
      <c r="GS24" s="24">
        <v>0</v>
      </c>
      <c r="GT24" s="25">
        <v>0</v>
      </c>
      <c r="GU24" s="26">
        <v>0</v>
      </c>
      <c r="GV24" s="27">
        <v>0</v>
      </c>
      <c r="GW24" s="25">
        <v>0</v>
      </c>
      <c r="GX24" s="25">
        <v>0</v>
      </c>
      <c r="GY24" s="25">
        <v>0</v>
      </c>
      <c r="GZ24" s="25">
        <v>0</v>
      </c>
      <c r="HA24" s="25">
        <v>0</v>
      </c>
      <c r="HB24" s="28">
        <v>0</v>
      </c>
      <c r="HC24" s="29">
        <v>0</v>
      </c>
      <c r="HD24" s="24">
        <v>0</v>
      </c>
      <c r="HE24" s="25">
        <v>0</v>
      </c>
      <c r="HF24" s="26">
        <v>0</v>
      </c>
      <c r="HG24" s="404">
        <v>0</v>
      </c>
      <c r="HH24" s="25">
        <v>0</v>
      </c>
      <c r="HI24" s="25">
        <v>0</v>
      </c>
      <c r="HJ24" s="25">
        <v>0</v>
      </c>
      <c r="HK24" s="25">
        <v>0</v>
      </c>
      <c r="HL24" s="25">
        <v>0</v>
      </c>
      <c r="HM24" s="28">
        <v>0</v>
      </c>
      <c r="HN24" s="29">
        <v>0</v>
      </c>
      <c r="HO24" s="24">
        <v>0</v>
      </c>
      <c r="HP24" s="25">
        <v>0</v>
      </c>
      <c r="HQ24" s="26">
        <v>0</v>
      </c>
      <c r="HR24" s="27">
        <v>0</v>
      </c>
      <c r="HS24" s="25">
        <v>156858</v>
      </c>
      <c r="HT24" s="25">
        <v>602933</v>
      </c>
      <c r="HU24" s="25">
        <v>1637001</v>
      </c>
      <c r="HV24" s="25">
        <v>2093342</v>
      </c>
      <c r="HW24" s="25">
        <v>1093019</v>
      </c>
      <c r="HX24" s="28">
        <v>5583153</v>
      </c>
      <c r="HY24" s="29">
        <v>5583153</v>
      </c>
    </row>
    <row r="25" spans="2:233" ht="21" customHeight="1" x14ac:dyDescent="0.2">
      <c r="B25" s="106" t="s">
        <v>22</v>
      </c>
      <c r="C25" s="24">
        <v>0</v>
      </c>
      <c r="D25" s="25">
        <v>0</v>
      </c>
      <c r="E25" s="26">
        <v>0</v>
      </c>
      <c r="F25" s="27">
        <v>0</v>
      </c>
      <c r="G25" s="25">
        <v>144910</v>
      </c>
      <c r="H25" s="25">
        <v>257285</v>
      </c>
      <c r="I25" s="25">
        <v>798450</v>
      </c>
      <c r="J25" s="25">
        <v>1162880</v>
      </c>
      <c r="K25" s="25">
        <v>418165</v>
      </c>
      <c r="L25" s="28">
        <v>2781690</v>
      </c>
      <c r="M25" s="29">
        <v>2781690</v>
      </c>
      <c r="N25" s="24">
        <v>0</v>
      </c>
      <c r="O25" s="25">
        <v>0</v>
      </c>
      <c r="P25" s="26">
        <v>0</v>
      </c>
      <c r="Q25" s="404">
        <v>0</v>
      </c>
      <c r="R25" s="25">
        <v>35495</v>
      </c>
      <c r="S25" s="25">
        <v>27280</v>
      </c>
      <c r="T25" s="25">
        <v>466015</v>
      </c>
      <c r="U25" s="25">
        <v>610240</v>
      </c>
      <c r="V25" s="25">
        <v>177450</v>
      </c>
      <c r="W25" s="28">
        <v>1316480</v>
      </c>
      <c r="X25" s="29">
        <v>1316480</v>
      </c>
      <c r="Y25" s="24">
        <v>0</v>
      </c>
      <c r="Z25" s="25">
        <v>0</v>
      </c>
      <c r="AA25" s="26">
        <v>0</v>
      </c>
      <c r="AB25" s="404">
        <v>0</v>
      </c>
      <c r="AC25" s="25">
        <v>102940</v>
      </c>
      <c r="AD25" s="25">
        <v>224040</v>
      </c>
      <c r="AE25" s="25">
        <v>227435</v>
      </c>
      <c r="AF25" s="25">
        <v>481885</v>
      </c>
      <c r="AG25" s="25">
        <v>134405</v>
      </c>
      <c r="AH25" s="28">
        <v>1170705</v>
      </c>
      <c r="AI25" s="29">
        <v>1170705</v>
      </c>
      <c r="AJ25" s="24">
        <v>0</v>
      </c>
      <c r="AK25" s="25">
        <v>0</v>
      </c>
      <c r="AL25" s="26">
        <v>0</v>
      </c>
      <c r="AM25" s="404">
        <v>0</v>
      </c>
      <c r="AN25" s="25">
        <v>0</v>
      </c>
      <c r="AO25" s="25">
        <v>0</v>
      </c>
      <c r="AP25" s="25">
        <v>0</v>
      </c>
      <c r="AQ25" s="25">
        <v>0</v>
      </c>
      <c r="AR25" s="25">
        <v>0</v>
      </c>
      <c r="AS25" s="28">
        <v>0</v>
      </c>
      <c r="AT25" s="29">
        <v>0</v>
      </c>
      <c r="AU25" s="24">
        <v>0</v>
      </c>
      <c r="AV25" s="25">
        <v>0</v>
      </c>
      <c r="AW25" s="26">
        <v>0</v>
      </c>
      <c r="AX25" s="404">
        <v>0</v>
      </c>
      <c r="AY25" s="25">
        <v>0</v>
      </c>
      <c r="AZ25" s="25">
        <v>0</v>
      </c>
      <c r="BA25" s="25">
        <v>0</v>
      </c>
      <c r="BB25" s="25">
        <v>27280</v>
      </c>
      <c r="BC25" s="25">
        <v>27280</v>
      </c>
      <c r="BD25" s="28">
        <v>54560</v>
      </c>
      <c r="BE25" s="29">
        <v>54560</v>
      </c>
      <c r="BF25" s="24">
        <v>0</v>
      </c>
      <c r="BG25" s="25">
        <v>0</v>
      </c>
      <c r="BH25" s="26">
        <v>0</v>
      </c>
      <c r="BI25" s="404">
        <v>0</v>
      </c>
      <c r="BJ25" s="25">
        <v>0</v>
      </c>
      <c r="BK25" s="25">
        <v>0</v>
      </c>
      <c r="BL25" s="25">
        <v>27280</v>
      </c>
      <c r="BM25" s="25">
        <v>33095</v>
      </c>
      <c r="BN25" s="25">
        <v>68045</v>
      </c>
      <c r="BO25" s="28">
        <v>128420</v>
      </c>
      <c r="BP25" s="29">
        <v>128420</v>
      </c>
      <c r="BQ25" s="24">
        <v>0</v>
      </c>
      <c r="BR25" s="25">
        <v>0</v>
      </c>
      <c r="BS25" s="26">
        <v>0</v>
      </c>
      <c r="BT25" s="27">
        <v>0</v>
      </c>
      <c r="BU25" s="25">
        <v>6475</v>
      </c>
      <c r="BV25" s="25">
        <v>5965</v>
      </c>
      <c r="BW25" s="25">
        <v>77720</v>
      </c>
      <c r="BX25" s="25">
        <v>10380</v>
      </c>
      <c r="BY25" s="25">
        <v>10985</v>
      </c>
      <c r="BZ25" s="28">
        <v>111525</v>
      </c>
      <c r="CA25" s="29">
        <v>111525</v>
      </c>
      <c r="CB25" s="24">
        <v>0</v>
      </c>
      <c r="CC25" s="25">
        <v>0</v>
      </c>
      <c r="CD25" s="26">
        <v>0</v>
      </c>
      <c r="CE25" s="27">
        <v>0</v>
      </c>
      <c r="CF25" s="25">
        <v>0</v>
      </c>
      <c r="CG25" s="25">
        <v>0</v>
      </c>
      <c r="CH25" s="25">
        <v>0</v>
      </c>
      <c r="CI25" s="25">
        <v>0</v>
      </c>
      <c r="CJ25" s="25">
        <v>0</v>
      </c>
      <c r="CK25" s="28">
        <v>0</v>
      </c>
      <c r="CL25" s="29">
        <v>0</v>
      </c>
      <c r="CM25" s="24">
        <v>0</v>
      </c>
      <c r="CN25" s="25">
        <v>0</v>
      </c>
      <c r="CO25" s="26">
        <v>0</v>
      </c>
      <c r="CP25" s="27">
        <v>0</v>
      </c>
      <c r="CQ25" s="25">
        <v>0</v>
      </c>
      <c r="CR25" s="25">
        <v>0</v>
      </c>
      <c r="CS25" s="25">
        <v>0</v>
      </c>
      <c r="CT25" s="25">
        <v>0</v>
      </c>
      <c r="CU25" s="25">
        <v>0</v>
      </c>
      <c r="CV25" s="28">
        <v>0</v>
      </c>
      <c r="CW25" s="29">
        <v>0</v>
      </c>
      <c r="CX25" s="24">
        <v>0</v>
      </c>
      <c r="CY25" s="25">
        <v>0</v>
      </c>
      <c r="CZ25" s="26">
        <v>0</v>
      </c>
      <c r="DA25" s="404">
        <v>0</v>
      </c>
      <c r="DB25" s="25">
        <v>0</v>
      </c>
      <c r="DC25" s="25">
        <v>0</v>
      </c>
      <c r="DD25" s="25">
        <v>0</v>
      </c>
      <c r="DE25" s="25">
        <v>0</v>
      </c>
      <c r="DF25" s="25">
        <v>0</v>
      </c>
      <c r="DG25" s="28">
        <v>0</v>
      </c>
      <c r="DH25" s="29">
        <v>0</v>
      </c>
      <c r="DI25" s="24">
        <v>0</v>
      </c>
      <c r="DJ25" s="25">
        <v>0</v>
      </c>
      <c r="DK25" s="26">
        <v>0</v>
      </c>
      <c r="DL25" s="27">
        <v>0</v>
      </c>
      <c r="DM25" s="25">
        <v>61654</v>
      </c>
      <c r="DN25" s="25">
        <v>86677</v>
      </c>
      <c r="DO25" s="25">
        <v>663023</v>
      </c>
      <c r="DP25" s="25">
        <v>921830</v>
      </c>
      <c r="DQ25" s="25">
        <v>403963</v>
      </c>
      <c r="DR25" s="28">
        <v>2137147</v>
      </c>
      <c r="DS25" s="30">
        <v>2137147</v>
      </c>
      <c r="DT25" s="24">
        <v>0</v>
      </c>
      <c r="DU25" s="25">
        <v>0</v>
      </c>
      <c r="DV25" s="26">
        <v>0</v>
      </c>
      <c r="DW25" s="404">
        <v>0</v>
      </c>
      <c r="DX25" s="25">
        <v>28365</v>
      </c>
      <c r="DY25" s="25">
        <v>32457</v>
      </c>
      <c r="DZ25" s="25">
        <v>504142</v>
      </c>
      <c r="EA25" s="25">
        <v>764762</v>
      </c>
      <c r="EB25" s="25">
        <v>295399</v>
      </c>
      <c r="EC25" s="28">
        <v>1625125</v>
      </c>
      <c r="ED25" s="29">
        <v>1625125</v>
      </c>
      <c r="EE25" s="24">
        <v>0</v>
      </c>
      <c r="EF25" s="25">
        <v>0</v>
      </c>
      <c r="EG25" s="26">
        <v>0</v>
      </c>
      <c r="EH25" s="404">
        <v>0</v>
      </c>
      <c r="EI25" s="25">
        <v>26053</v>
      </c>
      <c r="EJ25" s="25">
        <v>43616</v>
      </c>
      <c r="EK25" s="25">
        <v>9015</v>
      </c>
      <c r="EL25" s="25">
        <v>56234</v>
      </c>
      <c r="EM25" s="25">
        <v>1827</v>
      </c>
      <c r="EN25" s="28">
        <v>136745</v>
      </c>
      <c r="EO25" s="29">
        <v>136745</v>
      </c>
      <c r="EP25" s="24">
        <v>0</v>
      </c>
      <c r="EQ25" s="25">
        <v>0</v>
      </c>
      <c r="ER25" s="26">
        <v>0</v>
      </c>
      <c r="ES25" s="404">
        <v>0</v>
      </c>
      <c r="ET25" s="25">
        <v>0</v>
      </c>
      <c r="EU25" s="25">
        <v>0</v>
      </c>
      <c r="EV25" s="25">
        <v>0</v>
      </c>
      <c r="EW25" s="25">
        <v>0</v>
      </c>
      <c r="EX25" s="25">
        <v>0</v>
      </c>
      <c r="EY25" s="28">
        <v>0</v>
      </c>
      <c r="EZ25" s="29">
        <v>0</v>
      </c>
      <c r="FA25" s="24">
        <v>0</v>
      </c>
      <c r="FB25" s="25">
        <v>0</v>
      </c>
      <c r="FC25" s="26">
        <v>0</v>
      </c>
      <c r="FD25" s="404">
        <v>0</v>
      </c>
      <c r="FE25" s="25">
        <v>0</v>
      </c>
      <c r="FF25" s="25">
        <v>0</v>
      </c>
      <c r="FG25" s="25">
        <v>0</v>
      </c>
      <c r="FH25" s="25">
        <v>11315</v>
      </c>
      <c r="FI25" s="25">
        <v>434</v>
      </c>
      <c r="FJ25" s="28">
        <v>11749</v>
      </c>
      <c r="FK25" s="29">
        <v>11749</v>
      </c>
      <c r="FL25" s="24">
        <v>0</v>
      </c>
      <c r="FM25" s="25">
        <v>0</v>
      </c>
      <c r="FN25" s="26">
        <v>0</v>
      </c>
      <c r="FO25" s="404">
        <v>0</v>
      </c>
      <c r="FP25" s="25">
        <v>0</v>
      </c>
      <c r="FQ25" s="25">
        <v>0</v>
      </c>
      <c r="FR25" s="25">
        <v>43152</v>
      </c>
      <c r="FS25" s="25">
        <v>72384</v>
      </c>
      <c r="FT25" s="25">
        <v>95108</v>
      </c>
      <c r="FU25" s="28">
        <v>210644</v>
      </c>
      <c r="FV25" s="29">
        <v>210644</v>
      </c>
      <c r="FW25" s="24">
        <v>0</v>
      </c>
      <c r="FX25" s="25">
        <v>0</v>
      </c>
      <c r="FY25" s="26">
        <v>0</v>
      </c>
      <c r="FZ25" s="27">
        <v>0</v>
      </c>
      <c r="GA25" s="25">
        <v>7236</v>
      </c>
      <c r="GB25" s="25">
        <v>10604</v>
      </c>
      <c r="GC25" s="25">
        <v>106714</v>
      </c>
      <c r="GD25" s="25">
        <v>17135</v>
      </c>
      <c r="GE25" s="25">
        <v>9763</v>
      </c>
      <c r="GF25" s="28">
        <v>151452</v>
      </c>
      <c r="GG25" s="29">
        <v>151452</v>
      </c>
      <c r="GH25" s="24">
        <v>0</v>
      </c>
      <c r="GI25" s="25">
        <v>0</v>
      </c>
      <c r="GJ25" s="26">
        <v>0</v>
      </c>
      <c r="GK25" s="27">
        <v>0</v>
      </c>
      <c r="GL25" s="25">
        <v>0</v>
      </c>
      <c r="GM25" s="25">
        <v>0</v>
      </c>
      <c r="GN25" s="25">
        <v>0</v>
      </c>
      <c r="GO25" s="25">
        <v>0</v>
      </c>
      <c r="GP25" s="25">
        <v>1432</v>
      </c>
      <c r="GQ25" s="28">
        <v>1432</v>
      </c>
      <c r="GR25" s="29">
        <v>1432</v>
      </c>
      <c r="GS25" s="24">
        <v>0</v>
      </c>
      <c r="GT25" s="25">
        <v>0</v>
      </c>
      <c r="GU25" s="26">
        <v>0</v>
      </c>
      <c r="GV25" s="27">
        <v>0</v>
      </c>
      <c r="GW25" s="25">
        <v>0</v>
      </c>
      <c r="GX25" s="25">
        <v>0</v>
      </c>
      <c r="GY25" s="25">
        <v>0</v>
      </c>
      <c r="GZ25" s="25">
        <v>0</v>
      </c>
      <c r="HA25" s="25">
        <v>0</v>
      </c>
      <c r="HB25" s="28">
        <v>0</v>
      </c>
      <c r="HC25" s="29">
        <v>0</v>
      </c>
      <c r="HD25" s="24">
        <v>0</v>
      </c>
      <c r="HE25" s="25">
        <v>0</v>
      </c>
      <c r="HF25" s="26">
        <v>0</v>
      </c>
      <c r="HG25" s="404">
        <v>0</v>
      </c>
      <c r="HH25" s="25">
        <v>0</v>
      </c>
      <c r="HI25" s="25">
        <v>0</v>
      </c>
      <c r="HJ25" s="25">
        <v>0</v>
      </c>
      <c r="HK25" s="25">
        <v>0</v>
      </c>
      <c r="HL25" s="25">
        <v>0</v>
      </c>
      <c r="HM25" s="28">
        <v>0</v>
      </c>
      <c r="HN25" s="29">
        <v>0</v>
      </c>
      <c r="HO25" s="24">
        <v>0</v>
      </c>
      <c r="HP25" s="25">
        <v>0</v>
      </c>
      <c r="HQ25" s="26">
        <v>0</v>
      </c>
      <c r="HR25" s="27">
        <v>0</v>
      </c>
      <c r="HS25" s="25">
        <v>206564</v>
      </c>
      <c r="HT25" s="25">
        <v>343962</v>
      </c>
      <c r="HU25" s="25">
        <v>1461473</v>
      </c>
      <c r="HV25" s="25">
        <v>2084710</v>
      </c>
      <c r="HW25" s="25">
        <v>822128</v>
      </c>
      <c r="HX25" s="28">
        <v>4918837</v>
      </c>
      <c r="HY25" s="29">
        <v>4918837</v>
      </c>
    </row>
    <row r="26" spans="2:233" ht="21" customHeight="1" x14ac:dyDescent="0.2">
      <c r="B26" s="106" t="s">
        <v>23</v>
      </c>
      <c r="C26" s="24">
        <v>0</v>
      </c>
      <c r="D26" s="25">
        <v>0</v>
      </c>
      <c r="E26" s="26">
        <v>0</v>
      </c>
      <c r="F26" s="27">
        <v>0</v>
      </c>
      <c r="G26" s="25">
        <v>210709</v>
      </c>
      <c r="H26" s="25">
        <v>203020</v>
      </c>
      <c r="I26" s="25">
        <v>988822</v>
      </c>
      <c r="J26" s="25">
        <v>1301843</v>
      </c>
      <c r="K26" s="25">
        <v>1010550</v>
      </c>
      <c r="L26" s="28">
        <v>3714944</v>
      </c>
      <c r="M26" s="29">
        <v>3714944</v>
      </c>
      <c r="N26" s="24">
        <v>0</v>
      </c>
      <c r="O26" s="25">
        <v>0</v>
      </c>
      <c r="P26" s="26">
        <v>0</v>
      </c>
      <c r="Q26" s="404">
        <v>0</v>
      </c>
      <c r="R26" s="25">
        <v>54805</v>
      </c>
      <c r="S26" s="25">
        <v>135445</v>
      </c>
      <c r="T26" s="25">
        <v>686415</v>
      </c>
      <c r="U26" s="25">
        <v>853725</v>
      </c>
      <c r="V26" s="25">
        <v>670275</v>
      </c>
      <c r="W26" s="28">
        <v>2400665</v>
      </c>
      <c r="X26" s="29">
        <v>2400665</v>
      </c>
      <c r="Y26" s="24">
        <v>0</v>
      </c>
      <c r="Z26" s="25">
        <v>0</v>
      </c>
      <c r="AA26" s="26">
        <v>0</v>
      </c>
      <c r="AB26" s="404">
        <v>0</v>
      </c>
      <c r="AC26" s="25">
        <v>120815</v>
      </c>
      <c r="AD26" s="25">
        <v>42580</v>
      </c>
      <c r="AE26" s="25">
        <v>230820</v>
      </c>
      <c r="AF26" s="25">
        <v>331884</v>
      </c>
      <c r="AG26" s="25">
        <v>214035</v>
      </c>
      <c r="AH26" s="28">
        <v>940134</v>
      </c>
      <c r="AI26" s="29">
        <v>940134</v>
      </c>
      <c r="AJ26" s="24">
        <v>0</v>
      </c>
      <c r="AK26" s="25">
        <v>0</v>
      </c>
      <c r="AL26" s="26">
        <v>0</v>
      </c>
      <c r="AM26" s="404">
        <v>0</v>
      </c>
      <c r="AN26" s="25">
        <v>0</v>
      </c>
      <c r="AO26" s="25">
        <v>0</v>
      </c>
      <c r="AP26" s="25">
        <v>0</v>
      </c>
      <c r="AQ26" s="25">
        <v>0</v>
      </c>
      <c r="AR26" s="25">
        <v>0</v>
      </c>
      <c r="AS26" s="28">
        <v>0</v>
      </c>
      <c r="AT26" s="29">
        <v>0</v>
      </c>
      <c r="AU26" s="24">
        <v>0</v>
      </c>
      <c r="AV26" s="25">
        <v>0</v>
      </c>
      <c r="AW26" s="26">
        <v>0</v>
      </c>
      <c r="AX26" s="404">
        <v>0</v>
      </c>
      <c r="AY26" s="25">
        <v>0</v>
      </c>
      <c r="AZ26" s="25">
        <v>0</v>
      </c>
      <c r="BA26" s="25">
        <v>0</v>
      </c>
      <c r="BB26" s="25">
        <v>31800</v>
      </c>
      <c r="BC26" s="25">
        <v>112065</v>
      </c>
      <c r="BD26" s="28">
        <v>143865</v>
      </c>
      <c r="BE26" s="29">
        <v>143865</v>
      </c>
      <c r="BF26" s="24">
        <v>0</v>
      </c>
      <c r="BG26" s="25">
        <v>0</v>
      </c>
      <c r="BH26" s="26">
        <v>0</v>
      </c>
      <c r="BI26" s="404">
        <v>0</v>
      </c>
      <c r="BJ26" s="25">
        <v>0</v>
      </c>
      <c r="BK26" s="25">
        <v>0</v>
      </c>
      <c r="BL26" s="25">
        <v>0</v>
      </c>
      <c r="BM26" s="25">
        <v>0</v>
      </c>
      <c r="BN26" s="25">
        <v>0</v>
      </c>
      <c r="BO26" s="28">
        <v>0</v>
      </c>
      <c r="BP26" s="29">
        <v>0</v>
      </c>
      <c r="BQ26" s="24">
        <v>0</v>
      </c>
      <c r="BR26" s="25">
        <v>0</v>
      </c>
      <c r="BS26" s="26">
        <v>0</v>
      </c>
      <c r="BT26" s="27">
        <v>0</v>
      </c>
      <c r="BU26" s="25">
        <v>35089</v>
      </c>
      <c r="BV26" s="25">
        <v>24995</v>
      </c>
      <c r="BW26" s="25">
        <v>71152</v>
      </c>
      <c r="BX26" s="25">
        <v>84434</v>
      </c>
      <c r="BY26" s="25">
        <v>14175</v>
      </c>
      <c r="BZ26" s="28">
        <v>229845</v>
      </c>
      <c r="CA26" s="29">
        <v>229845</v>
      </c>
      <c r="CB26" s="24">
        <v>0</v>
      </c>
      <c r="CC26" s="25">
        <v>0</v>
      </c>
      <c r="CD26" s="26">
        <v>0</v>
      </c>
      <c r="CE26" s="27">
        <v>0</v>
      </c>
      <c r="CF26" s="25">
        <v>0</v>
      </c>
      <c r="CG26" s="25">
        <v>0</v>
      </c>
      <c r="CH26" s="25">
        <v>435</v>
      </c>
      <c r="CI26" s="25">
        <v>0</v>
      </c>
      <c r="CJ26" s="25">
        <v>0</v>
      </c>
      <c r="CK26" s="28">
        <v>435</v>
      </c>
      <c r="CL26" s="29">
        <v>435</v>
      </c>
      <c r="CM26" s="24">
        <v>0</v>
      </c>
      <c r="CN26" s="25">
        <v>0</v>
      </c>
      <c r="CO26" s="26">
        <v>0</v>
      </c>
      <c r="CP26" s="27">
        <v>0</v>
      </c>
      <c r="CQ26" s="25">
        <v>0</v>
      </c>
      <c r="CR26" s="25">
        <v>0</v>
      </c>
      <c r="CS26" s="25">
        <v>0</v>
      </c>
      <c r="CT26" s="25">
        <v>0</v>
      </c>
      <c r="CU26" s="25">
        <v>0</v>
      </c>
      <c r="CV26" s="28">
        <v>0</v>
      </c>
      <c r="CW26" s="29">
        <v>0</v>
      </c>
      <c r="CX26" s="24">
        <v>0</v>
      </c>
      <c r="CY26" s="25">
        <v>0</v>
      </c>
      <c r="CZ26" s="26">
        <v>0</v>
      </c>
      <c r="DA26" s="404">
        <v>0</v>
      </c>
      <c r="DB26" s="25">
        <v>0</v>
      </c>
      <c r="DC26" s="25">
        <v>0</v>
      </c>
      <c r="DD26" s="25">
        <v>0</v>
      </c>
      <c r="DE26" s="25">
        <v>0</v>
      </c>
      <c r="DF26" s="25">
        <v>0</v>
      </c>
      <c r="DG26" s="28">
        <v>0</v>
      </c>
      <c r="DH26" s="29">
        <v>0</v>
      </c>
      <c r="DI26" s="24">
        <v>0</v>
      </c>
      <c r="DJ26" s="25">
        <v>0</v>
      </c>
      <c r="DK26" s="26">
        <v>0</v>
      </c>
      <c r="DL26" s="27">
        <v>0</v>
      </c>
      <c r="DM26" s="25">
        <v>158361</v>
      </c>
      <c r="DN26" s="25">
        <v>213616</v>
      </c>
      <c r="DO26" s="25">
        <v>1061166</v>
      </c>
      <c r="DP26" s="25">
        <v>1362056</v>
      </c>
      <c r="DQ26" s="25">
        <v>801954</v>
      </c>
      <c r="DR26" s="28">
        <v>3597153</v>
      </c>
      <c r="DS26" s="30">
        <v>3597153</v>
      </c>
      <c r="DT26" s="24">
        <v>0</v>
      </c>
      <c r="DU26" s="25">
        <v>0</v>
      </c>
      <c r="DV26" s="26">
        <v>0</v>
      </c>
      <c r="DW26" s="404">
        <v>0</v>
      </c>
      <c r="DX26" s="25">
        <v>61896</v>
      </c>
      <c r="DY26" s="25">
        <v>133238</v>
      </c>
      <c r="DZ26" s="25">
        <v>905056</v>
      </c>
      <c r="EA26" s="25">
        <v>1194827</v>
      </c>
      <c r="EB26" s="25">
        <v>716336</v>
      </c>
      <c r="EC26" s="28">
        <v>3011353</v>
      </c>
      <c r="ED26" s="29">
        <v>3011353</v>
      </c>
      <c r="EE26" s="24">
        <v>0</v>
      </c>
      <c r="EF26" s="25">
        <v>0</v>
      </c>
      <c r="EG26" s="26">
        <v>0</v>
      </c>
      <c r="EH26" s="404">
        <v>0</v>
      </c>
      <c r="EI26" s="25">
        <v>28151</v>
      </c>
      <c r="EJ26" s="25">
        <v>1736</v>
      </c>
      <c r="EK26" s="25">
        <v>30344</v>
      </c>
      <c r="EL26" s="25">
        <v>6132</v>
      </c>
      <c r="EM26" s="25">
        <v>39531</v>
      </c>
      <c r="EN26" s="28">
        <v>105894</v>
      </c>
      <c r="EO26" s="29">
        <v>105894</v>
      </c>
      <c r="EP26" s="24">
        <v>0</v>
      </c>
      <c r="EQ26" s="25">
        <v>0</v>
      </c>
      <c r="ER26" s="26">
        <v>0</v>
      </c>
      <c r="ES26" s="404">
        <v>0</v>
      </c>
      <c r="ET26" s="25">
        <v>0</v>
      </c>
      <c r="EU26" s="25">
        <v>0</v>
      </c>
      <c r="EV26" s="25">
        <v>0</v>
      </c>
      <c r="EW26" s="25">
        <v>0</v>
      </c>
      <c r="EX26" s="25">
        <v>0</v>
      </c>
      <c r="EY26" s="28">
        <v>0</v>
      </c>
      <c r="EZ26" s="29">
        <v>0</v>
      </c>
      <c r="FA26" s="24">
        <v>0</v>
      </c>
      <c r="FB26" s="25">
        <v>0</v>
      </c>
      <c r="FC26" s="26">
        <v>0</v>
      </c>
      <c r="FD26" s="404">
        <v>0</v>
      </c>
      <c r="FE26" s="25">
        <v>0</v>
      </c>
      <c r="FF26" s="25">
        <v>0</v>
      </c>
      <c r="FG26" s="25">
        <v>0</v>
      </c>
      <c r="FH26" s="25">
        <v>217</v>
      </c>
      <c r="FI26" s="25">
        <v>14198</v>
      </c>
      <c r="FJ26" s="28">
        <v>14415</v>
      </c>
      <c r="FK26" s="29">
        <v>14415</v>
      </c>
      <c r="FL26" s="24">
        <v>0</v>
      </c>
      <c r="FM26" s="25">
        <v>0</v>
      </c>
      <c r="FN26" s="26">
        <v>0</v>
      </c>
      <c r="FO26" s="404">
        <v>0</v>
      </c>
      <c r="FP26" s="25">
        <v>0</v>
      </c>
      <c r="FQ26" s="25">
        <v>0</v>
      </c>
      <c r="FR26" s="25">
        <v>0</v>
      </c>
      <c r="FS26" s="25">
        <v>0</v>
      </c>
      <c r="FT26" s="25">
        <v>0</v>
      </c>
      <c r="FU26" s="28">
        <v>0</v>
      </c>
      <c r="FV26" s="29">
        <v>0</v>
      </c>
      <c r="FW26" s="24">
        <v>0</v>
      </c>
      <c r="FX26" s="25">
        <v>0</v>
      </c>
      <c r="FY26" s="26">
        <v>0</v>
      </c>
      <c r="FZ26" s="27">
        <v>0</v>
      </c>
      <c r="GA26" s="25">
        <v>68314</v>
      </c>
      <c r="GB26" s="25">
        <v>78642</v>
      </c>
      <c r="GC26" s="25">
        <v>123678</v>
      </c>
      <c r="GD26" s="25">
        <v>160880</v>
      </c>
      <c r="GE26" s="25">
        <v>31889</v>
      </c>
      <c r="GF26" s="28">
        <v>463403</v>
      </c>
      <c r="GG26" s="29">
        <v>463403</v>
      </c>
      <c r="GH26" s="24">
        <v>0</v>
      </c>
      <c r="GI26" s="25">
        <v>0</v>
      </c>
      <c r="GJ26" s="26">
        <v>0</v>
      </c>
      <c r="GK26" s="27">
        <v>0</v>
      </c>
      <c r="GL26" s="25">
        <v>0</v>
      </c>
      <c r="GM26" s="25">
        <v>0</v>
      </c>
      <c r="GN26" s="25">
        <v>2088</v>
      </c>
      <c r="GO26" s="25">
        <v>0</v>
      </c>
      <c r="GP26" s="25">
        <v>0</v>
      </c>
      <c r="GQ26" s="28">
        <v>2088</v>
      </c>
      <c r="GR26" s="29">
        <v>2088</v>
      </c>
      <c r="GS26" s="24">
        <v>0</v>
      </c>
      <c r="GT26" s="25">
        <v>0</v>
      </c>
      <c r="GU26" s="26">
        <v>0</v>
      </c>
      <c r="GV26" s="27">
        <v>0</v>
      </c>
      <c r="GW26" s="25">
        <v>0</v>
      </c>
      <c r="GX26" s="25">
        <v>0</v>
      </c>
      <c r="GY26" s="25">
        <v>0</v>
      </c>
      <c r="GZ26" s="25">
        <v>0</v>
      </c>
      <c r="HA26" s="25">
        <v>0</v>
      </c>
      <c r="HB26" s="28">
        <v>0</v>
      </c>
      <c r="HC26" s="29">
        <v>0</v>
      </c>
      <c r="HD26" s="24">
        <v>0</v>
      </c>
      <c r="HE26" s="25">
        <v>0</v>
      </c>
      <c r="HF26" s="26">
        <v>0</v>
      </c>
      <c r="HG26" s="404">
        <v>0</v>
      </c>
      <c r="HH26" s="25">
        <v>0</v>
      </c>
      <c r="HI26" s="25">
        <v>0</v>
      </c>
      <c r="HJ26" s="25">
        <v>0</v>
      </c>
      <c r="HK26" s="25">
        <v>0</v>
      </c>
      <c r="HL26" s="25">
        <v>0</v>
      </c>
      <c r="HM26" s="28">
        <v>0</v>
      </c>
      <c r="HN26" s="29">
        <v>0</v>
      </c>
      <c r="HO26" s="24">
        <v>0</v>
      </c>
      <c r="HP26" s="25">
        <v>0</v>
      </c>
      <c r="HQ26" s="26">
        <v>0</v>
      </c>
      <c r="HR26" s="27">
        <v>0</v>
      </c>
      <c r="HS26" s="25">
        <v>369070</v>
      </c>
      <c r="HT26" s="25">
        <v>416636</v>
      </c>
      <c r="HU26" s="25">
        <v>2049988</v>
      </c>
      <c r="HV26" s="25">
        <v>2663899</v>
      </c>
      <c r="HW26" s="25">
        <v>1812504</v>
      </c>
      <c r="HX26" s="28">
        <v>7312097</v>
      </c>
      <c r="HY26" s="29">
        <v>7312097</v>
      </c>
    </row>
    <row r="27" spans="2:233" ht="21" customHeight="1" x14ac:dyDescent="0.2">
      <c r="B27" s="106" t="s">
        <v>24</v>
      </c>
      <c r="C27" s="24">
        <v>0</v>
      </c>
      <c r="D27" s="25">
        <v>0</v>
      </c>
      <c r="E27" s="26">
        <v>0</v>
      </c>
      <c r="F27" s="27">
        <v>0</v>
      </c>
      <c r="G27" s="25">
        <v>64690</v>
      </c>
      <c r="H27" s="25">
        <v>30760</v>
      </c>
      <c r="I27" s="25">
        <v>136725</v>
      </c>
      <c r="J27" s="25">
        <v>747340</v>
      </c>
      <c r="K27" s="25">
        <v>314475</v>
      </c>
      <c r="L27" s="28">
        <v>1293990</v>
      </c>
      <c r="M27" s="29">
        <v>1293990</v>
      </c>
      <c r="N27" s="24">
        <v>0</v>
      </c>
      <c r="O27" s="25">
        <v>0</v>
      </c>
      <c r="P27" s="26">
        <v>0</v>
      </c>
      <c r="Q27" s="404">
        <v>0</v>
      </c>
      <c r="R27" s="25">
        <v>0</v>
      </c>
      <c r="S27" s="25">
        <v>1530</v>
      </c>
      <c r="T27" s="25">
        <v>89900</v>
      </c>
      <c r="U27" s="25">
        <v>679335</v>
      </c>
      <c r="V27" s="25">
        <v>217310</v>
      </c>
      <c r="W27" s="28">
        <v>988075</v>
      </c>
      <c r="X27" s="29">
        <v>988075</v>
      </c>
      <c r="Y27" s="24">
        <v>0</v>
      </c>
      <c r="Z27" s="25">
        <v>0</v>
      </c>
      <c r="AA27" s="26">
        <v>0</v>
      </c>
      <c r="AB27" s="404">
        <v>0</v>
      </c>
      <c r="AC27" s="25">
        <v>58880</v>
      </c>
      <c r="AD27" s="25">
        <v>24390</v>
      </c>
      <c r="AE27" s="25">
        <v>40370</v>
      </c>
      <c r="AF27" s="25">
        <v>41795</v>
      </c>
      <c r="AG27" s="25">
        <v>75690</v>
      </c>
      <c r="AH27" s="28">
        <v>241125</v>
      </c>
      <c r="AI27" s="29">
        <v>241125</v>
      </c>
      <c r="AJ27" s="24">
        <v>0</v>
      </c>
      <c r="AK27" s="25">
        <v>0</v>
      </c>
      <c r="AL27" s="26">
        <v>0</v>
      </c>
      <c r="AM27" s="404">
        <v>0</v>
      </c>
      <c r="AN27" s="25">
        <v>0</v>
      </c>
      <c r="AO27" s="25">
        <v>0</v>
      </c>
      <c r="AP27" s="25">
        <v>0</v>
      </c>
      <c r="AQ27" s="25">
        <v>0</v>
      </c>
      <c r="AR27" s="25">
        <v>0</v>
      </c>
      <c r="AS27" s="28">
        <v>0</v>
      </c>
      <c r="AT27" s="29">
        <v>0</v>
      </c>
      <c r="AU27" s="24">
        <v>0</v>
      </c>
      <c r="AV27" s="25">
        <v>0</v>
      </c>
      <c r="AW27" s="26">
        <v>0</v>
      </c>
      <c r="AX27" s="404">
        <v>0</v>
      </c>
      <c r="AY27" s="25">
        <v>0</v>
      </c>
      <c r="AZ27" s="25">
        <v>0</v>
      </c>
      <c r="BA27" s="25">
        <v>0</v>
      </c>
      <c r="BB27" s="25">
        <v>0</v>
      </c>
      <c r="BC27" s="25">
        <v>10550</v>
      </c>
      <c r="BD27" s="28">
        <v>10550</v>
      </c>
      <c r="BE27" s="29">
        <v>10550</v>
      </c>
      <c r="BF27" s="24">
        <v>0</v>
      </c>
      <c r="BG27" s="25">
        <v>0</v>
      </c>
      <c r="BH27" s="26">
        <v>0</v>
      </c>
      <c r="BI27" s="404">
        <v>0</v>
      </c>
      <c r="BJ27" s="25">
        <v>0</v>
      </c>
      <c r="BK27" s="25">
        <v>0</v>
      </c>
      <c r="BL27" s="25">
        <v>0</v>
      </c>
      <c r="BM27" s="25">
        <v>0</v>
      </c>
      <c r="BN27" s="25">
        <v>0</v>
      </c>
      <c r="BO27" s="28">
        <v>0</v>
      </c>
      <c r="BP27" s="29">
        <v>0</v>
      </c>
      <c r="BQ27" s="24">
        <v>0</v>
      </c>
      <c r="BR27" s="25">
        <v>0</v>
      </c>
      <c r="BS27" s="26">
        <v>0</v>
      </c>
      <c r="BT27" s="27">
        <v>0</v>
      </c>
      <c r="BU27" s="25">
        <v>5810</v>
      </c>
      <c r="BV27" s="25">
        <v>4840</v>
      </c>
      <c r="BW27" s="25">
        <v>6455</v>
      </c>
      <c r="BX27" s="25">
        <v>26210</v>
      </c>
      <c r="BY27" s="25">
        <v>10925</v>
      </c>
      <c r="BZ27" s="28">
        <v>54240</v>
      </c>
      <c r="CA27" s="29">
        <v>54240</v>
      </c>
      <c r="CB27" s="24">
        <v>0</v>
      </c>
      <c r="CC27" s="25">
        <v>0</v>
      </c>
      <c r="CD27" s="26">
        <v>0</v>
      </c>
      <c r="CE27" s="27">
        <v>0</v>
      </c>
      <c r="CF27" s="25">
        <v>0</v>
      </c>
      <c r="CG27" s="25">
        <v>0</v>
      </c>
      <c r="CH27" s="25">
        <v>0</v>
      </c>
      <c r="CI27" s="25">
        <v>0</v>
      </c>
      <c r="CJ27" s="25">
        <v>0</v>
      </c>
      <c r="CK27" s="28">
        <v>0</v>
      </c>
      <c r="CL27" s="29">
        <v>0</v>
      </c>
      <c r="CM27" s="24">
        <v>0</v>
      </c>
      <c r="CN27" s="25">
        <v>0</v>
      </c>
      <c r="CO27" s="26">
        <v>0</v>
      </c>
      <c r="CP27" s="27">
        <v>0</v>
      </c>
      <c r="CQ27" s="25">
        <v>0</v>
      </c>
      <c r="CR27" s="25">
        <v>0</v>
      </c>
      <c r="CS27" s="25">
        <v>0</v>
      </c>
      <c r="CT27" s="25">
        <v>0</v>
      </c>
      <c r="CU27" s="25">
        <v>0</v>
      </c>
      <c r="CV27" s="28">
        <v>0</v>
      </c>
      <c r="CW27" s="29">
        <v>0</v>
      </c>
      <c r="CX27" s="24">
        <v>0</v>
      </c>
      <c r="CY27" s="25">
        <v>0</v>
      </c>
      <c r="CZ27" s="26">
        <v>0</v>
      </c>
      <c r="DA27" s="404">
        <v>0</v>
      </c>
      <c r="DB27" s="25">
        <v>0</v>
      </c>
      <c r="DC27" s="25">
        <v>0</v>
      </c>
      <c r="DD27" s="25">
        <v>0</v>
      </c>
      <c r="DE27" s="25">
        <v>0</v>
      </c>
      <c r="DF27" s="25">
        <v>0</v>
      </c>
      <c r="DG27" s="28">
        <v>0</v>
      </c>
      <c r="DH27" s="29">
        <v>0</v>
      </c>
      <c r="DI27" s="24">
        <v>0</v>
      </c>
      <c r="DJ27" s="25">
        <v>0</v>
      </c>
      <c r="DK27" s="26">
        <v>0</v>
      </c>
      <c r="DL27" s="27">
        <v>0</v>
      </c>
      <c r="DM27" s="25">
        <v>12795</v>
      </c>
      <c r="DN27" s="25">
        <v>40407</v>
      </c>
      <c r="DO27" s="25">
        <v>224509</v>
      </c>
      <c r="DP27" s="25">
        <v>948950</v>
      </c>
      <c r="DQ27" s="25">
        <v>380439</v>
      </c>
      <c r="DR27" s="28">
        <v>1607100</v>
      </c>
      <c r="DS27" s="30">
        <v>1607100</v>
      </c>
      <c r="DT27" s="24">
        <v>0</v>
      </c>
      <c r="DU27" s="25">
        <v>0</v>
      </c>
      <c r="DV27" s="26">
        <v>0</v>
      </c>
      <c r="DW27" s="404">
        <v>0</v>
      </c>
      <c r="DX27" s="25">
        <v>0</v>
      </c>
      <c r="DY27" s="25">
        <v>12528</v>
      </c>
      <c r="DZ27" s="25">
        <v>107973</v>
      </c>
      <c r="EA27" s="25">
        <v>919183</v>
      </c>
      <c r="EB27" s="25">
        <v>331018</v>
      </c>
      <c r="EC27" s="28">
        <v>1370702</v>
      </c>
      <c r="ED27" s="29">
        <v>1370702</v>
      </c>
      <c r="EE27" s="24">
        <v>0</v>
      </c>
      <c r="EF27" s="25">
        <v>0</v>
      </c>
      <c r="EG27" s="26">
        <v>0</v>
      </c>
      <c r="EH27" s="404">
        <v>0</v>
      </c>
      <c r="EI27" s="25">
        <v>560</v>
      </c>
      <c r="EJ27" s="25">
        <v>8520</v>
      </c>
      <c r="EK27" s="25">
        <v>87358</v>
      </c>
      <c r="EL27" s="25">
        <v>5649</v>
      </c>
      <c r="EM27" s="25">
        <v>27157</v>
      </c>
      <c r="EN27" s="28">
        <v>129244</v>
      </c>
      <c r="EO27" s="29">
        <v>129244</v>
      </c>
      <c r="EP27" s="24">
        <v>0</v>
      </c>
      <c r="EQ27" s="25">
        <v>0</v>
      </c>
      <c r="ER27" s="26">
        <v>0</v>
      </c>
      <c r="ES27" s="404">
        <v>0</v>
      </c>
      <c r="ET27" s="25">
        <v>0</v>
      </c>
      <c r="EU27" s="25">
        <v>0</v>
      </c>
      <c r="EV27" s="25">
        <v>0</v>
      </c>
      <c r="EW27" s="25">
        <v>0</v>
      </c>
      <c r="EX27" s="25">
        <v>0</v>
      </c>
      <c r="EY27" s="28">
        <v>0</v>
      </c>
      <c r="EZ27" s="29">
        <v>0</v>
      </c>
      <c r="FA27" s="24">
        <v>0</v>
      </c>
      <c r="FB27" s="25">
        <v>0</v>
      </c>
      <c r="FC27" s="26">
        <v>0</v>
      </c>
      <c r="FD27" s="404">
        <v>0</v>
      </c>
      <c r="FE27" s="25">
        <v>0</v>
      </c>
      <c r="FF27" s="25">
        <v>0</v>
      </c>
      <c r="FG27" s="25">
        <v>0</v>
      </c>
      <c r="FH27" s="25">
        <v>0</v>
      </c>
      <c r="FI27" s="25">
        <v>70</v>
      </c>
      <c r="FJ27" s="28">
        <v>70</v>
      </c>
      <c r="FK27" s="29">
        <v>70</v>
      </c>
      <c r="FL27" s="24">
        <v>0</v>
      </c>
      <c r="FM27" s="25">
        <v>0</v>
      </c>
      <c r="FN27" s="26">
        <v>0</v>
      </c>
      <c r="FO27" s="404">
        <v>0</v>
      </c>
      <c r="FP27" s="25">
        <v>0</v>
      </c>
      <c r="FQ27" s="25">
        <v>0</v>
      </c>
      <c r="FR27" s="25">
        <v>0</v>
      </c>
      <c r="FS27" s="25">
        <v>0</v>
      </c>
      <c r="FT27" s="25">
        <v>0</v>
      </c>
      <c r="FU27" s="28">
        <v>0</v>
      </c>
      <c r="FV27" s="29">
        <v>0</v>
      </c>
      <c r="FW27" s="24">
        <v>0</v>
      </c>
      <c r="FX27" s="25">
        <v>0</v>
      </c>
      <c r="FY27" s="26">
        <v>0</v>
      </c>
      <c r="FZ27" s="27">
        <v>0</v>
      </c>
      <c r="GA27" s="25">
        <v>12235</v>
      </c>
      <c r="GB27" s="25">
        <v>19359</v>
      </c>
      <c r="GC27" s="25">
        <v>29178</v>
      </c>
      <c r="GD27" s="25">
        <v>24118</v>
      </c>
      <c r="GE27" s="25">
        <v>22194</v>
      </c>
      <c r="GF27" s="28">
        <v>107084</v>
      </c>
      <c r="GG27" s="29">
        <v>107084</v>
      </c>
      <c r="GH27" s="24">
        <v>0</v>
      </c>
      <c r="GI27" s="25">
        <v>0</v>
      </c>
      <c r="GJ27" s="26">
        <v>0</v>
      </c>
      <c r="GK27" s="27">
        <v>0</v>
      </c>
      <c r="GL27" s="25">
        <v>0</v>
      </c>
      <c r="GM27" s="25">
        <v>0</v>
      </c>
      <c r="GN27" s="25">
        <v>0</v>
      </c>
      <c r="GO27" s="25">
        <v>0</v>
      </c>
      <c r="GP27" s="25">
        <v>0</v>
      </c>
      <c r="GQ27" s="28">
        <v>0</v>
      </c>
      <c r="GR27" s="29">
        <v>0</v>
      </c>
      <c r="GS27" s="24">
        <v>0</v>
      </c>
      <c r="GT27" s="25">
        <v>0</v>
      </c>
      <c r="GU27" s="26">
        <v>0</v>
      </c>
      <c r="GV27" s="27">
        <v>0</v>
      </c>
      <c r="GW27" s="25">
        <v>0</v>
      </c>
      <c r="GX27" s="25">
        <v>0</v>
      </c>
      <c r="GY27" s="25">
        <v>0</v>
      </c>
      <c r="GZ27" s="25">
        <v>0</v>
      </c>
      <c r="HA27" s="25">
        <v>0</v>
      </c>
      <c r="HB27" s="28">
        <v>0</v>
      </c>
      <c r="HC27" s="29">
        <v>0</v>
      </c>
      <c r="HD27" s="24">
        <v>0</v>
      </c>
      <c r="HE27" s="25">
        <v>0</v>
      </c>
      <c r="HF27" s="26">
        <v>0</v>
      </c>
      <c r="HG27" s="404">
        <v>0</v>
      </c>
      <c r="HH27" s="25">
        <v>0</v>
      </c>
      <c r="HI27" s="25">
        <v>0</v>
      </c>
      <c r="HJ27" s="25">
        <v>0</v>
      </c>
      <c r="HK27" s="25">
        <v>0</v>
      </c>
      <c r="HL27" s="25">
        <v>0</v>
      </c>
      <c r="HM27" s="28">
        <v>0</v>
      </c>
      <c r="HN27" s="29">
        <v>0</v>
      </c>
      <c r="HO27" s="24">
        <v>0</v>
      </c>
      <c r="HP27" s="25">
        <v>0</v>
      </c>
      <c r="HQ27" s="26">
        <v>0</v>
      </c>
      <c r="HR27" s="27">
        <v>0</v>
      </c>
      <c r="HS27" s="25">
        <v>77485</v>
      </c>
      <c r="HT27" s="25">
        <v>71167</v>
      </c>
      <c r="HU27" s="25">
        <v>361234</v>
      </c>
      <c r="HV27" s="25">
        <v>1696290</v>
      </c>
      <c r="HW27" s="25">
        <v>694914</v>
      </c>
      <c r="HX27" s="28">
        <v>2901090</v>
      </c>
      <c r="HY27" s="29">
        <v>2901090</v>
      </c>
    </row>
    <row r="28" spans="2:233" ht="21" customHeight="1" x14ac:dyDescent="0.2">
      <c r="B28" s="106" t="s">
        <v>25</v>
      </c>
      <c r="C28" s="24">
        <v>0</v>
      </c>
      <c r="D28" s="25">
        <v>0</v>
      </c>
      <c r="E28" s="26">
        <v>0</v>
      </c>
      <c r="F28" s="27">
        <v>0</v>
      </c>
      <c r="G28" s="25">
        <v>51220</v>
      </c>
      <c r="H28" s="25">
        <v>280779</v>
      </c>
      <c r="I28" s="25">
        <v>608965</v>
      </c>
      <c r="J28" s="25">
        <v>526299</v>
      </c>
      <c r="K28" s="25">
        <v>423780</v>
      </c>
      <c r="L28" s="28">
        <v>1891043</v>
      </c>
      <c r="M28" s="29">
        <v>1891043</v>
      </c>
      <c r="N28" s="24">
        <v>0</v>
      </c>
      <c r="O28" s="25">
        <v>0</v>
      </c>
      <c r="P28" s="26">
        <v>0</v>
      </c>
      <c r="Q28" s="404">
        <v>0</v>
      </c>
      <c r="R28" s="25">
        <v>0</v>
      </c>
      <c r="S28" s="25">
        <v>2635</v>
      </c>
      <c r="T28" s="25">
        <v>460775</v>
      </c>
      <c r="U28" s="25">
        <v>391070</v>
      </c>
      <c r="V28" s="25">
        <v>288375</v>
      </c>
      <c r="W28" s="28">
        <v>1142855</v>
      </c>
      <c r="X28" s="29">
        <v>1142855</v>
      </c>
      <c r="Y28" s="24">
        <v>0</v>
      </c>
      <c r="Z28" s="25">
        <v>0</v>
      </c>
      <c r="AA28" s="26">
        <v>0</v>
      </c>
      <c r="AB28" s="404">
        <v>0</v>
      </c>
      <c r="AC28" s="25">
        <v>37550</v>
      </c>
      <c r="AD28" s="25">
        <v>252120</v>
      </c>
      <c r="AE28" s="25">
        <v>94900</v>
      </c>
      <c r="AF28" s="25">
        <v>123840</v>
      </c>
      <c r="AG28" s="25">
        <v>57195</v>
      </c>
      <c r="AH28" s="28">
        <v>565605</v>
      </c>
      <c r="AI28" s="29">
        <v>565605</v>
      </c>
      <c r="AJ28" s="24">
        <v>0</v>
      </c>
      <c r="AK28" s="25">
        <v>0</v>
      </c>
      <c r="AL28" s="26">
        <v>0</v>
      </c>
      <c r="AM28" s="404">
        <v>0</v>
      </c>
      <c r="AN28" s="25">
        <v>0</v>
      </c>
      <c r="AO28" s="25">
        <v>0</v>
      </c>
      <c r="AP28" s="25">
        <v>0</v>
      </c>
      <c r="AQ28" s="25">
        <v>0</v>
      </c>
      <c r="AR28" s="25">
        <v>0</v>
      </c>
      <c r="AS28" s="28">
        <v>0</v>
      </c>
      <c r="AT28" s="29">
        <v>0</v>
      </c>
      <c r="AU28" s="24">
        <v>0</v>
      </c>
      <c r="AV28" s="25">
        <v>0</v>
      </c>
      <c r="AW28" s="26">
        <v>0</v>
      </c>
      <c r="AX28" s="404">
        <v>0</v>
      </c>
      <c r="AY28" s="25">
        <v>0</v>
      </c>
      <c r="AZ28" s="25">
        <v>0</v>
      </c>
      <c r="BA28" s="25">
        <v>0</v>
      </c>
      <c r="BB28" s="25">
        <v>0</v>
      </c>
      <c r="BC28" s="25">
        <v>51695</v>
      </c>
      <c r="BD28" s="28">
        <v>51695</v>
      </c>
      <c r="BE28" s="29">
        <v>51695</v>
      </c>
      <c r="BF28" s="24">
        <v>0</v>
      </c>
      <c r="BG28" s="25">
        <v>0</v>
      </c>
      <c r="BH28" s="26">
        <v>0</v>
      </c>
      <c r="BI28" s="404">
        <v>0</v>
      </c>
      <c r="BJ28" s="25">
        <v>0</v>
      </c>
      <c r="BK28" s="25">
        <v>0</v>
      </c>
      <c r="BL28" s="25">
        <v>0</v>
      </c>
      <c r="BM28" s="25">
        <v>0</v>
      </c>
      <c r="BN28" s="25">
        <v>0</v>
      </c>
      <c r="BO28" s="28">
        <v>0</v>
      </c>
      <c r="BP28" s="29">
        <v>0</v>
      </c>
      <c r="BQ28" s="24">
        <v>0</v>
      </c>
      <c r="BR28" s="25">
        <v>0</v>
      </c>
      <c r="BS28" s="26">
        <v>0</v>
      </c>
      <c r="BT28" s="27">
        <v>0</v>
      </c>
      <c r="BU28" s="25">
        <v>13670</v>
      </c>
      <c r="BV28" s="25">
        <v>25589</v>
      </c>
      <c r="BW28" s="25">
        <v>35985</v>
      </c>
      <c r="BX28" s="25">
        <v>9649</v>
      </c>
      <c r="BY28" s="25">
        <v>26515</v>
      </c>
      <c r="BZ28" s="28">
        <v>111408</v>
      </c>
      <c r="CA28" s="29">
        <v>111408</v>
      </c>
      <c r="CB28" s="24">
        <v>0</v>
      </c>
      <c r="CC28" s="25">
        <v>0</v>
      </c>
      <c r="CD28" s="26">
        <v>0</v>
      </c>
      <c r="CE28" s="27">
        <v>0</v>
      </c>
      <c r="CF28" s="25">
        <v>0</v>
      </c>
      <c r="CG28" s="25">
        <v>435</v>
      </c>
      <c r="CH28" s="25">
        <v>17305</v>
      </c>
      <c r="CI28" s="25">
        <v>1740</v>
      </c>
      <c r="CJ28" s="25">
        <v>0</v>
      </c>
      <c r="CK28" s="28">
        <v>19480</v>
      </c>
      <c r="CL28" s="29">
        <v>19480</v>
      </c>
      <c r="CM28" s="24">
        <v>0</v>
      </c>
      <c r="CN28" s="25">
        <v>0</v>
      </c>
      <c r="CO28" s="26">
        <v>0</v>
      </c>
      <c r="CP28" s="27">
        <v>0</v>
      </c>
      <c r="CQ28" s="25">
        <v>0</v>
      </c>
      <c r="CR28" s="25">
        <v>0</v>
      </c>
      <c r="CS28" s="25">
        <v>0</v>
      </c>
      <c r="CT28" s="25">
        <v>0</v>
      </c>
      <c r="CU28" s="25">
        <v>0</v>
      </c>
      <c r="CV28" s="28">
        <v>0</v>
      </c>
      <c r="CW28" s="29">
        <v>0</v>
      </c>
      <c r="CX28" s="24">
        <v>0</v>
      </c>
      <c r="CY28" s="25">
        <v>0</v>
      </c>
      <c r="CZ28" s="26">
        <v>0</v>
      </c>
      <c r="DA28" s="404">
        <v>0</v>
      </c>
      <c r="DB28" s="25">
        <v>0</v>
      </c>
      <c r="DC28" s="25">
        <v>0</v>
      </c>
      <c r="DD28" s="25">
        <v>0</v>
      </c>
      <c r="DE28" s="25">
        <v>0</v>
      </c>
      <c r="DF28" s="25">
        <v>0</v>
      </c>
      <c r="DG28" s="28">
        <v>0</v>
      </c>
      <c r="DH28" s="29">
        <v>0</v>
      </c>
      <c r="DI28" s="24">
        <v>0</v>
      </c>
      <c r="DJ28" s="25">
        <v>0</v>
      </c>
      <c r="DK28" s="26">
        <v>0</v>
      </c>
      <c r="DL28" s="27">
        <v>0</v>
      </c>
      <c r="DM28" s="25">
        <v>14868</v>
      </c>
      <c r="DN28" s="25">
        <v>93269</v>
      </c>
      <c r="DO28" s="25">
        <v>719939</v>
      </c>
      <c r="DP28" s="25">
        <v>850750</v>
      </c>
      <c r="DQ28" s="25">
        <v>326798</v>
      </c>
      <c r="DR28" s="28">
        <v>2005624</v>
      </c>
      <c r="DS28" s="30">
        <v>2005624</v>
      </c>
      <c r="DT28" s="24">
        <v>0</v>
      </c>
      <c r="DU28" s="25">
        <v>0</v>
      </c>
      <c r="DV28" s="26">
        <v>0</v>
      </c>
      <c r="DW28" s="404">
        <v>0</v>
      </c>
      <c r="DX28" s="25">
        <v>0</v>
      </c>
      <c r="DY28" s="25">
        <v>15035</v>
      </c>
      <c r="DZ28" s="25">
        <v>656911</v>
      </c>
      <c r="EA28" s="25">
        <v>806021</v>
      </c>
      <c r="EB28" s="25">
        <v>289150</v>
      </c>
      <c r="EC28" s="28">
        <v>1767117</v>
      </c>
      <c r="ED28" s="29">
        <v>1767117</v>
      </c>
      <c r="EE28" s="24">
        <v>0</v>
      </c>
      <c r="EF28" s="25">
        <v>0</v>
      </c>
      <c r="EG28" s="26">
        <v>0</v>
      </c>
      <c r="EH28" s="404">
        <v>0</v>
      </c>
      <c r="EI28" s="25">
        <v>616</v>
      </c>
      <c r="EJ28" s="25">
        <v>15794</v>
      </c>
      <c r="EK28" s="25">
        <v>22775</v>
      </c>
      <c r="EL28" s="25">
        <v>15899</v>
      </c>
      <c r="EM28" s="25">
        <v>1085</v>
      </c>
      <c r="EN28" s="28">
        <v>56169</v>
      </c>
      <c r="EO28" s="29">
        <v>56169</v>
      </c>
      <c r="EP28" s="24">
        <v>0</v>
      </c>
      <c r="EQ28" s="25">
        <v>0</v>
      </c>
      <c r="ER28" s="26">
        <v>0</v>
      </c>
      <c r="ES28" s="404">
        <v>0</v>
      </c>
      <c r="ET28" s="25">
        <v>0</v>
      </c>
      <c r="EU28" s="25">
        <v>0</v>
      </c>
      <c r="EV28" s="25">
        <v>0</v>
      </c>
      <c r="EW28" s="25">
        <v>0</v>
      </c>
      <c r="EX28" s="25">
        <v>0</v>
      </c>
      <c r="EY28" s="28">
        <v>0</v>
      </c>
      <c r="EZ28" s="29">
        <v>0</v>
      </c>
      <c r="FA28" s="24">
        <v>0</v>
      </c>
      <c r="FB28" s="25">
        <v>0</v>
      </c>
      <c r="FC28" s="26">
        <v>0</v>
      </c>
      <c r="FD28" s="404">
        <v>0</v>
      </c>
      <c r="FE28" s="25">
        <v>0</v>
      </c>
      <c r="FF28" s="25">
        <v>0</v>
      </c>
      <c r="FG28" s="25">
        <v>0</v>
      </c>
      <c r="FH28" s="25">
        <v>0</v>
      </c>
      <c r="FI28" s="25">
        <v>399</v>
      </c>
      <c r="FJ28" s="28">
        <v>399</v>
      </c>
      <c r="FK28" s="29">
        <v>399</v>
      </c>
      <c r="FL28" s="24">
        <v>0</v>
      </c>
      <c r="FM28" s="25">
        <v>0</v>
      </c>
      <c r="FN28" s="26">
        <v>0</v>
      </c>
      <c r="FO28" s="404">
        <v>0</v>
      </c>
      <c r="FP28" s="25">
        <v>0</v>
      </c>
      <c r="FQ28" s="25">
        <v>0</v>
      </c>
      <c r="FR28" s="25">
        <v>0</v>
      </c>
      <c r="FS28" s="25">
        <v>0</v>
      </c>
      <c r="FT28" s="25">
        <v>0</v>
      </c>
      <c r="FU28" s="28">
        <v>0</v>
      </c>
      <c r="FV28" s="29">
        <v>0</v>
      </c>
      <c r="FW28" s="24">
        <v>0</v>
      </c>
      <c r="FX28" s="25">
        <v>0</v>
      </c>
      <c r="FY28" s="26">
        <v>0</v>
      </c>
      <c r="FZ28" s="27">
        <v>0</v>
      </c>
      <c r="GA28" s="25">
        <v>14252</v>
      </c>
      <c r="GB28" s="25">
        <v>62405</v>
      </c>
      <c r="GC28" s="25">
        <v>34221</v>
      </c>
      <c r="GD28" s="25">
        <v>28725</v>
      </c>
      <c r="GE28" s="25">
        <v>36164</v>
      </c>
      <c r="GF28" s="28">
        <v>175767</v>
      </c>
      <c r="GG28" s="29">
        <v>175767</v>
      </c>
      <c r="GH28" s="24">
        <v>0</v>
      </c>
      <c r="GI28" s="25">
        <v>0</v>
      </c>
      <c r="GJ28" s="26">
        <v>0</v>
      </c>
      <c r="GK28" s="27">
        <v>0</v>
      </c>
      <c r="GL28" s="25">
        <v>0</v>
      </c>
      <c r="GM28" s="25">
        <v>35</v>
      </c>
      <c r="GN28" s="25">
        <v>6032</v>
      </c>
      <c r="GO28" s="25">
        <v>105</v>
      </c>
      <c r="GP28" s="25">
        <v>0</v>
      </c>
      <c r="GQ28" s="28">
        <v>6172</v>
      </c>
      <c r="GR28" s="29">
        <v>6172</v>
      </c>
      <c r="GS28" s="24">
        <v>0</v>
      </c>
      <c r="GT28" s="25">
        <v>0</v>
      </c>
      <c r="GU28" s="26">
        <v>0</v>
      </c>
      <c r="GV28" s="27">
        <v>0</v>
      </c>
      <c r="GW28" s="25">
        <v>0</v>
      </c>
      <c r="GX28" s="25">
        <v>0</v>
      </c>
      <c r="GY28" s="25">
        <v>0</v>
      </c>
      <c r="GZ28" s="25">
        <v>0</v>
      </c>
      <c r="HA28" s="25">
        <v>0</v>
      </c>
      <c r="HB28" s="28">
        <v>0</v>
      </c>
      <c r="HC28" s="29">
        <v>0</v>
      </c>
      <c r="HD28" s="24">
        <v>0</v>
      </c>
      <c r="HE28" s="25">
        <v>0</v>
      </c>
      <c r="HF28" s="26">
        <v>0</v>
      </c>
      <c r="HG28" s="404">
        <v>0</v>
      </c>
      <c r="HH28" s="25">
        <v>0</v>
      </c>
      <c r="HI28" s="25">
        <v>0</v>
      </c>
      <c r="HJ28" s="25">
        <v>0</v>
      </c>
      <c r="HK28" s="25">
        <v>0</v>
      </c>
      <c r="HL28" s="25">
        <v>0</v>
      </c>
      <c r="HM28" s="28">
        <v>0</v>
      </c>
      <c r="HN28" s="29">
        <v>0</v>
      </c>
      <c r="HO28" s="24">
        <v>0</v>
      </c>
      <c r="HP28" s="25">
        <v>0</v>
      </c>
      <c r="HQ28" s="26">
        <v>0</v>
      </c>
      <c r="HR28" s="27">
        <v>0</v>
      </c>
      <c r="HS28" s="25">
        <v>66088</v>
      </c>
      <c r="HT28" s="25">
        <v>374048</v>
      </c>
      <c r="HU28" s="25">
        <v>1328904</v>
      </c>
      <c r="HV28" s="25">
        <v>1377049</v>
      </c>
      <c r="HW28" s="25">
        <v>750578</v>
      </c>
      <c r="HX28" s="28">
        <v>3896667</v>
      </c>
      <c r="HY28" s="29">
        <v>3896667</v>
      </c>
    </row>
    <row r="29" spans="2:233" ht="21" customHeight="1" x14ac:dyDescent="0.2">
      <c r="B29" s="106" t="s">
        <v>26</v>
      </c>
      <c r="C29" s="24">
        <v>445</v>
      </c>
      <c r="D29" s="25">
        <v>0</v>
      </c>
      <c r="E29" s="26">
        <v>445</v>
      </c>
      <c r="F29" s="27">
        <v>0</v>
      </c>
      <c r="G29" s="25">
        <v>36220</v>
      </c>
      <c r="H29" s="25">
        <v>95089</v>
      </c>
      <c r="I29" s="25">
        <v>366410</v>
      </c>
      <c r="J29" s="25">
        <v>569230</v>
      </c>
      <c r="K29" s="25">
        <v>483311</v>
      </c>
      <c r="L29" s="28">
        <v>1550260</v>
      </c>
      <c r="M29" s="29">
        <v>1550705</v>
      </c>
      <c r="N29" s="24">
        <v>0</v>
      </c>
      <c r="O29" s="25">
        <v>0</v>
      </c>
      <c r="P29" s="26">
        <v>0</v>
      </c>
      <c r="Q29" s="404">
        <v>0</v>
      </c>
      <c r="R29" s="25">
        <v>2635</v>
      </c>
      <c r="S29" s="25">
        <v>30690</v>
      </c>
      <c r="T29" s="25">
        <v>134040</v>
      </c>
      <c r="U29" s="25">
        <v>298820</v>
      </c>
      <c r="V29" s="25">
        <v>375025</v>
      </c>
      <c r="W29" s="28">
        <v>841210</v>
      </c>
      <c r="X29" s="29">
        <v>841210</v>
      </c>
      <c r="Y29" s="24">
        <v>0</v>
      </c>
      <c r="Z29" s="25">
        <v>0</v>
      </c>
      <c r="AA29" s="26">
        <v>0</v>
      </c>
      <c r="AB29" s="404">
        <v>0</v>
      </c>
      <c r="AC29" s="25">
        <v>32705</v>
      </c>
      <c r="AD29" s="25">
        <v>43245</v>
      </c>
      <c r="AE29" s="25">
        <v>218880</v>
      </c>
      <c r="AF29" s="25">
        <v>259855</v>
      </c>
      <c r="AG29" s="25">
        <v>37995</v>
      </c>
      <c r="AH29" s="28">
        <v>592680</v>
      </c>
      <c r="AI29" s="29">
        <v>592680</v>
      </c>
      <c r="AJ29" s="24">
        <v>0</v>
      </c>
      <c r="AK29" s="25">
        <v>0</v>
      </c>
      <c r="AL29" s="26">
        <v>0</v>
      </c>
      <c r="AM29" s="404">
        <v>0</v>
      </c>
      <c r="AN29" s="25">
        <v>0</v>
      </c>
      <c r="AO29" s="25">
        <v>0</v>
      </c>
      <c r="AP29" s="25">
        <v>0</v>
      </c>
      <c r="AQ29" s="25">
        <v>0</v>
      </c>
      <c r="AR29" s="25">
        <v>0</v>
      </c>
      <c r="AS29" s="28">
        <v>0</v>
      </c>
      <c r="AT29" s="29">
        <v>0</v>
      </c>
      <c r="AU29" s="24">
        <v>0</v>
      </c>
      <c r="AV29" s="25">
        <v>0</v>
      </c>
      <c r="AW29" s="26">
        <v>0</v>
      </c>
      <c r="AX29" s="404">
        <v>0</v>
      </c>
      <c r="AY29" s="25">
        <v>0</v>
      </c>
      <c r="AZ29" s="25">
        <v>0</v>
      </c>
      <c r="BA29" s="25">
        <v>2635</v>
      </c>
      <c r="BB29" s="25">
        <v>0</v>
      </c>
      <c r="BC29" s="25">
        <v>4845</v>
      </c>
      <c r="BD29" s="28">
        <v>7480</v>
      </c>
      <c r="BE29" s="29">
        <v>7480</v>
      </c>
      <c r="BF29" s="24">
        <v>0</v>
      </c>
      <c r="BG29" s="25">
        <v>0</v>
      </c>
      <c r="BH29" s="26">
        <v>0</v>
      </c>
      <c r="BI29" s="404">
        <v>0</v>
      </c>
      <c r="BJ29" s="25">
        <v>0</v>
      </c>
      <c r="BK29" s="25">
        <v>0</v>
      </c>
      <c r="BL29" s="25">
        <v>0</v>
      </c>
      <c r="BM29" s="25">
        <v>0</v>
      </c>
      <c r="BN29" s="25">
        <v>0</v>
      </c>
      <c r="BO29" s="28">
        <v>0</v>
      </c>
      <c r="BP29" s="29">
        <v>0</v>
      </c>
      <c r="BQ29" s="24">
        <v>445</v>
      </c>
      <c r="BR29" s="25">
        <v>0</v>
      </c>
      <c r="BS29" s="26">
        <v>445</v>
      </c>
      <c r="BT29" s="27">
        <v>0</v>
      </c>
      <c r="BU29" s="25">
        <v>880</v>
      </c>
      <c r="BV29" s="25">
        <v>20719</v>
      </c>
      <c r="BW29" s="25">
        <v>8680</v>
      </c>
      <c r="BX29" s="25">
        <v>8670</v>
      </c>
      <c r="BY29" s="25">
        <v>65446</v>
      </c>
      <c r="BZ29" s="28">
        <v>104395</v>
      </c>
      <c r="CA29" s="29">
        <v>104840</v>
      </c>
      <c r="CB29" s="24">
        <v>0</v>
      </c>
      <c r="CC29" s="25">
        <v>0</v>
      </c>
      <c r="CD29" s="26">
        <v>0</v>
      </c>
      <c r="CE29" s="27">
        <v>0</v>
      </c>
      <c r="CF29" s="25">
        <v>0</v>
      </c>
      <c r="CG29" s="25">
        <v>435</v>
      </c>
      <c r="CH29" s="25">
        <v>2175</v>
      </c>
      <c r="CI29" s="25">
        <v>1885</v>
      </c>
      <c r="CJ29" s="25">
        <v>0</v>
      </c>
      <c r="CK29" s="28">
        <v>4495</v>
      </c>
      <c r="CL29" s="29">
        <v>4495</v>
      </c>
      <c r="CM29" s="24">
        <v>0</v>
      </c>
      <c r="CN29" s="25">
        <v>0</v>
      </c>
      <c r="CO29" s="26">
        <v>0</v>
      </c>
      <c r="CP29" s="27">
        <v>0</v>
      </c>
      <c r="CQ29" s="25">
        <v>0</v>
      </c>
      <c r="CR29" s="25">
        <v>0</v>
      </c>
      <c r="CS29" s="25">
        <v>0</v>
      </c>
      <c r="CT29" s="25">
        <v>0</v>
      </c>
      <c r="CU29" s="25">
        <v>0</v>
      </c>
      <c r="CV29" s="28">
        <v>0</v>
      </c>
      <c r="CW29" s="29">
        <v>0</v>
      </c>
      <c r="CX29" s="24">
        <v>0</v>
      </c>
      <c r="CY29" s="25">
        <v>0</v>
      </c>
      <c r="CZ29" s="26">
        <v>0</v>
      </c>
      <c r="DA29" s="404">
        <v>0</v>
      </c>
      <c r="DB29" s="25">
        <v>0</v>
      </c>
      <c r="DC29" s="25">
        <v>0</v>
      </c>
      <c r="DD29" s="25">
        <v>0</v>
      </c>
      <c r="DE29" s="25">
        <v>0</v>
      </c>
      <c r="DF29" s="25">
        <v>0</v>
      </c>
      <c r="DG29" s="28">
        <v>0</v>
      </c>
      <c r="DH29" s="29">
        <v>0</v>
      </c>
      <c r="DI29" s="24">
        <v>1392</v>
      </c>
      <c r="DJ29" s="25">
        <v>0</v>
      </c>
      <c r="DK29" s="26">
        <v>1392</v>
      </c>
      <c r="DL29" s="27">
        <v>0</v>
      </c>
      <c r="DM29" s="25">
        <v>23899</v>
      </c>
      <c r="DN29" s="25">
        <v>71622</v>
      </c>
      <c r="DO29" s="25">
        <v>312754</v>
      </c>
      <c r="DP29" s="25">
        <v>563000</v>
      </c>
      <c r="DQ29" s="25">
        <v>509566</v>
      </c>
      <c r="DR29" s="28">
        <v>1480841</v>
      </c>
      <c r="DS29" s="30">
        <v>1482233</v>
      </c>
      <c r="DT29" s="24">
        <v>0</v>
      </c>
      <c r="DU29" s="25">
        <v>0</v>
      </c>
      <c r="DV29" s="26">
        <v>0</v>
      </c>
      <c r="DW29" s="404">
        <v>0</v>
      </c>
      <c r="DX29" s="25">
        <v>21576</v>
      </c>
      <c r="DY29" s="25">
        <v>33790</v>
      </c>
      <c r="DZ29" s="25">
        <v>277900</v>
      </c>
      <c r="EA29" s="25">
        <v>496121</v>
      </c>
      <c r="EB29" s="25">
        <v>401418</v>
      </c>
      <c r="EC29" s="28">
        <v>1230805</v>
      </c>
      <c r="ED29" s="29">
        <v>1230805</v>
      </c>
      <c r="EE29" s="24">
        <v>0</v>
      </c>
      <c r="EF29" s="25">
        <v>0</v>
      </c>
      <c r="EG29" s="26">
        <v>0</v>
      </c>
      <c r="EH29" s="404">
        <v>0</v>
      </c>
      <c r="EI29" s="25">
        <v>217</v>
      </c>
      <c r="EJ29" s="25">
        <v>1085</v>
      </c>
      <c r="EK29" s="25">
        <v>15325</v>
      </c>
      <c r="EL29" s="25">
        <v>51654</v>
      </c>
      <c r="EM29" s="25">
        <v>798</v>
      </c>
      <c r="EN29" s="28">
        <v>69079</v>
      </c>
      <c r="EO29" s="29">
        <v>69079</v>
      </c>
      <c r="EP29" s="24">
        <v>0</v>
      </c>
      <c r="EQ29" s="25">
        <v>0</v>
      </c>
      <c r="ER29" s="26">
        <v>0</v>
      </c>
      <c r="ES29" s="404">
        <v>0</v>
      </c>
      <c r="ET29" s="25">
        <v>0</v>
      </c>
      <c r="EU29" s="25">
        <v>0</v>
      </c>
      <c r="EV29" s="25">
        <v>0</v>
      </c>
      <c r="EW29" s="25">
        <v>0</v>
      </c>
      <c r="EX29" s="25">
        <v>0</v>
      </c>
      <c r="EY29" s="28">
        <v>0</v>
      </c>
      <c r="EZ29" s="29">
        <v>0</v>
      </c>
      <c r="FA29" s="24">
        <v>0</v>
      </c>
      <c r="FB29" s="25">
        <v>0</v>
      </c>
      <c r="FC29" s="26">
        <v>0</v>
      </c>
      <c r="FD29" s="404">
        <v>0</v>
      </c>
      <c r="FE29" s="25">
        <v>0</v>
      </c>
      <c r="FF29" s="25">
        <v>0</v>
      </c>
      <c r="FG29" s="25">
        <v>217</v>
      </c>
      <c r="FH29" s="25">
        <v>0</v>
      </c>
      <c r="FI29" s="25">
        <v>434</v>
      </c>
      <c r="FJ29" s="28">
        <v>651</v>
      </c>
      <c r="FK29" s="29">
        <v>651</v>
      </c>
      <c r="FL29" s="24">
        <v>0</v>
      </c>
      <c r="FM29" s="25">
        <v>0</v>
      </c>
      <c r="FN29" s="26">
        <v>0</v>
      </c>
      <c r="FO29" s="404">
        <v>0</v>
      </c>
      <c r="FP29" s="25">
        <v>0</v>
      </c>
      <c r="FQ29" s="25">
        <v>0</v>
      </c>
      <c r="FR29" s="25">
        <v>0</v>
      </c>
      <c r="FS29" s="25">
        <v>0</v>
      </c>
      <c r="FT29" s="25">
        <v>0</v>
      </c>
      <c r="FU29" s="28">
        <v>0</v>
      </c>
      <c r="FV29" s="29">
        <v>0</v>
      </c>
      <c r="FW29" s="24">
        <v>1392</v>
      </c>
      <c r="FX29" s="25">
        <v>0</v>
      </c>
      <c r="FY29" s="26">
        <v>1392</v>
      </c>
      <c r="FZ29" s="27">
        <v>0</v>
      </c>
      <c r="GA29" s="25">
        <v>2106</v>
      </c>
      <c r="GB29" s="25">
        <v>35673</v>
      </c>
      <c r="GC29" s="25">
        <v>19200</v>
      </c>
      <c r="GD29" s="25">
        <v>15134</v>
      </c>
      <c r="GE29" s="25">
        <v>106916</v>
      </c>
      <c r="GF29" s="28">
        <v>179029</v>
      </c>
      <c r="GG29" s="29">
        <v>180421</v>
      </c>
      <c r="GH29" s="24">
        <v>0</v>
      </c>
      <c r="GI29" s="25">
        <v>0</v>
      </c>
      <c r="GJ29" s="26">
        <v>0</v>
      </c>
      <c r="GK29" s="27">
        <v>0</v>
      </c>
      <c r="GL29" s="25">
        <v>0</v>
      </c>
      <c r="GM29" s="25">
        <v>1074</v>
      </c>
      <c r="GN29" s="25">
        <v>112</v>
      </c>
      <c r="GO29" s="25">
        <v>91</v>
      </c>
      <c r="GP29" s="25">
        <v>0</v>
      </c>
      <c r="GQ29" s="28">
        <v>1277</v>
      </c>
      <c r="GR29" s="29">
        <v>1277</v>
      </c>
      <c r="GS29" s="24">
        <v>0</v>
      </c>
      <c r="GT29" s="25">
        <v>0</v>
      </c>
      <c r="GU29" s="26">
        <v>0</v>
      </c>
      <c r="GV29" s="27">
        <v>0</v>
      </c>
      <c r="GW29" s="25">
        <v>0</v>
      </c>
      <c r="GX29" s="25">
        <v>0</v>
      </c>
      <c r="GY29" s="25">
        <v>0</v>
      </c>
      <c r="GZ29" s="25">
        <v>0</v>
      </c>
      <c r="HA29" s="25">
        <v>0</v>
      </c>
      <c r="HB29" s="28">
        <v>0</v>
      </c>
      <c r="HC29" s="29">
        <v>0</v>
      </c>
      <c r="HD29" s="24">
        <v>0</v>
      </c>
      <c r="HE29" s="25">
        <v>0</v>
      </c>
      <c r="HF29" s="26">
        <v>0</v>
      </c>
      <c r="HG29" s="404">
        <v>0</v>
      </c>
      <c r="HH29" s="25">
        <v>0</v>
      </c>
      <c r="HI29" s="25">
        <v>0</v>
      </c>
      <c r="HJ29" s="25">
        <v>0</v>
      </c>
      <c r="HK29" s="25">
        <v>0</v>
      </c>
      <c r="HL29" s="25">
        <v>0</v>
      </c>
      <c r="HM29" s="28">
        <v>0</v>
      </c>
      <c r="HN29" s="29">
        <v>0</v>
      </c>
      <c r="HO29" s="24">
        <v>1837</v>
      </c>
      <c r="HP29" s="25">
        <v>0</v>
      </c>
      <c r="HQ29" s="26">
        <v>1837</v>
      </c>
      <c r="HR29" s="27">
        <v>0</v>
      </c>
      <c r="HS29" s="25">
        <v>60119</v>
      </c>
      <c r="HT29" s="25">
        <v>166711</v>
      </c>
      <c r="HU29" s="25">
        <v>679164</v>
      </c>
      <c r="HV29" s="25">
        <v>1132230</v>
      </c>
      <c r="HW29" s="25">
        <v>992877</v>
      </c>
      <c r="HX29" s="28">
        <v>3031101</v>
      </c>
      <c r="HY29" s="29">
        <v>3032938</v>
      </c>
    </row>
    <row r="30" spans="2:233" ht="21" customHeight="1" x14ac:dyDescent="0.2">
      <c r="B30" s="106" t="s">
        <v>27</v>
      </c>
      <c r="C30" s="24">
        <v>0</v>
      </c>
      <c r="D30" s="25">
        <v>445</v>
      </c>
      <c r="E30" s="26">
        <v>445</v>
      </c>
      <c r="F30" s="27">
        <v>0</v>
      </c>
      <c r="G30" s="25">
        <v>73095</v>
      </c>
      <c r="H30" s="25">
        <v>84630</v>
      </c>
      <c r="I30" s="25">
        <v>395927</v>
      </c>
      <c r="J30" s="25">
        <v>568245</v>
      </c>
      <c r="K30" s="25">
        <v>238860</v>
      </c>
      <c r="L30" s="28">
        <v>1360757</v>
      </c>
      <c r="M30" s="29">
        <v>1361202</v>
      </c>
      <c r="N30" s="24">
        <v>0</v>
      </c>
      <c r="O30" s="25">
        <v>0</v>
      </c>
      <c r="P30" s="26">
        <v>0</v>
      </c>
      <c r="Q30" s="404">
        <v>0</v>
      </c>
      <c r="R30" s="25">
        <v>32705</v>
      </c>
      <c r="S30" s="25">
        <v>0</v>
      </c>
      <c r="T30" s="25">
        <v>230565</v>
      </c>
      <c r="U30" s="25">
        <v>344455</v>
      </c>
      <c r="V30" s="25">
        <v>230950</v>
      </c>
      <c r="W30" s="28">
        <v>838675</v>
      </c>
      <c r="X30" s="29">
        <v>838675</v>
      </c>
      <c r="Y30" s="24">
        <v>0</v>
      </c>
      <c r="Z30" s="25">
        <v>0</v>
      </c>
      <c r="AA30" s="26">
        <v>0</v>
      </c>
      <c r="AB30" s="404">
        <v>0</v>
      </c>
      <c r="AC30" s="25">
        <v>35340</v>
      </c>
      <c r="AD30" s="25">
        <v>84630</v>
      </c>
      <c r="AE30" s="25">
        <v>75695</v>
      </c>
      <c r="AF30" s="25">
        <v>185380</v>
      </c>
      <c r="AG30" s="25">
        <v>7910</v>
      </c>
      <c r="AH30" s="28">
        <v>388955</v>
      </c>
      <c r="AI30" s="29">
        <v>388955</v>
      </c>
      <c r="AJ30" s="24">
        <v>0</v>
      </c>
      <c r="AK30" s="25">
        <v>0</v>
      </c>
      <c r="AL30" s="26">
        <v>0</v>
      </c>
      <c r="AM30" s="404">
        <v>0</v>
      </c>
      <c r="AN30" s="25">
        <v>0</v>
      </c>
      <c r="AO30" s="25">
        <v>0</v>
      </c>
      <c r="AP30" s="25">
        <v>0</v>
      </c>
      <c r="AQ30" s="25">
        <v>0</v>
      </c>
      <c r="AR30" s="25">
        <v>0</v>
      </c>
      <c r="AS30" s="28">
        <v>0</v>
      </c>
      <c r="AT30" s="29">
        <v>0</v>
      </c>
      <c r="AU30" s="24">
        <v>0</v>
      </c>
      <c r="AV30" s="25">
        <v>0</v>
      </c>
      <c r="AW30" s="26">
        <v>0</v>
      </c>
      <c r="AX30" s="404">
        <v>0</v>
      </c>
      <c r="AY30" s="25">
        <v>0</v>
      </c>
      <c r="AZ30" s="25">
        <v>0</v>
      </c>
      <c r="BA30" s="25">
        <v>0</v>
      </c>
      <c r="BB30" s="25">
        <v>0</v>
      </c>
      <c r="BC30" s="25">
        <v>0</v>
      </c>
      <c r="BD30" s="28">
        <v>0</v>
      </c>
      <c r="BE30" s="29">
        <v>0</v>
      </c>
      <c r="BF30" s="24">
        <v>0</v>
      </c>
      <c r="BG30" s="25">
        <v>0</v>
      </c>
      <c r="BH30" s="26">
        <v>0</v>
      </c>
      <c r="BI30" s="404">
        <v>0</v>
      </c>
      <c r="BJ30" s="25">
        <v>0</v>
      </c>
      <c r="BK30" s="25">
        <v>0</v>
      </c>
      <c r="BL30" s="25">
        <v>59985</v>
      </c>
      <c r="BM30" s="25">
        <v>37975</v>
      </c>
      <c r="BN30" s="25">
        <v>0</v>
      </c>
      <c r="BO30" s="28">
        <v>97960</v>
      </c>
      <c r="BP30" s="29">
        <v>97960</v>
      </c>
      <c r="BQ30" s="24">
        <v>0</v>
      </c>
      <c r="BR30" s="25">
        <v>445</v>
      </c>
      <c r="BS30" s="26">
        <v>445</v>
      </c>
      <c r="BT30" s="27">
        <v>0</v>
      </c>
      <c r="BU30" s="25">
        <v>5050</v>
      </c>
      <c r="BV30" s="25">
        <v>0</v>
      </c>
      <c r="BW30" s="25">
        <v>29682</v>
      </c>
      <c r="BX30" s="25">
        <v>435</v>
      </c>
      <c r="BY30" s="25">
        <v>0</v>
      </c>
      <c r="BZ30" s="28">
        <v>35167</v>
      </c>
      <c r="CA30" s="29">
        <v>35612</v>
      </c>
      <c r="CB30" s="24">
        <v>0</v>
      </c>
      <c r="CC30" s="25">
        <v>0</v>
      </c>
      <c r="CD30" s="26">
        <v>0</v>
      </c>
      <c r="CE30" s="27">
        <v>0</v>
      </c>
      <c r="CF30" s="25">
        <v>0</v>
      </c>
      <c r="CG30" s="25">
        <v>0</v>
      </c>
      <c r="CH30" s="25">
        <v>0</v>
      </c>
      <c r="CI30" s="25">
        <v>0</v>
      </c>
      <c r="CJ30" s="25">
        <v>0</v>
      </c>
      <c r="CK30" s="28">
        <v>0</v>
      </c>
      <c r="CL30" s="29">
        <v>0</v>
      </c>
      <c r="CM30" s="24">
        <v>0</v>
      </c>
      <c r="CN30" s="25">
        <v>0</v>
      </c>
      <c r="CO30" s="26">
        <v>0</v>
      </c>
      <c r="CP30" s="27">
        <v>0</v>
      </c>
      <c r="CQ30" s="25">
        <v>0</v>
      </c>
      <c r="CR30" s="25">
        <v>0</v>
      </c>
      <c r="CS30" s="25">
        <v>0</v>
      </c>
      <c r="CT30" s="25">
        <v>0</v>
      </c>
      <c r="CU30" s="25">
        <v>0</v>
      </c>
      <c r="CV30" s="28">
        <v>0</v>
      </c>
      <c r="CW30" s="29">
        <v>0</v>
      </c>
      <c r="CX30" s="24">
        <v>0</v>
      </c>
      <c r="CY30" s="25">
        <v>0</v>
      </c>
      <c r="CZ30" s="26">
        <v>0</v>
      </c>
      <c r="DA30" s="404">
        <v>0</v>
      </c>
      <c r="DB30" s="25">
        <v>0</v>
      </c>
      <c r="DC30" s="25">
        <v>0</v>
      </c>
      <c r="DD30" s="25">
        <v>0</v>
      </c>
      <c r="DE30" s="25">
        <v>0</v>
      </c>
      <c r="DF30" s="25">
        <v>0</v>
      </c>
      <c r="DG30" s="28">
        <v>0</v>
      </c>
      <c r="DH30" s="29">
        <v>0</v>
      </c>
      <c r="DI30" s="24">
        <v>0</v>
      </c>
      <c r="DJ30" s="25">
        <v>702</v>
      </c>
      <c r="DK30" s="26">
        <v>702</v>
      </c>
      <c r="DL30" s="27">
        <v>0</v>
      </c>
      <c r="DM30" s="25">
        <v>47445</v>
      </c>
      <c r="DN30" s="25">
        <v>868</v>
      </c>
      <c r="DO30" s="25">
        <v>368560</v>
      </c>
      <c r="DP30" s="25">
        <v>428832</v>
      </c>
      <c r="DQ30" s="25">
        <v>237423</v>
      </c>
      <c r="DR30" s="28">
        <v>1083128</v>
      </c>
      <c r="DS30" s="30">
        <v>1083830</v>
      </c>
      <c r="DT30" s="24">
        <v>0</v>
      </c>
      <c r="DU30" s="25">
        <v>0</v>
      </c>
      <c r="DV30" s="26">
        <v>0</v>
      </c>
      <c r="DW30" s="404">
        <v>0</v>
      </c>
      <c r="DX30" s="25">
        <v>36766</v>
      </c>
      <c r="DY30" s="25">
        <v>0</v>
      </c>
      <c r="DZ30" s="25">
        <v>195348</v>
      </c>
      <c r="EA30" s="25">
        <v>278628</v>
      </c>
      <c r="EB30" s="25">
        <v>223603</v>
      </c>
      <c r="EC30" s="28">
        <v>734345</v>
      </c>
      <c r="ED30" s="29">
        <v>734345</v>
      </c>
      <c r="EE30" s="24">
        <v>0</v>
      </c>
      <c r="EF30" s="25">
        <v>0</v>
      </c>
      <c r="EG30" s="26">
        <v>0</v>
      </c>
      <c r="EH30" s="404">
        <v>0</v>
      </c>
      <c r="EI30" s="25">
        <v>434</v>
      </c>
      <c r="EJ30" s="25">
        <v>868</v>
      </c>
      <c r="EK30" s="25">
        <v>64366</v>
      </c>
      <c r="EL30" s="25">
        <v>68882</v>
      </c>
      <c r="EM30" s="25">
        <v>13820</v>
      </c>
      <c r="EN30" s="28">
        <v>148370</v>
      </c>
      <c r="EO30" s="29">
        <v>148370</v>
      </c>
      <c r="EP30" s="24">
        <v>0</v>
      </c>
      <c r="EQ30" s="25">
        <v>0</v>
      </c>
      <c r="ER30" s="26">
        <v>0</v>
      </c>
      <c r="ES30" s="404">
        <v>0</v>
      </c>
      <c r="ET30" s="25">
        <v>0</v>
      </c>
      <c r="EU30" s="25">
        <v>0</v>
      </c>
      <c r="EV30" s="25">
        <v>0</v>
      </c>
      <c r="EW30" s="25">
        <v>0</v>
      </c>
      <c r="EX30" s="25">
        <v>0</v>
      </c>
      <c r="EY30" s="28">
        <v>0</v>
      </c>
      <c r="EZ30" s="29">
        <v>0</v>
      </c>
      <c r="FA30" s="24">
        <v>0</v>
      </c>
      <c r="FB30" s="25">
        <v>0</v>
      </c>
      <c r="FC30" s="26">
        <v>0</v>
      </c>
      <c r="FD30" s="404">
        <v>0</v>
      </c>
      <c r="FE30" s="25">
        <v>0</v>
      </c>
      <c r="FF30" s="25">
        <v>0</v>
      </c>
      <c r="FG30" s="25">
        <v>0</v>
      </c>
      <c r="FH30" s="25">
        <v>0</v>
      </c>
      <c r="FI30" s="25">
        <v>0</v>
      </c>
      <c r="FJ30" s="28">
        <v>0</v>
      </c>
      <c r="FK30" s="29">
        <v>0</v>
      </c>
      <c r="FL30" s="24">
        <v>0</v>
      </c>
      <c r="FM30" s="25">
        <v>0</v>
      </c>
      <c r="FN30" s="26">
        <v>0</v>
      </c>
      <c r="FO30" s="404">
        <v>0</v>
      </c>
      <c r="FP30" s="25">
        <v>0</v>
      </c>
      <c r="FQ30" s="25">
        <v>0</v>
      </c>
      <c r="FR30" s="25">
        <v>79918</v>
      </c>
      <c r="FS30" s="25">
        <v>79918</v>
      </c>
      <c r="FT30" s="25">
        <v>0</v>
      </c>
      <c r="FU30" s="28">
        <v>159836</v>
      </c>
      <c r="FV30" s="29">
        <v>159836</v>
      </c>
      <c r="FW30" s="24">
        <v>0</v>
      </c>
      <c r="FX30" s="25">
        <v>702</v>
      </c>
      <c r="FY30" s="26">
        <v>702</v>
      </c>
      <c r="FZ30" s="27">
        <v>0</v>
      </c>
      <c r="GA30" s="25">
        <v>10245</v>
      </c>
      <c r="GB30" s="25">
        <v>0</v>
      </c>
      <c r="GC30" s="25">
        <v>28928</v>
      </c>
      <c r="GD30" s="25">
        <v>1404</v>
      </c>
      <c r="GE30" s="25">
        <v>0</v>
      </c>
      <c r="GF30" s="28">
        <v>40577</v>
      </c>
      <c r="GG30" s="29">
        <v>41279</v>
      </c>
      <c r="GH30" s="24">
        <v>0</v>
      </c>
      <c r="GI30" s="25">
        <v>0</v>
      </c>
      <c r="GJ30" s="26">
        <v>0</v>
      </c>
      <c r="GK30" s="27">
        <v>0</v>
      </c>
      <c r="GL30" s="25">
        <v>0</v>
      </c>
      <c r="GM30" s="25">
        <v>0</v>
      </c>
      <c r="GN30" s="25">
        <v>0</v>
      </c>
      <c r="GO30" s="25">
        <v>0</v>
      </c>
      <c r="GP30" s="25">
        <v>0</v>
      </c>
      <c r="GQ30" s="28">
        <v>0</v>
      </c>
      <c r="GR30" s="29">
        <v>0</v>
      </c>
      <c r="GS30" s="24">
        <v>0</v>
      </c>
      <c r="GT30" s="25">
        <v>0</v>
      </c>
      <c r="GU30" s="26">
        <v>0</v>
      </c>
      <c r="GV30" s="27">
        <v>0</v>
      </c>
      <c r="GW30" s="25">
        <v>0</v>
      </c>
      <c r="GX30" s="25">
        <v>0</v>
      </c>
      <c r="GY30" s="25">
        <v>0</v>
      </c>
      <c r="GZ30" s="25">
        <v>0</v>
      </c>
      <c r="HA30" s="25">
        <v>0</v>
      </c>
      <c r="HB30" s="28">
        <v>0</v>
      </c>
      <c r="HC30" s="29">
        <v>0</v>
      </c>
      <c r="HD30" s="24">
        <v>0</v>
      </c>
      <c r="HE30" s="25">
        <v>0</v>
      </c>
      <c r="HF30" s="26">
        <v>0</v>
      </c>
      <c r="HG30" s="404">
        <v>0</v>
      </c>
      <c r="HH30" s="25">
        <v>0</v>
      </c>
      <c r="HI30" s="25">
        <v>0</v>
      </c>
      <c r="HJ30" s="25">
        <v>0</v>
      </c>
      <c r="HK30" s="25">
        <v>0</v>
      </c>
      <c r="HL30" s="25">
        <v>0</v>
      </c>
      <c r="HM30" s="28">
        <v>0</v>
      </c>
      <c r="HN30" s="29">
        <v>0</v>
      </c>
      <c r="HO30" s="24">
        <v>0</v>
      </c>
      <c r="HP30" s="25">
        <v>1147</v>
      </c>
      <c r="HQ30" s="26">
        <v>1147</v>
      </c>
      <c r="HR30" s="27">
        <v>0</v>
      </c>
      <c r="HS30" s="25">
        <v>120540</v>
      </c>
      <c r="HT30" s="25">
        <v>85498</v>
      </c>
      <c r="HU30" s="25">
        <v>764487</v>
      </c>
      <c r="HV30" s="25">
        <v>997077</v>
      </c>
      <c r="HW30" s="25">
        <v>476283</v>
      </c>
      <c r="HX30" s="28">
        <v>2443885</v>
      </c>
      <c r="HY30" s="29">
        <v>2445032</v>
      </c>
    </row>
    <row r="31" spans="2:233" ht="21" customHeight="1" x14ac:dyDescent="0.2">
      <c r="B31" s="106" t="s">
        <v>28</v>
      </c>
      <c r="C31" s="24">
        <v>0</v>
      </c>
      <c r="D31" s="25">
        <v>0</v>
      </c>
      <c r="E31" s="26">
        <v>0</v>
      </c>
      <c r="F31" s="27">
        <v>0</v>
      </c>
      <c r="G31" s="25">
        <v>0</v>
      </c>
      <c r="H31" s="25">
        <v>49290</v>
      </c>
      <c r="I31" s="25">
        <v>215875</v>
      </c>
      <c r="J31" s="25">
        <v>247217</v>
      </c>
      <c r="K31" s="25">
        <v>77430</v>
      </c>
      <c r="L31" s="28">
        <v>589812</v>
      </c>
      <c r="M31" s="29">
        <v>589812</v>
      </c>
      <c r="N31" s="24">
        <v>0</v>
      </c>
      <c r="O31" s="25">
        <v>0</v>
      </c>
      <c r="P31" s="26">
        <v>0</v>
      </c>
      <c r="Q31" s="404">
        <v>0</v>
      </c>
      <c r="R31" s="25">
        <v>0</v>
      </c>
      <c r="S31" s="25">
        <v>0</v>
      </c>
      <c r="T31" s="25">
        <v>156085</v>
      </c>
      <c r="U31" s="25">
        <v>235290</v>
      </c>
      <c r="V31" s="25">
        <v>52060</v>
      </c>
      <c r="W31" s="28">
        <v>443435</v>
      </c>
      <c r="X31" s="29">
        <v>443435</v>
      </c>
      <c r="Y31" s="24">
        <v>0</v>
      </c>
      <c r="Z31" s="25">
        <v>0</v>
      </c>
      <c r="AA31" s="26">
        <v>0</v>
      </c>
      <c r="AB31" s="404">
        <v>0</v>
      </c>
      <c r="AC31" s="25">
        <v>0</v>
      </c>
      <c r="AD31" s="25">
        <v>49290</v>
      </c>
      <c r="AE31" s="25">
        <v>59790</v>
      </c>
      <c r="AF31" s="25">
        <v>7905</v>
      </c>
      <c r="AG31" s="25">
        <v>23590</v>
      </c>
      <c r="AH31" s="28">
        <v>140575</v>
      </c>
      <c r="AI31" s="29">
        <v>140575</v>
      </c>
      <c r="AJ31" s="24">
        <v>0</v>
      </c>
      <c r="AK31" s="25">
        <v>0</v>
      </c>
      <c r="AL31" s="26">
        <v>0</v>
      </c>
      <c r="AM31" s="404">
        <v>0</v>
      </c>
      <c r="AN31" s="25">
        <v>0</v>
      </c>
      <c r="AO31" s="25">
        <v>0</v>
      </c>
      <c r="AP31" s="25">
        <v>0</v>
      </c>
      <c r="AQ31" s="25">
        <v>0</v>
      </c>
      <c r="AR31" s="25">
        <v>0</v>
      </c>
      <c r="AS31" s="28">
        <v>0</v>
      </c>
      <c r="AT31" s="29">
        <v>0</v>
      </c>
      <c r="AU31" s="24">
        <v>0</v>
      </c>
      <c r="AV31" s="25">
        <v>0</v>
      </c>
      <c r="AW31" s="26">
        <v>0</v>
      </c>
      <c r="AX31" s="404">
        <v>0</v>
      </c>
      <c r="AY31" s="25">
        <v>0</v>
      </c>
      <c r="AZ31" s="25">
        <v>0</v>
      </c>
      <c r="BA31" s="25">
        <v>0</v>
      </c>
      <c r="BB31" s="25">
        <v>0</v>
      </c>
      <c r="BC31" s="25">
        <v>0</v>
      </c>
      <c r="BD31" s="28">
        <v>0</v>
      </c>
      <c r="BE31" s="29">
        <v>0</v>
      </c>
      <c r="BF31" s="24">
        <v>0</v>
      </c>
      <c r="BG31" s="25">
        <v>0</v>
      </c>
      <c r="BH31" s="26">
        <v>0</v>
      </c>
      <c r="BI31" s="404">
        <v>0</v>
      </c>
      <c r="BJ31" s="25">
        <v>0</v>
      </c>
      <c r="BK31" s="25">
        <v>0</v>
      </c>
      <c r="BL31" s="25">
        <v>0</v>
      </c>
      <c r="BM31" s="25">
        <v>0</v>
      </c>
      <c r="BN31" s="25">
        <v>0</v>
      </c>
      <c r="BO31" s="28">
        <v>0</v>
      </c>
      <c r="BP31" s="29">
        <v>0</v>
      </c>
      <c r="BQ31" s="24">
        <v>0</v>
      </c>
      <c r="BR31" s="25">
        <v>0</v>
      </c>
      <c r="BS31" s="26">
        <v>0</v>
      </c>
      <c r="BT31" s="27">
        <v>0</v>
      </c>
      <c r="BU31" s="25">
        <v>0</v>
      </c>
      <c r="BV31" s="25">
        <v>0</v>
      </c>
      <c r="BW31" s="25">
        <v>0</v>
      </c>
      <c r="BX31" s="25">
        <v>4022</v>
      </c>
      <c r="BY31" s="25">
        <v>0</v>
      </c>
      <c r="BZ31" s="28">
        <v>4022</v>
      </c>
      <c r="CA31" s="29">
        <v>4022</v>
      </c>
      <c r="CB31" s="24">
        <v>0</v>
      </c>
      <c r="CC31" s="25">
        <v>0</v>
      </c>
      <c r="CD31" s="26">
        <v>0</v>
      </c>
      <c r="CE31" s="27">
        <v>0</v>
      </c>
      <c r="CF31" s="25">
        <v>0</v>
      </c>
      <c r="CG31" s="25">
        <v>0</v>
      </c>
      <c r="CH31" s="25">
        <v>0</v>
      </c>
      <c r="CI31" s="25">
        <v>0</v>
      </c>
      <c r="CJ31" s="25">
        <v>1780</v>
      </c>
      <c r="CK31" s="28">
        <v>1780</v>
      </c>
      <c r="CL31" s="29">
        <v>1780</v>
      </c>
      <c r="CM31" s="24">
        <v>0</v>
      </c>
      <c r="CN31" s="25">
        <v>0</v>
      </c>
      <c r="CO31" s="26">
        <v>0</v>
      </c>
      <c r="CP31" s="27">
        <v>0</v>
      </c>
      <c r="CQ31" s="25">
        <v>0</v>
      </c>
      <c r="CR31" s="25">
        <v>0</v>
      </c>
      <c r="CS31" s="25">
        <v>0</v>
      </c>
      <c r="CT31" s="25">
        <v>0</v>
      </c>
      <c r="CU31" s="25">
        <v>0</v>
      </c>
      <c r="CV31" s="28">
        <v>0</v>
      </c>
      <c r="CW31" s="29">
        <v>0</v>
      </c>
      <c r="CX31" s="24">
        <v>0</v>
      </c>
      <c r="CY31" s="25">
        <v>0</v>
      </c>
      <c r="CZ31" s="26">
        <v>0</v>
      </c>
      <c r="DA31" s="404">
        <v>0</v>
      </c>
      <c r="DB31" s="25">
        <v>0</v>
      </c>
      <c r="DC31" s="25">
        <v>0</v>
      </c>
      <c r="DD31" s="25">
        <v>0</v>
      </c>
      <c r="DE31" s="25">
        <v>0</v>
      </c>
      <c r="DF31" s="25">
        <v>0</v>
      </c>
      <c r="DG31" s="28">
        <v>0</v>
      </c>
      <c r="DH31" s="29">
        <v>0</v>
      </c>
      <c r="DI31" s="24">
        <v>0</v>
      </c>
      <c r="DJ31" s="25">
        <v>0</v>
      </c>
      <c r="DK31" s="26">
        <v>0</v>
      </c>
      <c r="DL31" s="27">
        <v>0</v>
      </c>
      <c r="DM31" s="25">
        <v>0</v>
      </c>
      <c r="DN31" s="25">
        <v>434</v>
      </c>
      <c r="DO31" s="25">
        <v>152737</v>
      </c>
      <c r="DP31" s="25">
        <v>228045</v>
      </c>
      <c r="DQ31" s="25">
        <v>75152</v>
      </c>
      <c r="DR31" s="28">
        <v>456368</v>
      </c>
      <c r="DS31" s="30">
        <v>456368</v>
      </c>
      <c r="DT31" s="24">
        <v>0</v>
      </c>
      <c r="DU31" s="25">
        <v>0</v>
      </c>
      <c r="DV31" s="26">
        <v>0</v>
      </c>
      <c r="DW31" s="404">
        <v>0</v>
      </c>
      <c r="DX31" s="25">
        <v>0</v>
      </c>
      <c r="DY31" s="25">
        <v>0</v>
      </c>
      <c r="DZ31" s="25">
        <v>130727</v>
      </c>
      <c r="EA31" s="25">
        <v>203763</v>
      </c>
      <c r="EB31" s="25">
        <v>66607</v>
      </c>
      <c r="EC31" s="28">
        <v>401097</v>
      </c>
      <c r="ED31" s="29">
        <v>401097</v>
      </c>
      <c r="EE31" s="24">
        <v>0</v>
      </c>
      <c r="EF31" s="25">
        <v>0</v>
      </c>
      <c r="EG31" s="26">
        <v>0</v>
      </c>
      <c r="EH31" s="404">
        <v>0</v>
      </c>
      <c r="EI31" s="25">
        <v>0</v>
      </c>
      <c r="EJ31" s="25">
        <v>434</v>
      </c>
      <c r="EK31" s="25">
        <v>22010</v>
      </c>
      <c r="EL31" s="25">
        <v>11532</v>
      </c>
      <c r="EM31" s="25">
        <v>7465</v>
      </c>
      <c r="EN31" s="28">
        <v>41441</v>
      </c>
      <c r="EO31" s="29">
        <v>41441</v>
      </c>
      <c r="EP31" s="24">
        <v>0</v>
      </c>
      <c r="EQ31" s="25">
        <v>0</v>
      </c>
      <c r="ER31" s="26">
        <v>0</v>
      </c>
      <c r="ES31" s="404">
        <v>0</v>
      </c>
      <c r="ET31" s="25">
        <v>0</v>
      </c>
      <c r="EU31" s="25">
        <v>0</v>
      </c>
      <c r="EV31" s="25">
        <v>0</v>
      </c>
      <c r="EW31" s="25">
        <v>0</v>
      </c>
      <c r="EX31" s="25">
        <v>0</v>
      </c>
      <c r="EY31" s="28">
        <v>0</v>
      </c>
      <c r="EZ31" s="29">
        <v>0</v>
      </c>
      <c r="FA31" s="24">
        <v>0</v>
      </c>
      <c r="FB31" s="25">
        <v>0</v>
      </c>
      <c r="FC31" s="26">
        <v>0</v>
      </c>
      <c r="FD31" s="404">
        <v>0</v>
      </c>
      <c r="FE31" s="25">
        <v>0</v>
      </c>
      <c r="FF31" s="25">
        <v>0</v>
      </c>
      <c r="FG31" s="25">
        <v>0</v>
      </c>
      <c r="FH31" s="25">
        <v>0</v>
      </c>
      <c r="FI31" s="25">
        <v>0</v>
      </c>
      <c r="FJ31" s="28">
        <v>0</v>
      </c>
      <c r="FK31" s="29">
        <v>0</v>
      </c>
      <c r="FL31" s="24">
        <v>0</v>
      </c>
      <c r="FM31" s="25">
        <v>0</v>
      </c>
      <c r="FN31" s="26">
        <v>0</v>
      </c>
      <c r="FO31" s="404">
        <v>0</v>
      </c>
      <c r="FP31" s="25">
        <v>0</v>
      </c>
      <c r="FQ31" s="25">
        <v>0</v>
      </c>
      <c r="FR31" s="25">
        <v>0</v>
      </c>
      <c r="FS31" s="25">
        <v>0</v>
      </c>
      <c r="FT31" s="25">
        <v>0</v>
      </c>
      <c r="FU31" s="28">
        <v>0</v>
      </c>
      <c r="FV31" s="29">
        <v>0</v>
      </c>
      <c r="FW31" s="24">
        <v>0</v>
      </c>
      <c r="FX31" s="25">
        <v>0</v>
      </c>
      <c r="FY31" s="26">
        <v>0</v>
      </c>
      <c r="FZ31" s="27">
        <v>0</v>
      </c>
      <c r="GA31" s="25">
        <v>0</v>
      </c>
      <c r="GB31" s="25">
        <v>0</v>
      </c>
      <c r="GC31" s="25">
        <v>0</v>
      </c>
      <c r="GD31" s="25">
        <v>12750</v>
      </c>
      <c r="GE31" s="25">
        <v>0</v>
      </c>
      <c r="GF31" s="28">
        <v>12750</v>
      </c>
      <c r="GG31" s="29">
        <v>12750</v>
      </c>
      <c r="GH31" s="24">
        <v>0</v>
      </c>
      <c r="GI31" s="25">
        <v>0</v>
      </c>
      <c r="GJ31" s="26">
        <v>0</v>
      </c>
      <c r="GK31" s="27">
        <v>0</v>
      </c>
      <c r="GL31" s="25">
        <v>0</v>
      </c>
      <c r="GM31" s="25">
        <v>0</v>
      </c>
      <c r="GN31" s="25">
        <v>0</v>
      </c>
      <c r="GO31" s="25">
        <v>0</v>
      </c>
      <c r="GP31" s="25">
        <v>1080</v>
      </c>
      <c r="GQ31" s="28">
        <v>1080</v>
      </c>
      <c r="GR31" s="29">
        <v>1080</v>
      </c>
      <c r="GS31" s="24">
        <v>0</v>
      </c>
      <c r="GT31" s="25">
        <v>0</v>
      </c>
      <c r="GU31" s="26">
        <v>0</v>
      </c>
      <c r="GV31" s="27">
        <v>0</v>
      </c>
      <c r="GW31" s="25">
        <v>0</v>
      </c>
      <c r="GX31" s="25">
        <v>0</v>
      </c>
      <c r="GY31" s="25">
        <v>0</v>
      </c>
      <c r="GZ31" s="25">
        <v>0</v>
      </c>
      <c r="HA31" s="25">
        <v>0</v>
      </c>
      <c r="HB31" s="28">
        <v>0</v>
      </c>
      <c r="HC31" s="29">
        <v>0</v>
      </c>
      <c r="HD31" s="24">
        <v>0</v>
      </c>
      <c r="HE31" s="25">
        <v>0</v>
      </c>
      <c r="HF31" s="26">
        <v>0</v>
      </c>
      <c r="HG31" s="404">
        <v>0</v>
      </c>
      <c r="HH31" s="25">
        <v>0</v>
      </c>
      <c r="HI31" s="25">
        <v>0</v>
      </c>
      <c r="HJ31" s="25">
        <v>0</v>
      </c>
      <c r="HK31" s="25">
        <v>0</v>
      </c>
      <c r="HL31" s="25">
        <v>0</v>
      </c>
      <c r="HM31" s="28">
        <v>0</v>
      </c>
      <c r="HN31" s="29">
        <v>0</v>
      </c>
      <c r="HO31" s="24">
        <v>0</v>
      </c>
      <c r="HP31" s="25">
        <v>0</v>
      </c>
      <c r="HQ31" s="26">
        <v>0</v>
      </c>
      <c r="HR31" s="27">
        <v>0</v>
      </c>
      <c r="HS31" s="25">
        <v>0</v>
      </c>
      <c r="HT31" s="25">
        <v>49724</v>
      </c>
      <c r="HU31" s="25">
        <v>368612</v>
      </c>
      <c r="HV31" s="25">
        <v>475262</v>
      </c>
      <c r="HW31" s="25">
        <v>152582</v>
      </c>
      <c r="HX31" s="28">
        <v>1046180</v>
      </c>
      <c r="HY31" s="29">
        <v>1046180</v>
      </c>
    </row>
    <row r="32" spans="2:233" ht="21" customHeight="1" x14ac:dyDescent="0.2">
      <c r="B32" s="106" t="s">
        <v>29</v>
      </c>
      <c r="C32" s="24">
        <v>0</v>
      </c>
      <c r="D32" s="25">
        <v>0</v>
      </c>
      <c r="E32" s="26">
        <v>0</v>
      </c>
      <c r="F32" s="27">
        <v>0</v>
      </c>
      <c r="G32" s="25">
        <v>24645</v>
      </c>
      <c r="H32" s="25">
        <v>63787</v>
      </c>
      <c r="I32" s="25">
        <v>323335</v>
      </c>
      <c r="J32" s="25">
        <v>352000</v>
      </c>
      <c r="K32" s="25">
        <v>214350</v>
      </c>
      <c r="L32" s="28">
        <v>978117</v>
      </c>
      <c r="M32" s="29">
        <v>978117</v>
      </c>
      <c r="N32" s="24">
        <v>0</v>
      </c>
      <c r="O32" s="25">
        <v>0</v>
      </c>
      <c r="P32" s="26">
        <v>0</v>
      </c>
      <c r="Q32" s="404">
        <v>0</v>
      </c>
      <c r="R32" s="25">
        <v>0</v>
      </c>
      <c r="S32" s="25">
        <v>32705</v>
      </c>
      <c r="T32" s="25">
        <v>160410</v>
      </c>
      <c r="U32" s="25">
        <v>172050</v>
      </c>
      <c r="V32" s="25">
        <v>208690</v>
      </c>
      <c r="W32" s="28">
        <v>573855</v>
      </c>
      <c r="X32" s="29">
        <v>573855</v>
      </c>
      <c r="Y32" s="24">
        <v>0</v>
      </c>
      <c r="Z32" s="25">
        <v>0</v>
      </c>
      <c r="AA32" s="26">
        <v>0</v>
      </c>
      <c r="AB32" s="404">
        <v>0</v>
      </c>
      <c r="AC32" s="25">
        <v>24645</v>
      </c>
      <c r="AD32" s="25">
        <v>29342</v>
      </c>
      <c r="AE32" s="25">
        <v>107350</v>
      </c>
      <c r="AF32" s="25">
        <v>84010</v>
      </c>
      <c r="AG32" s="25">
        <v>0</v>
      </c>
      <c r="AH32" s="28">
        <v>245347</v>
      </c>
      <c r="AI32" s="29">
        <v>245347</v>
      </c>
      <c r="AJ32" s="24">
        <v>0</v>
      </c>
      <c r="AK32" s="25">
        <v>0</v>
      </c>
      <c r="AL32" s="26">
        <v>0</v>
      </c>
      <c r="AM32" s="404">
        <v>0</v>
      </c>
      <c r="AN32" s="25">
        <v>0</v>
      </c>
      <c r="AO32" s="25">
        <v>0</v>
      </c>
      <c r="AP32" s="25">
        <v>0</v>
      </c>
      <c r="AQ32" s="25">
        <v>0</v>
      </c>
      <c r="AR32" s="25">
        <v>0</v>
      </c>
      <c r="AS32" s="28">
        <v>0</v>
      </c>
      <c r="AT32" s="29">
        <v>0</v>
      </c>
      <c r="AU32" s="24">
        <v>0</v>
      </c>
      <c r="AV32" s="25">
        <v>0</v>
      </c>
      <c r="AW32" s="26">
        <v>0</v>
      </c>
      <c r="AX32" s="404">
        <v>0</v>
      </c>
      <c r="AY32" s="25">
        <v>0</v>
      </c>
      <c r="AZ32" s="25">
        <v>0</v>
      </c>
      <c r="BA32" s="25">
        <v>0</v>
      </c>
      <c r="BB32" s="25">
        <v>0</v>
      </c>
      <c r="BC32" s="25">
        <v>0</v>
      </c>
      <c r="BD32" s="28">
        <v>0</v>
      </c>
      <c r="BE32" s="29">
        <v>0</v>
      </c>
      <c r="BF32" s="24">
        <v>0</v>
      </c>
      <c r="BG32" s="25">
        <v>0</v>
      </c>
      <c r="BH32" s="26">
        <v>0</v>
      </c>
      <c r="BI32" s="404">
        <v>0</v>
      </c>
      <c r="BJ32" s="25">
        <v>0</v>
      </c>
      <c r="BK32" s="25">
        <v>0</v>
      </c>
      <c r="BL32" s="25">
        <v>37975</v>
      </c>
      <c r="BM32" s="25">
        <v>69745</v>
      </c>
      <c r="BN32" s="25">
        <v>1870</v>
      </c>
      <c r="BO32" s="28">
        <v>109590</v>
      </c>
      <c r="BP32" s="29">
        <v>109590</v>
      </c>
      <c r="BQ32" s="24">
        <v>0</v>
      </c>
      <c r="BR32" s="25">
        <v>0</v>
      </c>
      <c r="BS32" s="26">
        <v>0</v>
      </c>
      <c r="BT32" s="27">
        <v>0</v>
      </c>
      <c r="BU32" s="25">
        <v>0</v>
      </c>
      <c r="BV32" s="25">
        <v>1740</v>
      </c>
      <c r="BW32" s="25">
        <v>17600</v>
      </c>
      <c r="BX32" s="25">
        <v>18590</v>
      </c>
      <c r="BY32" s="25">
        <v>3790</v>
      </c>
      <c r="BZ32" s="28">
        <v>41720</v>
      </c>
      <c r="CA32" s="29">
        <v>41720</v>
      </c>
      <c r="CB32" s="24">
        <v>0</v>
      </c>
      <c r="CC32" s="25">
        <v>0</v>
      </c>
      <c r="CD32" s="26">
        <v>0</v>
      </c>
      <c r="CE32" s="27">
        <v>0</v>
      </c>
      <c r="CF32" s="25">
        <v>0</v>
      </c>
      <c r="CG32" s="25">
        <v>0</v>
      </c>
      <c r="CH32" s="25">
        <v>0</v>
      </c>
      <c r="CI32" s="25">
        <v>7605</v>
      </c>
      <c r="CJ32" s="25">
        <v>0</v>
      </c>
      <c r="CK32" s="28">
        <v>7605</v>
      </c>
      <c r="CL32" s="29">
        <v>7605</v>
      </c>
      <c r="CM32" s="24">
        <v>0</v>
      </c>
      <c r="CN32" s="25">
        <v>0</v>
      </c>
      <c r="CO32" s="26">
        <v>0</v>
      </c>
      <c r="CP32" s="27">
        <v>0</v>
      </c>
      <c r="CQ32" s="25">
        <v>0</v>
      </c>
      <c r="CR32" s="25">
        <v>0</v>
      </c>
      <c r="CS32" s="25">
        <v>0</v>
      </c>
      <c r="CT32" s="25">
        <v>0</v>
      </c>
      <c r="CU32" s="25">
        <v>0</v>
      </c>
      <c r="CV32" s="28">
        <v>0</v>
      </c>
      <c r="CW32" s="29">
        <v>0</v>
      </c>
      <c r="CX32" s="24">
        <v>0</v>
      </c>
      <c r="CY32" s="25">
        <v>0</v>
      </c>
      <c r="CZ32" s="26">
        <v>0</v>
      </c>
      <c r="DA32" s="404">
        <v>0</v>
      </c>
      <c r="DB32" s="25">
        <v>0</v>
      </c>
      <c r="DC32" s="25">
        <v>0</v>
      </c>
      <c r="DD32" s="25">
        <v>0</v>
      </c>
      <c r="DE32" s="25">
        <v>0</v>
      </c>
      <c r="DF32" s="25">
        <v>0</v>
      </c>
      <c r="DG32" s="28">
        <v>0</v>
      </c>
      <c r="DH32" s="29">
        <v>0</v>
      </c>
      <c r="DI32" s="24">
        <v>0</v>
      </c>
      <c r="DJ32" s="25">
        <v>0</v>
      </c>
      <c r="DK32" s="26">
        <v>0</v>
      </c>
      <c r="DL32" s="27">
        <v>0</v>
      </c>
      <c r="DM32" s="25">
        <v>217</v>
      </c>
      <c r="DN32" s="25">
        <v>32183</v>
      </c>
      <c r="DO32" s="25">
        <v>243779</v>
      </c>
      <c r="DP32" s="25">
        <v>337786</v>
      </c>
      <c r="DQ32" s="25">
        <v>179032</v>
      </c>
      <c r="DR32" s="28">
        <v>792997</v>
      </c>
      <c r="DS32" s="30">
        <v>792997</v>
      </c>
      <c r="DT32" s="24">
        <v>0</v>
      </c>
      <c r="DU32" s="25">
        <v>0</v>
      </c>
      <c r="DV32" s="26">
        <v>0</v>
      </c>
      <c r="DW32" s="404">
        <v>0</v>
      </c>
      <c r="DX32" s="25">
        <v>0</v>
      </c>
      <c r="DY32" s="25">
        <v>15035</v>
      </c>
      <c r="DZ32" s="25">
        <v>111366</v>
      </c>
      <c r="EA32" s="25">
        <v>189472</v>
      </c>
      <c r="EB32" s="25">
        <v>165943</v>
      </c>
      <c r="EC32" s="28">
        <v>481816</v>
      </c>
      <c r="ED32" s="29">
        <v>481816</v>
      </c>
      <c r="EE32" s="24">
        <v>0</v>
      </c>
      <c r="EF32" s="25">
        <v>0</v>
      </c>
      <c r="EG32" s="26">
        <v>0</v>
      </c>
      <c r="EH32" s="404">
        <v>0</v>
      </c>
      <c r="EI32" s="25">
        <v>217</v>
      </c>
      <c r="EJ32" s="25">
        <v>11532</v>
      </c>
      <c r="EK32" s="25">
        <v>5405</v>
      </c>
      <c r="EL32" s="25">
        <v>13206</v>
      </c>
      <c r="EM32" s="25">
        <v>0</v>
      </c>
      <c r="EN32" s="28">
        <v>30360</v>
      </c>
      <c r="EO32" s="29">
        <v>30360</v>
      </c>
      <c r="EP32" s="24">
        <v>0</v>
      </c>
      <c r="EQ32" s="25">
        <v>0</v>
      </c>
      <c r="ER32" s="26">
        <v>0</v>
      </c>
      <c r="ES32" s="404">
        <v>0</v>
      </c>
      <c r="ET32" s="25">
        <v>0</v>
      </c>
      <c r="EU32" s="25">
        <v>0</v>
      </c>
      <c r="EV32" s="25">
        <v>0</v>
      </c>
      <c r="EW32" s="25">
        <v>0</v>
      </c>
      <c r="EX32" s="25">
        <v>0</v>
      </c>
      <c r="EY32" s="28">
        <v>0</v>
      </c>
      <c r="EZ32" s="29">
        <v>0</v>
      </c>
      <c r="FA32" s="24">
        <v>0</v>
      </c>
      <c r="FB32" s="25">
        <v>0</v>
      </c>
      <c r="FC32" s="26">
        <v>0</v>
      </c>
      <c r="FD32" s="404">
        <v>0</v>
      </c>
      <c r="FE32" s="25">
        <v>0</v>
      </c>
      <c r="FF32" s="25">
        <v>0</v>
      </c>
      <c r="FG32" s="25">
        <v>0</v>
      </c>
      <c r="FH32" s="25">
        <v>0</v>
      </c>
      <c r="FI32" s="25">
        <v>0</v>
      </c>
      <c r="FJ32" s="28">
        <v>0</v>
      </c>
      <c r="FK32" s="29">
        <v>0</v>
      </c>
      <c r="FL32" s="24">
        <v>0</v>
      </c>
      <c r="FM32" s="25">
        <v>0</v>
      </c>
      <c r="FN32" s="26">
        <v>0</v>
      </c>
      <c r="FO32" s="404">
        <v>0</v>
      </c>
      <c r="FP32" s="25">
        <v>0</v>
      </c>
      <c r="FQ32" s="25">
        <v>0</v>
      </c>
      <c r="FR32" s="25">
        <v>99406</v>
      </c>
      <c r="FS32" s="25">
        <v>117380</v>
      </c>
      <c r="FT32" s="25">
        <v>10179</v>
      </c>
      <c r="FU32" s="28">
        <v>226965</v>
      </c>
      <c r="FV32" s="29">
        <v>226965</v>
      </c>
      <c r="FW32" s="24">
        <v>0</v>
      </c>
      <c r="FX32" s="25">
        <v>0</v>
      </c>
      <c r="FY32" s="26">
        <v>0</v>
      </c>
      <c r="FZ32" s="27">
        <v>0</v>
      </c>
      <c r="GA32" s="25">
        <v>0</v>
      </c>
      <c r="GB32" s="25">
        <v>5616</v>
      </c>
      <c r="GC32" s="25">
        <v>27602</v>
      </c>
      <c r="GD32" s="25">
        <v>16522</v>
      </c>
      <c r="GE32" s="25">
        <v>2910</v>
      </c>
      <c r="GF32" s="28">
        <v>52650</v>
      </c>
      <c r="GG32" s="29">
        <v>52650</v>
      </c>
      <c r="GH32" s="24">
        <v>0</v>
      </c>
      <c r="GI32" s="25">
        <v>0</v>
      </c>
      <c r="GJ32" s="26">
        <v>0</v>
      </c>
      <c r="GK32" s="27">
        <v>0</v>
      </c>
      <c r="GL32" s="25">
        <v>0</v>
      </c>
      <c r="GM32" s="25">
        <v>0</v>
      </c>
      <c r="GN32" s="25">
        <v>0</v>
      </c>
      <c r="GO32" s="25">
        <v>1206</v>
      </c>
      <c r="GP32" s="25">
        <v>0</v>
      </c>
      <c r="GQ32" s="28">
        <v>1206</v>
      </c>
      <c r="GR32" s="29">
        <v>1206</v>
      </c>
      <c r="GS32" s="24">
        <v>0</v>
      </c>
      <c r="GT32" s="25">
        <v>0</v>
      </c>
      <c r="GU32" s="26">
        <v>0</v>
      </c>
      <c r="GV32" s="27">
        <v>0</v>
      </c>
      <c r="GW32" s="25">
        <v>0</v>
      </c>
      <c r="GX32" s="25">
        <v>0</v>
      </c>
      <c r="GY32" s="25">
        <v>0</v>
      </c>
      <c r="GZ32" s="25">
        <v>0</v>
      </c>
      <c r="HA32" s="25">
        <v>0</v>
      </c>
      <c r="HB32" s="28">
        <v>0</v>
      </c>
      <c r="HC32" s="29">
        <v>0</v>
      </c>
      <c r="HD32" s="24">
        <v>0</v>
      </c>
      <c r="HE32" s="25">
        <v>0</v>
      </c>
      <c r="HF32" s="26">
        <v>0</v>
      </c>
      <c r="HG32" s="404">
        <v>0</v>
      </c>
      <c r="HH32" s="25">
        <v>0</v>
      </c>
      <c r="HI32" s="25">
        <v>0</v>
      </c>
      <c r="HJ32" s="25">
        <v>0</v>
      </c>
      <c r="HK32" s="25">
        <v>0</v>
      </c>
      <c r="HL32" s="25">
        <v>0</v>
      </c>
      <c r="HM32" s="28">
        <v>0</v>
      </c>
      <c r="HN32" s="29">
        <v>0</v>
      </c>
      <c r="HO32" s="24">
        <v>0</v>
      </c>
      <c r="HP32" s="25">
        <v>0</v>
      </c>
      <c r="HQ32" s="26">
        <v>0</v>
      </c>
      <c r="HR32" s="27">
        <v>0</v>
      </c>
      <c r="HS32" s="25">
        <v>24862</v>
      </c>
      <c r="HT32" s="25">
        <v>95970</v>
      </c>
      <c r="HU32" s="25">
        <v>567114</v>
      </c>
      <c r="HV32" s="25">
        <v>689786</v>
      </c>
      <c r="HW32" s="25">
        <v>393382</v>
      </c>
      <c r="HX32" s="28">
        <v>1771114</v>
      </c>
      <c r="HY32" s="29">
        <v>1771114</v>
      </c>
    </row>
    <row r="33" spans="2:233" ht="21" customHeight="1" x14ac:dyDescent="0.2">
      <c r="B33" s="106" t="s">
        <v>30</v>
      </c>
      <c r="C33" s="24">
        <v>0</v>
      </c>
      <c r="D33" s="25">
        <v>0</v>
      </c>
      <c r="E33" s="26">
        <v>0</v>
      </c>
      <c r="F33" s="27">
        <v>0</v>
      </c>
      <c r="G33" s="25">
        <v>122410</v>
      </c>
      <c r="H33" s="25">
        <v>45070</v>
      </c>
      <c r="I33" s="25">
        <v>391640</v>
      </c>
      <c r="J33" s="25">
        <v>298635</v>
      </c>
      <c r="K33" s="25">
        <v>189600</v>
      </c>
      <c r="L33" s="28">
        <v>1047355</v>
      </c>
      <c r="M33" s="29">
        <v>1047355</v>
      </c>
      <c r="N33" s="24">
        <v>0</v>
      </c>
      <c r="O33" s="25">
        <v>0</v>
      </c>
      <c r="P33" s="26">
        <v>0</v>
      </c>
      <c r="Q33" s="404">
        <v>0</v>
      </c>
      <c r="R33" s="25">
        <v>0</v>
      </c>
      <c r="S33" s="25">
        <v>2635</v>
      </c>
      <c r="T33" s="25">
        <v>319150</v>
      </c>
      <c r="U33" s="25">
        <v>271950</v>
      </c>
      <c r="V33" s="25">
        <v>149885</v>
      </c>
      <c r="W33" s="28">
        <v>743620</v>
      </c>
      <c r="X33" s="29">
        <v>743620</v>
      </c>
      <c r="Y33" s="24">
        <v>0</v>
      </c>
      <c r="Z33" s="25">
        <v>0</v>
      </c>
      <c r="AA33" s="26">
        <v>0</v>
      </c>
      <c r="AB33" s="404">
        <v>0</v>
      </c>
      <c r="AC33" s="25">
        <v>119945</v>
      </c>
      <c r="AD33" s="25">
        <v>29915</v>
      </c>
      <c r="AE33" s="25">
        <v>65410</v>
      </c>
      <c r="AF33" s="25">
        <v>26685</v>
      </c>
      <c r="AG33" s="25">
        <v>2635</v>
      </c>
      <c r="AH33" s="28">
        <v>244590</v>
      </c>
      <c r="AI33" s="29">
        <v>244590</v>
      </c>
      <c r="AJ33" s="24">
        <v>0</v>
      </c>
      <c r="AK33" s="25">
        <v>0</v>
      </c>
      <c r="AL33" s="26">
        <v>0</v>
      </c>
      <c r="AM33" s="404">
        <v>0</v>
      </c>
      <c r="AN33" s="25">
        <v>0</v>
      </c>
      <c r="AO33" s="25">
        <v>0</v>
      </c>
      <c r="AP33" s="25">
        <v>0</v>
      </c>
      <c r="AQ33" s="25">
        <v>0</v>
      </c>
      <c r="AR33" s="25">
        <v>0</v>
      </c>
      <c r="AS33" s="28">
        <v>0</v>
      </c>
      <c r="AT33" s="29">
        <v>0</v>
      </c>
      <c r="AU33" s="24">
        <v>0</v>
      </c>
      <c r="AV33" s="25">
        <v>0</v>
      </c>
      <c r="AW33" s="26">
        <v>0</v>
      </c>
      <c r="AX33" s="404">
        <v>0</v>
      </c>
      <c r="AY33" s="25">
        <v>0</v>
      </c>
      <c r="AZ33" s="25">
        <v>0</v>
      </c>
      <c r="BA33" s="25">
        <v>0</v>
      </c>
      <c r="BB33" s="25">
        <v>0</v>
      </c>
      <c r="BC33" s="25">
        <v>35495</v>
      </c>
      <c r="BD33" s="28">
        <v>35495</v>
      </c>
      <c r="BE33" s="29">
        <v>35495</v>
      </c>
      <c r="BF33" s="24">
        <v>0</v>
      </c>
      <c r="BG33" s="25">
        <v>0</v>
      </c>
      <c r="BH33" s="26">
        <v>0</v>
      </c>
      <c r="BI33" s="404">
        <v>0</v>
      </c>
      <c r="BJ33" s="25">
        <v>0</v>
      </c>
      <c r="BK33" s="25">
        <v>0</v>
      </c>
      <c r="BL33" s="25">
        <v>0</v>
      </c>
      <c r="BM33" s="25">
        <v>0</v>
      </c>
      <c r="BN33" s="25">
        <v>0</v>
      </c>
      <c r="BO33" s="28">
        <v>0</v>
      </c>
      <c r="BP33" s="29">
        <v>0</v>
      </c>
      <c r="BQ33" s="24">
        <v>0</v>
      </c>
      <c r="BR33" s="25">
        <v>0</v>
      </c>
      <c r="BS33" s="26">
        <v>0</v>
      </c>
      <c r="BT33" s="27">
        <v>0</v>
      </c>
      <c r="BU33" s="25">
        <v>0</v>
      </c>
      <c r="BV33" s="25">
        <v>12520</v>
      </c>
      <c r="BW33" s="25">
        <v>7080</v>
      </c>
      <c r="BX33" s="25">
        <v>0</v>
      </c>
      <c r="BY33" s="25">
        <v>1585</v>
      </c>
      <c r="BZ33" s="28">
        <v>21185</v>
      </c>
      <c r="CA33" s="29">
        <v>21185</v>
      </c>
      <c r="CB33" s="24">
        <v>0</v>
      </c>
      <c r="CC33" s="25">
        <v>0</v>
      </c>
      <c r="CD33" s="26">
        <v>0</v>
      </c>
      <c r="CE33" s="27">
        <v>0</v>
      </c>
      <c r="CF33" s="25">
        <v>2465</v>
      </c>
      <c r="CG33" s="25">
        <v>0</v>
      </c>
      <c r="CH33" s="25">
        <v>0</v>
      </c>
      <c r="CI33" s="25">
        <v>0</v>
      </c>
      <c r="CJ33" s="25">
        <v>0</v>
      </c>
      <c r="CK33" s="28">
        <v>2465</v>
      </c>
      <c r="CL33" s="29">
        <v>2465</v>
      </c>
      <c r="CM33" s="24">
        <v>0</v>
      </c>
      <c r="CN33" s="25">
        <v>0</v>
      </c>
      <c r="CO33" s="26">
        <v>0</v>
      </c>
      <c r="CP33" s="27">
        <v>0</v>
      </c>
      <c r="CQ33" s="25">
        <v>0</v>
      </c>
      <c r="CR33" s="25">
        <v>0</v>
      </c>
      <c r="CS33" s="25">
        <v>0</v>
      </c>
      <c r="CT33" s="25">
        <v>0</v>
      </c>
      <c r="CU33" s="25">
        <v>0</v>
      </c>
      <c r="CV33" s="28">
        <v>0</v>
      </c>
      <c r="CW33" s="29">
        <v>0</v>
      </c>
      <c r="CX33" s="24">
        <v>0</v>
      </c>
      <c r="CY33" s="25">
        <v>0</v>
      </c>
      <c r="CZ33" s="26">
        <v>0</v>
      </c>
      <c r="DA33" s="404">
        <v>0</v>
      </c>
      <c r="DB33" s="25">
        <v>0</v>
      </c>
      <c r="DC33" s="25">
        <v>0</v>
      </c>
      <c r="DD33" s="25">
        <v>0</v>
      </c>
      <c r="DE33" s="25">
        <v>0</v>
      </c>
      <c r="DF33" s="25">
        <v>0</v>
      </c>
      <c r="DG33" s="28">
        <v>0</v>
      </c>
      <c r="DH33" s="29">
        <v>0</v>
      </c>
      <c r="DI33" s="24">
        <v>0</v>
      </c>
      <c r="DJ33" s="25">
        <v>0</v>
      </c>
      <c r="DK33" s="26">
        <v>0</v>
      </c>
      <c r="DL33" s="27">
        <v>0</v>
      </c>
      <c r="DM33" s="25">
        <v>35015</v>
      </c>
      <c r="DN33" s="25">
        <v>45142</v>
      </c>
      <c r="DO33" s="25">
        <v>400005</v>
      </c>
      <c r="DP33" s="25">
        <v>381173</v>
      </c>
      <c r="DQ33" s="25">
        <v>186317</v>
      </c>
      <c r="DR33" s="28">
        <v>1047652</v>
      </c>
      <c r="DS33" s="30">
        <v>1047652</v>
      </c>
      <c r="DT33" s="24">
        <v>0</v>
      </c>
      <c r="DU33" s="25">
        <v>0</v>
      </c>
      <c r="DV33" s="26">
        <v>0</v>
      </c>
      <c r="DW33" s="404">
        <v>0</v>
      </c>
      <c r="DX33" s="25">
        <v>0</v>
      </c>
      <c r="DY33" s="25">
        <v>21576</v>
      </c>
      <c r="DZ33" s="25">
        <v>369986</v>
      </c>
      <c r="EA33" s="25">
        <v>380788</v>
      </c>
      <c r="EB33" s="25">
        <v>170128</v>
      </c>
      <c r="EC33" s="28">
        <v>942478</v>
      </c>
      <c r="ED33" s="29">
        <v>942478</v>
      </c>
      <c r="EE33" s="24">
        <v>0</v>
      </c>
      <c r="EF33" s="25">
        <v>0</v>
      </c>
      <c r="EG33" s="26">
        <v>0</v>
      </c>
      <c r="EH33" s="404">
        <v>0</v>
      </c>
      <c r="EI33" s="25">
        <v>34889</v>
      </c>
      <c r="EJ33" s="25">
        <v>10664</v>
      </c>
      <c r="EK33" s="25">
        <v>434</v>
      </c>
      <c r="EL33" s="25">
        <v>385</v>
      </c>
      <c r="EM33" s="25">
        <v>217</v>
      </c>
      <c r="EN33" s="28">
        <v>46589</v>
      </c>
      <c r="EO33" s="29">
        <v>46589</v>
      </c>
      <c r="EP33" s="24">
        <v>0</v>
      </c>
      <c r="EQ33" s="25">
        <v>0</v>
      </c>
      <c r="ER33" s="26">
        <v>0</v>
      </c>
      <c r="ES33" s="404">
        <v>0</v>
      </c>
      <c r="ET33" s="25">
        <v>0</v>
      </c>
      <c r="EU33" s="25">
        <v>0</v>
      </c>
      <c r="EV33" s="25">
        <v>0</v>
      </c>
      <c r="EW33" s="25">
        <v>0</v>
      </c>
      <c r="EX33" s="25">
        <v>0</v>
      </c>
      <c r="EY33" s="28">
        <v>0</v>
      </c>
      <c r="EZ33" s="29">
        <v>0</v>
      </c>
      <c r="FA33" s="24">
        <v>0</v>
      </c>
      <c r="FB33" s="25">
        <v>0</v>
      </c>
      <c r="FC33" s="26">
        <v>0</v>
      </c>
      <c r="FD33" s="404">
        <v>0</v>
      </c>
      <c r="FE33" s="25">
        <v>0</v>
      </c>
      <c r="FF33" s="25">
        <v>0</v>
      </c>
      <c r="FG33" s="25">
        <v>0</v>
      </c>
      <c r="FH33" s="25">
        <v>0</v>
      </c>
      <c r="FI33" s="25">
        <v>13547</v>
      </c>
      <c r="FJ33" s="28">
        <v>13547</v>
      </c>
      <c r="FK33" s="29">
        <v>13547</v>
      </c>
      <c r="FL33" s="24">
        <v>0</v>
      </c>
      <c r="FM33" s="25">
        <v>0</v>
      </c>
      <c r="FN33" s="26">
        <v>0</v>
      </c>
      <c r="FO33" s="404">
        <v>0</v>
      </c>
      <c r="FP33" s="25">
        <v>0</v>
      </c>
      <c r="FQ33" s="25">
        <v>0</v>
      </c>
      <c r="FR33" s="25">
        <v>0</v>
      </c>
      <c r="FS33" s="25">
        <v>0</v>
      </c>
      <c r="FT33" s="25">
        <v>0</v>
      </c>
      <c r="FU33" s="28">
        <v>0</v>
      </c>
      <c r="FV33" s="29">
        <v>0</v>
      </c>
      <c r="FW33" s="24">
        <v>0</v>
      </c>
      <c r="FX33" s="25">
        <v>0</v>
      </c>
      <c r="FY33" s="26">
        <v>0</v>
      </c>
      <c r="FZ33" s="27">
        <v>0</v>
      </c>
      <c r="GA33" s="25">
        <v>0</v>
      </c>
      <c r="GB33" s="25">
        <v>12902</v>
      </c>
      <c r="GC33" s="25">
        <v>29585</v>
      </c>
      <c r="GD33" s="25">
        <v>0</v>
      </c>
      <c r="GE33" s="25">
        <v>2425</v>
      </c>
      <c r="GF33" s="28">
        <v>44912</v>
      </c>
      <c r="GG33" s="29">
        <v>44912</v>
      </c>
      <c r="GH33" s="24">
        <v>0</v>
      </c>
      <c r="GI33" s="25">
        <v>0</v>
      </c>
      <c r="GJ33" s="26">
        <v>0</v>
      </c>
      <c r="GK33" s="27">
        <v>0</v>
      </c>
      <c r="GL33" s="25">
        <v>126</v>
      </c>
      <c r="GM33" s="25">
        <v>0</v>
      </c>
      <c r="GN33" s="25">
        <v>0</v>
      </c>
      <c r="GO33" s="25">
        <v>0</v>
      </c>
      <c r="GP33" s="25">
        <v>0</v>
      </c>
      <c r="GQ33" s="28">
        <v>126</v>
      </c>
      <c r="GR33" s="29">
        <v>126</v>
      </c>
      <c r="GS33" s="24">
        <v>0</v>
      </c>
      <c r="GT33" s="25">
        <v>0</v>
      </c>
      <c r="GU33" s="26">
        <v>0</v>
      </c>
      <c r="GV33" s="27">
        <v>0</v>
      </c>
      <c r="GW33" s="25">
        <v>0</v>
      </c>
      <c r="GX33" s="25">
        <v>0</v>
      </c>
      <c r="GY33" s="25">
        <v>0</v>
      </c>
      <c r="GZ33" s="25">
        <v>0</v>
      </c>
      <c r="HA33" s="25">
        <v>0</v>
      </c>
      <c r="HB33" s="28">
        <v>0</v>
      </c>
      <c r="HC33" s="29">
        <v>0</v>
      </c>
      <c r="HD33" s="24">
        <v>0</v>
      </c>
      <c r="HE33" s="25">
        <v>0</v>
      </c>
      <c r="HF33" s="26">
        <v>0</v>
      </c>
      <c r="HG33" s="404">
        <v>0</v>
      </c>
      <c r="HH33" s="25">
        <v>0</v>
      </c>
      <c r="HI33" s="25">
        <v>0</v>
      </c>
      <c r="HJ33" s="25">
        <v>0</v>
      </c>
      <c r="HK33" s="25">
        <v>0</v>
      </c>
      <c r="HL33" s="25">
        <v>0</v>
      </c>
      <c r="HM33" s="28">
        <v>0</v>
      </c>
      <c r="HN33" s="29">
        <v>0</v>
      </c>
      <c r="HO33" s="24">
        <v>0</v>
      </c>
      <c r="HP33" s="25">
        <v>0</v>
      </c>
      <c r="HQ33" s="26">
        <v>0</v>
      </c>
      <c r="HR33" s="27">
        <v>0</v>
      </c>
      <c r="HS33" s="25">
        <v>157425</v>
      </c>
      <c r="HT33" s="25">
        <v>90212</v>
      </c>
      <c r="HU33" s="25">
        <v>791645</v>
      </c>
      <c r="HV33" s="25">
        <v>679808</v>
      </c>
      <c r="HW33" s="25">
        <v>375917</v>
      </c>
      <c r="HX33" s="28">
        <v>2095007</v>
      </c>
      <c r="HY33" s="29">
        <v>2095007</v>
      </c>
    </row>
    <row r="34" spans="2:233" ht="21" customHeight="1" x14ac:dyDescent="0.2">
      <c r="B34" s="106" t="s">
        <v>31</v>
      </c>
      <c r="C34" s="24">
        <v>0</v>
      </c>
      <c r="D34" s="25">
        <v>0</v>
      </c>
      <c r="E34" s="26">
        <v>0</v>
      </c>
      <c r="F34" s="27">
        <v>0</v>
      </c>
      <c r="G34" s="25">
        <v>41335</v>
      </c>
      <c r="H34" s="25">
        <v>103450</v>
      </c>
      <c r="I34" s="25">
        <v>205555</v>
      </c>
      <c r="J34" s="25">
        <v>220045</v>
      </c>
      <c r="K34" s="25">
        <v>171800</v>
      </c>
      <c r="L34" s="28">
        <v>742185</v>
      </c>
      <c r="M34" s="29">
        <v>742185</v>
      </c>
      <c r="N34" s="24">
        <v>0</v>
      </c>
      <c r="O34" s="25">
        <v>0</v>
      </c>
      <c r="P34" s="26">
        <v>0</v>
      </c>
      <c r="Q34" s="404">
        <v>0</v>
      </c>
      <c r="R34" s="25">
        <v>5270</v>
      </c>
      <c r="S34" s="25">
        <v>29915</v>
      </c>
      <c r="T34" s="25">
        <v>179335</v>
      </c>
      <c r="U34" s="25">
        <v>118305</v>
      </c>
      <c r="V34" s="25">
        <v>136460</v>
      </c>
      <c r="W34" s="28">
        <v>469285</v>
      </c>
      <c r="X34" s="29">
        <v>469285</v>
      </c>
      <c r="Y34" s="24">
        <v>0</v>
      </c>
      <c r="Z34" s="25">
        <v>0</v>
      </c>
      <c r="AA34" s="26">
        <v>0</v>
      </c>
      <c r="AB34" s="404">
        <v>0</v>
      </c>
      <c r="AC34" s="25">
        <v>2635</v>
      </c>
      <c r="AD34" s="25">
        <v>51925</v>
      </c>
      <c r="AE34" s="25">
        <v>17085</v>
      </c>
      <c r="AF34" s="25">
        <v>98115</v>
      </c>
      <c r="AG34" s="25">
        <v>2635</v>
      </c>
      <c r="AH34" s="28">
        <v>172395</v>
      </c>
      <c r="AI34" s="29">
        <v>172395</v>
      </c>
      <c r="AJ34" s="24">
        <v>0</v>
      </c>
      <c r="AK34" s="25">
        <v>0</v>
      </c>
      <c r="AL34" s="26">
        <v>0</v>
      </c>
      <c r="AM34" s="404">
        <v>0</v>
      </c>
      <c r="AN34" s="25">
        <v>0</v>
      </c>
      <c r="AO34" s="25">
        <v>0</v>
      </c>
      <c r="AP34" s="25">
        <v>0</v>
      </c>
      <c r="AQ34" s="25">
        <v>0</v>
      </c>
      <c r="AR34" s="25">
        <v>0</v>
      </c>
      <c r="AS34" s="28">
        <v>0</v>
      </c>
      <c r="AT34" s="29">
        <v>0</v>
      </c>
      <c r="AU34" s="24">
        <v>0</v>
      </c>
      <c r="AV34" s="25">
        <v>0</v>
      </c>
      <c r="AW34" s="26">
        <v>0</v>
      </c>
      <c r="AX34" s="404">
        <v>0</v>
      </c>
      <c r="AY34" s="25">
        <v>32705</v>
      </c>
      <c r="AZ34" s="25">
        <v>0</v>
      </c>
      <c r="BA34" s="25">
        <v>0</v>
      </c>
      <c r="BB34" s="25">
        <v>0</v>
      </c>
      <c r="BC34" s="25">
        <v>32705</v>
      </c>
      <c r="BD34" s="28">
        <v>65410</v>
      </c>
      <c r="BE34" s="29">
        <v>65410</v>
      </c>
      <c r="BF34" s="24">
        <v>0</v>
      </c>
      <c r="BG34" s="25">
        <v>0</v>
      </c>
      <c r="BH34" s="26">
        <v>0</v>
      </c>
      <c r="BI34" s="404">
        <v>0</v>
      </c>
      <c r="BJ34" s="25">
        <v>0</v>
      </c>
      <c r="BK34" s="25">
        <v>0</v>
      </c>
      <c r="BL34" s="25">
        <v>0</v>
      </c>
      <c r="BM34" s="25">
        <v>0</v>
      </c>
      <c r="BN34" s="25">
        <v>0</v>
      </c>
      <c r="BO34" s="28">
        <v>0</v>
      </c>
      <c r="BP34" s="29">
        <v>0</v>
      </c>
      <c r="BQ34" s="24">
        <v>0</v>
      </c>
      <c r="BR34" s="25">
        <v>0</v>
      </c>
      <c r="BS34" s="26">
        <v>0</v>
      </c>
      <c r="BT34" s="27">
        <v>0</v>
      </c>
      <c r="BU34" s="25">
        <v>725</v>
      </c>
      <c r="BV34" s="25">
        <v>21610</v>
      </c>
      <c r="BW34" s="25">
        <v>8120</v>
      </c>
      <c r="BX34" s="25">
        <v>3625</v>
      </c>
      <c r="BY34" s="25">
        <v>0</v>
      </c>
      <c r="BZ34" s="28">
        <v>34080</v>
      </c>
      <c r="CA34" s="29">
        <v>34080</v>
      </c>
      <c r="CB34" s="24">
        <v>0</v>
      </c>
      <c r="CC34" s="25">
        <v>0</v>
      </c>
      <c r="CD34" s="26">
        <v>0</v>
      </c>
      <c r="CE34" s="27">
        <v>0</v>
      </c>
      <c r="CF34" s="25">
        <v>0</v>
      </c>
      <c r="CG34" s="25">
        <v>0</v>
      </c>
      <c r="CH34" s="25">
        <v>1015</v>
      </c>
      <c r="CI34" s="25">
        <v>0</v>
      </c>
      <c r="CJ34" s="25">
        <v>0</v>
      </c>
      <c r="CK34" s="28">
        <v>1015</v>
      </c>
      <c r="CL34" s="29">
        <v>1015</v>
      </c>
      <c r="CM34" s="24">
        <v>0</v>
      </c>
      <c r="CN34" s="25">
        <v>0</v>
      </c>
      <c r="CO34" s="26">
        <v>0</v>
      </c>
      <c r="CP34" s="27">
        <v>0</v>
      </c>
      <c r="CQ34" s="25">
        <v>0</v>
      </c>
      <c r="CR34" s="25">
        <v>0</v>
      </c>
      <c r="CS34" s="25">
        <v>0</v>
      </c>
      <c r="CT34" s="25">
        <v>0</v>
      </c>
      <c r="CU34" s="25">
        <v>0</v>
      </c>
      <c r="CV34" s="28">
        <v>0</v>
      </c>
      <c r="CW34" s="29">
        <v>0</v>
      </c>
      <c r="CX34" s="24">
        <v>0</v>
      </c>
      <c r="CY34" s="25">
        <v>0</v>
      </c>
      <c r="CZ34" s="26">
        <v>0</v>
      </c>
      <c r="DA34" s="404">
        <v>0</v>
      </c>
      <c r="DB34" s="25">
        <v>0</v>
      </c>
      <c r="DC34" s="25">
        <v>0</v>
      </c>
      <c r="DD34" s="25">
        <v>0</v>
      </c>
      <c r="DE34" s="25">
        <v>0</v>
      </c>
      <c r="DF34" s="25">
        <v>0</v>
      </c>
      <c r="DG34" s="28">
        <v>0</v>
      </c>
      <c r="DH34" s="29">
        <v>0</v>
      </c>
      <c r="DI34" s="24">
        <v>0</v>
      </c>
      <c r="DJ34" s="25">
        <v>0</v>
      </c>
      <c r="DK34" s="26">
        <v>0</v>
      </c>
      <c r="DL34" s="27">
        <v>0</v>
      </c>
      <c r="DM34" s="25">
        <v>39151</v>
      </c>
      <c r="DN34" s="25">
        <v>62955</v>
      </c>
      <c r="DO34" s="25">
        <v>251749</v>
      </c>
      <c r="DP34" s="25">
        <v>155113</v>
      </c>
      <c r="DQ34" s="25">
        <v>217912</v>
      </c>
      <c r="DR34" s="28">
        <v>726880</v>
      </c>
      <c r="DS34" s="30">
        <v>726880</v>
      </c>
      <c r="DT34" s="24">
        <v>0</v>
      </c>
      <c r="DU34" s="25">
        <v>0</v>
      </c>
      <c r="DV34" s="26">
        <v>0</v>
      </c>
      <c r="DW34" s="404">
        <v>0</v>
      </c>
      <c r="DX34" s="25">
        <v>36611</v>
      </c>
      <c r="DY34" s="25">
        <v>45105</v>
      </c>
      <c r="DZ34" s="25">
        <v>224254</v>
      </c>
      <c r="EA34" s="25">
        <v>145336</v>
      </c>
      <c r="EB34" s="25">
        <v>209281</v>
      </c>
      <c r="EC34" s="28">
        <v>660587</v>
      </c>
      <c r="ED34" s="29">
        <v>660587</v>
      </c>
      <c r="EE34" s="24">
        <v>0</v>
      </c>
      <c r="EF34" s="25">
        <v>0</v>
      </c>
      <c r="EG34" s="26">
        <v>0</v>
      </c>
      <c r="EH34" s="404">
        <v>0</v>
      </c>
      <c r="EI34" s="25">
        <v>217</v>
      </c>
      <c r="EJ34" s="25">
        <v>651</v>
      </c>
      <c r="EK34" s="25">
        <v>1428</v>
      </c>
      <c r="EL34" s="25">
        <v>651</v>
      </c>
      <c r="EM34" s="25">
        <v>217</v>
      </c>
      <c r="EN34" s="28">
        <v>3164</v>
      </c>
      <c r="EO34" s="29">
        <v>3164</v>
      </c>
      <c r="EP34" s="24">
        <v>0</v>
      </c>
      <c r="EQ34" s="25">
        <v>0</v>
      </c>
      <c r="ER34" s="26">
        <v>0</v>
      </c>
      <c r="ES34" s="404">
        <v>0</v>
      </c>
      <c r="ET34" s="25">
        <v>0</v>
      </c>
      <c r="EU34" s="25">
        <v>0</v>
      </c>
      <c r="EV34" s="25">
        <v>0</v>
      </c>
      <c r="EW34" s="25">
        <v>0</v>
      </c>
      <c r="EX34" s="25">
        <v>0</v>
      </c>
      <c r="EY34" s="28">
        <v>0</v>
      </c>
      <c r="EZ34" s="29">
        <v>0</v>
      </c>
      <c r="FA34" s="24">
        <v>0</v>
      </c>
      <c r="FB34" s="25">
        <v>0</v>
      </c>
      <c r="FC34" s="26">
        <v>0</v>
      </c>
      <c r="FD34" s="404">
        <v>0</v>
      </c>
      <c r="FE34" s="25">
        <v>217</v>
      </c>
      <c r="FF34" s="25">
        <v>0</v>
      </c>
      <c r="FG34" s="25">
        <v>0</v>
      </c>
      <c r="FH34" s="25">
        <v>0</v>
      </c>
      <c r="FI34" s="25">
        <v>8414</v>
      </c>
      <c r="FJ34" s="28">
        <v>8631</v>
      </c>
      <c r="FK34" s="29">
        <v>8631</v>
      </c>
      <c r="FL34" s="24">
        <v>0</v>
      </c>
      <c r="FM34" s="25">
        <v>0</v>
      </c>
      <c r="FN34" s="26">
        <v>0</v>
      </c>
      <c r="FO34" s="404">
        <v>0</v>
      </c>
      <c r="FP34" s="25">
        <v>0</v>
      </c>
      <c r="FQ34" s="25">
        <v>0</v>
      </c>
      <c r="FR34" s="25">
        <v>0</v>
      </c>
      <c r="FS34" s="25">
        <v>0</v>
      </c>
      <c r="FT34" s="25">
        <v>0</v>
      </c>
      <c r="FU34" s="28">
        <v>0</v>
      </c>
      <c r="FV34" s="29">
        <v>0</v>
      </c>
      <c r="FW34" s="24">
        <v>0</v>
      </c>
      <c r="FX34" s="25">
        <v>0</v>
      </c>
      <c r="FY34" s="26">
        <v>0</v>
      </c>
      <c r="FZ34" s="27">
        <v>0</v>
      </c>
      <c r="GA34" s="25">
        <v>2106</v>
      </c>
      <c r="GB34" s="25">
        <v>17199</v>
      </c>
      <c r="GC34" s="25">
        <v>26018</v>
      </c>
      <c r="GD34" s="25">
        <v>9126</v>
      </c>
      <c r="GE34" s="25">
        <v>0</v>
      </c>
      <c r="GF34" s="28">
        <v>54449</v>
      </c>
      <c r="GG34" s="29">
        <v>54449</v>
      </c>
      <c r="GH34" s="24">
        <v>0</v>
      </c>
      <c r="GI34" s="25">
        <v>0</v>
      </c>
      <c r="GJ34" s="26">
        <v>0</v>
      </c>
      <c r="GK34" s="27">
        <v>0</v>
      </c>
      <c r="GL34" s="25">
        <v>0</v>
      </c>
      <c r="GM34" s="25">
        <v>0</v>
      </c>
      <c r="GN34" s="25">
        <v>49</v>
      </c>
      <c r="GO34" s="25">
        <v>0</v>
      </c>
      <c r="GP34" s="25">
        <v>0</v>
      </c>
      <c r="GQ34" s="28">
        <v>49</v>
      </c>
      <c r="GR34" s="29">
        <v>49</v>
      </c>
      <c r="GS34" s="24">
        <v>0</v>
      </c>
      <c r="GT34" s="25">
        <v>0</v>
      </c>
      <c r="GU34" s="26">
        <v>0</v>
      </c>
      <c r="GV34" s="27">
        <v>0</v>
      </c>
      <c r="GW34" s="25">
        <v>0</v>
      </c>
      <c r="GX34" s="25">
        <v>0</v>
      </c>
      <c r="GY34" s="25">
        <v>0</v>
      </c>
      <c r="GZ34" s="25">
        <v>0</v>
      </c>
      <c r="HA34" s="25">
        <v>0</v>
      </c>
      <c r="HB34" s="28">
        <v>0</v>
      </c>
      <c r="HC34" s="29">
        <v>0</v>
      </c>
      <c r="HD34" s="24">
        <v>0</v>
      </c>
      <c r="HE34" s="25">
        <v>0</v>
      </c>
      <c r="HF34" s="26">
        <v>0</v>
      </c>
      <c r="HG34" s="404">
        <v>0</v>
      </c>
      <c r="HH34" s="25">
        <v>0</v>
      </c>
      <c r="HI34" s="25">
        <v>0</v>
      </c>
      <c r="HJ34" s="25">
        <v>0</v>
      </c>
      <c r="HK34" s="25">
        <v>0</v>
      </c>
      <c r="HL34" s="25">
        <v>0</v>
      </c>
      <c r="HM34" s="28">
        <v>0</v>
      </c>
      <c r="HN34" s="29">
        <v>0</v>
      </c>
      <c r="HO34" s="24">
        <v>0</v>
      </c>
      <c r="HP34" s="25">
        <v>0</v>
      </c>
      <c r="HQ34" s="26">
        <v>0</v>
      </c>
      <c r="HR34" s="27">
        <v>0</v>
      </c>
      <c r="HS34" s="25">
        <v>80486</v>
      </c>
      <c r="HT34" s="25">
        <v>166405</v>
      </c>
      <c r="HU34" s="25">
        <v>457304</v>
      </c>
      <c r="HV34" s="25">
        <v>375158</v>
      </c>
      <c r="HW34" s="25">
        <v>389712</v>
      </c>
      <c r="HX34" s="28">
        <v>1469065</v>
      </c>
      <c r="HY34" s="29">
        <v>1469065</v>
      </c>
    </row>
    <row r="35" spans="2:233" ht="21" customHeight="1" x14ac:dyDescent="0.2">
      <c r="B35" s="106" t="s">
        <v>32</v>
      </c>
      <c r="C35" s="24">
        <v>0</v>
      </c>
      <c r="D35" s="25">
        <v>145</v>
      </c>
      <c r="E35" s="26">
        <v>145</v>
      </c>
      <c r="F35" s="27">
        <v>0</v>
      </c>
      <c r="G35" s="25">
        <v>36065</v>
      </c>
      <c r="H35" s="25">
        <v>157430</v>
      </c>
      <c r="I35" s="25">
        <v>208695</v>
      </c>
      <c r="J35" s="25">
        <v>519120</v>
      </c>
      <c r="K35" s="25">
        <v>271735</v>
      </c>
      <c r="L35" s="28">
        <v>1193045</v>
      </c>
      <c r="M35" s="29">
        <v>1193190</v>
      </c>
      <c r="N35" s="24">
        <v>0</v>
      </c>
      <c r="O35" s="25">
        <v>0</v>
      </c>
      <c r="P35" s="26">
        <v>0</v>
      </c>
      <c r="Q35" s="404">
        <v>0</v>
      </c>
      <c r="R35" s="25">
        <v>0</v>
      </c>
      <c r="S35" s="25">
        <v>0</v>
      </c>
      <c r="T35" s="25">
        <v>65240</v>
      </c>
      <c r="U35" s="25">
        <v>301670</v>
      </c>
      <c r="V35" s="25">
        <v>204765</v>
      </c>
      <c r="W35" s="28">
        <v>571675</v>
      </c>
      <c r="X35" s="29">
        <v>571675</v>
      </c>
      <c r="Y35" s="24">
        <v>0</v>
      </c>
      <c r="Z35" s="25">
        <v>0</v>
      </c>
      <c r="AA35" s="26">
        <v>0</v>
      </c>
      <c r="AB35" s="404">
        <v>0</v>
      </c>
      <c r="AC35" s="25">
        <v>35340</v>
      </c>
      <c r="AD35" s="25">
        <v>156995</v>
      </c>
      <c r="AE35" s="25">
        <v>7905</v>
      </c>
      <c r="AF35" s="25">
        <v>182280</v>
      </c>
      <c r="AG35" s="25">
        <v>0</v>
      </c>
      <c r="AH35" s="28">
        <v>382520</v>
      </c>
      <c r="AI35" s="29">
        <v>382520</v>
      </c>
      <c r="AJ35" s="24">
        <v>0</v>
      </c>
      <c r="AK35" s="25">
        <v>0</v>
      </c>
      <c r="AL35" s="26">
        <v>0</v>
      </c>
      <c r="AM35" s="404">
        <v>0</v>
      </c>
      <c r="AN35" s="25">
        <v>0</v>
      </c>
      <c r="AO35" s="25">
        <v>0</v>
      </c>
      <c r="AP35" s="25">
        <v>0</v>
      </c>
      <c r="AQ35" s="25">
        <v>0</v>
      </c>
      <c r="AR35" s="25">
        <v>0</v>
      </c>
      <c r="AS35" s="28">
        <v>0</v>
      </c>
      <c r="AT35" s="29">
        <v>0</v>
      </c>
      <c r="AU35" s="24">
        <v>0</v>
      </c>
      <c r="AV35" s="25">
        <v>0</v>
      </c>
      <c r="AW35" s="26">
        <v>0</v>
      </c>
      <c r="AX35" s="404">
        <v>0</v>
      </c>
      <c r="AY35" s="25">
        <v>0</v>
      </c>
      <c r="AZ35" s="25">
        <v>0</v>
      </c>
      <c r="BA35" s="25">
        <v>0</v>
      </c>
      <c r="BB35" s="25">
        <v>0</v>
      </c>
      <c r="BC35" s="25">
        <v>32705</v>
      </c>
      <c r="BD35" s="28">
        <v>32705</v>
      </c>
      <c r="BE35" s="29">
        <v>32705</v>
      </c>
      <c r="BF35" s="24">
        <v>0</v>
      </c>
      <c r="BG35" s="25">
        <v>0</v>
      </c>
      <c r="BH35" s="26">
        <v>0</v>
      </c>
      <c r="BI35" s="404">
        <v>0</v>
      </c>
      <c r="BJ35" s="25">
        <v>0</v>
      </c>
      <c r="BK35" s="25">
        <v>0</v>
      </c>
      <c r="BL35" s="25">
        <v>133455</v>
      </c>
      <c r="BM35" s="25">
        <v>35170</v>
      </c>
      <c r="BN35" s="25">
        <v>29915</v>
      </c>
      <c r="BO35" s="28">
        <v>198540</v>
      </c>
      <c r="BP35" s="29">
        <v>198540</v>
      </c>
      <c r="BQ35" s="24">
        <v>0</v>
      </c>
      <c r="BR35" s="25">
        <v>145</v>
      </c>
      <c r="BS35" s="26">
        <v>145</v>
      </c>
      <c r="BT35" s="27">
        <v>0</v>
      </c>
      <c r="BU35" s="25">
        <v>725</v>
      </c>
      <c r="BV35" s="25">
        <v>0</v>
      </c>
      <c r="BW35" s="25">
        <v>2095</v>
      </c>
      <c r="BX35" s="25">
        <v>0</v>
      </c>
      <c r="BY35" s="25">
        <v>4350</v>
      </c>
      <c r="BZ35" s="28">
        <v>7170</v>
      </c>
      <c r="CA35" s="29">
        <v>7315</v>
      </c>
      <c r="CB35" s="24">
        <v>0</v>
      </c>
      <c r="CC35" s="25">
        <v>0</v>
      </c>
      <c r="CD35" s="26">
        <v>0</v>
      </c>
      <c r="CE35" s="27">
        <v>0</v>
      </c>
      <c r="CF35" s="25">
        <v>0</v>
      </c>
      <c r="CG35" s="25">
        <v>435</v>
      </c>
      <c r="CH35" s="25">
        <v>0</v>
      </c>
      <c r="CI35" s="25">
        <v>0</v>
      </c>
      <c r="CJ35" s="25">
        <v>0</v>
      </c>
      <c r="CK35" s="28">
        <v>435</v>
      </c>
      <c r="CL35" s="29">
        <v>435</v>
      </c>
      <c r="CM35" s="24">
        <v>0</v>
      </c>
      <c r="CN35" s="25">
        <v>0</v>
      </c>
      <c r="CO35" s="26">
        <v>0</v>
      </c>
      <c r="CP35" s="27">
        <v>0</v>
      </c>
      <c r="CQ35" s="25">
        <v>0</v>
      </c>
      <c r="CR35" s="25">
        <v>0</v>
      </c>
      <c r="CS35" s="25">
        <v>0</v>
      </c>
      <c r="CT35" s="25">
        <v>0</v>
      </c>
      <c r="CU35" s="25">
        <v>0</v>
      </c>
      <c r="CV35" s="28">
        <v>0</v>
      </c>
      <c r="CW35" s="29">
        <v>0</v>
      </c>
      <c r="CX35" s="24">
        <v>0</v>
      </c>
      <c r="CY35" s="25">
        <v>0</v>
      </c>
      <c r="CZ35" s="26">
        <v>0</v>
      </c>
      <c r="DA35" s="404">
        <v>0</v>
      </c>
      <c r="DB35" s="25">
        <v>0</v>
      </c>
      <c r="DC35" s="25">
        <v>0</v>
      </c>
      <c r="DD35" s="25">
        <v>0</v>
      </c>
      <c r="DE35" s="25">
        <v>0</v>
      </c>
      <c r="DF35" s="25">
        <v>0</v>
      </c>
      <c r="DG35" s="28">
        <v>0</v>
      </c>
      <c r="DH35" s="29">
        <v>0</v>
      </c>
      <c r="DI35" s="24">
        <v>0</v>
      </c>
      <c r="DJ35" s="25">
        <v>1053</v>
      </c>
      <c r="DK35" s="26">
        <v>1053</v>
      </c>
      <c r="DL35" s="27">
        <v>0</v>
      </c>
      <c r="DM35" s="25">
        <v>3944</v>
      </c>
      <c r="DN35" s="25">
        <v>7564</v>
      </c>
      <c r="DO35" s="25">
        <v>215575</v>
      </c>
      <c r="DP35" s="25">
        <v>542364</v>
      </c>
      <c r="DQ35" s="25">
        <v>266260</v>
      </c>
      <c r="DR35" s="28">
        <v>1035707</v>
      </c>
      <c r="DS35" s="30">
        <v>1036760</v>
      </c>
      <c r="DT35" s="24">
        <v>0</v>
      </c>
      <c r="DU35" s="25">
        <v>0</v>
      </c>
      <c r="DV35" s="26">
        <v>0</v>
      </c>
      <c r="DW35" s="404">
        <v>0</v>
      </c>
      <c r="DX35" s="25">
        <v>0</v>
      </c>
      <c r="DY35" s="25">
        <v>0</v>
      </c>
      <c r="DZ35" s="25">
        <v>73470</v>
      </c>
      <c r="EA35" s="25">
        <v>443096</v>
      </c>
      <c r="EB35" s="25">
        <v>218850</v>
      </c>
      <c r="EC35" s="28">
        <v>735416</v>
      </c>
      <c r="ED35" s="29">
        <v>735416</v>
      </c>
      <c r="EE35" s="24">
        <v>0</v>
      </c>
      <c r="EF35" s="25">
        <v>0</v>
      </c>
      <c r="EG35" s="26">
        <v>0</v>
      </c>
      <c r="EH35" s="404">
        <v>0</v>
      </c>
      <c r="EI35" s="25">
        <v>434</v>
      </c>
      <c r="EJ35" s="25">
        <v>7529</v>
      </c>
      <c r="EK35" s="25">
        <v>651</v>
      </c>
      <c r="EL35" s="25">
        <v>60543</v>
      </c>
      <c r="EM35" s="25">
        <v>0</v>
      </c>
      <c r="EN35" s="28">
        <v>69157</v>
      </c>
      <c r="EO35" s="29">
        <v>69157</v>
      </c>
      <c r="EP35" s="24">
        <v>0</v>
      </c>
      <c r="EQ35" s="25">
        <v>0</v>
      </c>
      <c r="ER35" s="26">
        <v>0</v>
      </c>
      <c r="ES35" s="404">
        <v>0</v>
      </c>
      <c r="ET35" s="25">
        <v>0</v>
      </c>
      <c r="EU35" s="25">
        <v>0</v>
      </c>
      <c r="EV35" s="25">
        <v>0</v>
      </c>
      <c r="EW35" s="25">
        <v>0</v>
      </c>
      <c r="EX35" s="25">
        <v>0</v>
      </c>
      <c r="EY35" s="28">
        <v>0</v>
      </c>
      <c r="EZ35" s="29">
        <v>0</v>
      </c>
      <c r="FA35" s="24">
        <v>0</v>
      </c>
      <c r="FB35" s="25">
        <v>0</v>
      </c>
      <c r="FC35" s="26">
        <v>0</v>
      </c>
      <c r="FD35" s="404">
        <v>0</v>
      </c>
      <c r="FE35" s="25">
        <v>0</v>
      </c>
      <c r="FF35" s="25">
        <v>0</v>
      </c>
      <c r="FG35" s="25">
        <v>0</v>
      </c>
      <c r="FH35" s="25">
        <v>0</v>
      </c>
      <c r="FI35" s="25">
        <v>217</v>
      </c>
      <c r="FJ35" s="28">
        <v>217</v>
      </c>
      <c r="FK35" s="29">
        <v>217</v>
      </c>
      <c r="FL35" s="24">
        <v>0</v>
      </c>
      <c r="FM35" s="25">
        <v>0</v>
      </c>
      <c r="FN35" s="26">
        <v>0</v>
      </c>
      <c r="FO35" s="404">
        <v>0</v>
      </c>
      <c r="FP35" s="25">
        <v>0</v>
      </c>
      <c r="FQ35" s="25">
        <v>0</v>
      </c>
      <c r="FR35" s="25">
        <v>139624</v>
      </c>
      <c r="FS35" s="25">
        <v>38725</v>
      </c>
      <c r="FT35" s="25">
        <v>32643</v>
      </c>
      <c r="FU35" s="28">
        <v>210992</v>
      </c>
      <c r="FV35" s="29">
        <v>210992</v>
      </c>
      <c r="FW35" s="24">
        <v>0</v>
      </c>
      <c r="FX35" s="25">
        <v>1053</v>
      </c>
      <c r="FY35" s="26">
        <v>1053</v>
      </c>
      <c r="FZ35" s="27">
        <v>0</v>
      </c>
      <c r="GA35" s="25">
        <v>3510</v>
      </c>
      <c r="GB35" s="25">
        <v>0</v>
      </c>
      <c r="GC35" s="25">
        <v>1830</v>
      </c>
      <c r="GD35" s="25">
        <v>0</v>
      </c>
      <c r="GE35" s="25">
        <v>14550</v>
      </c>
      <c r="GF35" s="28">
        <v>19890</v>
      </c>
      <c r="GG35" s="29">
        <v>20943</v>
      </c>
      <c r="GH35" s="24">
        <v>0</v>
      </c>
      <c r="GI35" s="25">
        <v>0</v>
      </c>
      <c r="GJ35" s="26">
        <v>0</v>
      </c>
      <c r="GK35" s="27">
        <v>0</v>
      </c>
      <c r="GL35" s="25">
        <v>0</v>
      </c>
      <c r="GM35" s="25">
        <v>35</v>
      </c>
      <c r="GN35" s="25">
        <v>0</v>
      </c>
      <c r="GO35" s="25">
        <v>0</v>
      </c>
      <c r="GP35" s="25">
        <v>0</v>
      </c>
      <c r="GQ35" s="28">
        <v>35</v>
      </c>
      <c r="GR35" s="29">
        <v>35</v>
      </c>
      <c r="GS35" s="24">
        <v>0</v>
      </c>
      <c r="GT35" s="25">
        <v>0</v>
      </c>
      <c r="GU35" s="26">
        <v>0</v>
      </c>
      <c r="GV35" s="27">
        <v>0</v>
      </c>
      <c r="GW35" s="25">
        <v>0</v>
      </c>
      <c r="GX35" s="25">
        <v>0</v>
      </c>
      <c r="GY35" s="25">
        <v>0</v>
      </c>
      <c r="GZ35" s="25">
        <v>0</v>
      </c>
      <c r="HA35" s="25">
        <v>0</v>
      </c>
      <c r="HB35" s="28">
        <v>0</v>
      </c>
      <c r="HC35" s="29">
        <v>0</v>
      </c>
      <c r="HD35" s="24">
        <v>0</v>
      </c>
      <c r="HE35" s="25">
        <v>0</v>
      </c>
      <c r="HF35" s="26">
        <v>0</v>
      </c>
      <c r="HG35" s="404">
        <v>0</v>
      </c>
      <c r="HH35" s="25">
        <v>0</v>
      </c>
      <c r="HI35" s="25">
        <v>0</v>
      </c>
      <c r="HJ35" s="25">
        <v>0</v>
      </c>
      <c r="HK35" s="25">
        <v>0</v>
      </c>
      <c r="HL35" s="25">
        <v>0</v>
      </c>
      <c r="HM35" s="28">
        <v>0</v>
      </c>
      <c r="HN35" s="29">
        <v>0</v>
      </c>
      <c r="HO35" s="24">
        <v>0</v>
      </c>
      <c r="HP35" s="25">
        <v>1198</v>
      </c>
      <c r="HQ35" s="26">
        <v>1198</v>
      </c>
      <c r="HR35" s="27">
        <v>0</v>
      </c>
      <c r="HS35" s="25">
        <v>40009</v>
      </c>
      <c r="HT35" s="25">
        <v>164994</v>
      </c>
      <c r="HU35" s="25">
        <v>424270</v>
      </c>
      <c r="HV35" s="25">
        <v>1061484</v>
      </c>
      <c r="HW35" s="25">
        <v>537995</v>
      </c>
      <c r="HX35" s="28">
        <v>2228752</v>
      </c>
      <c r="HY35" s="29">
        <v>2229950</v>
      </c>
    </row>
    <row r="36" spans="2:233" ht="21" customHeight="1" x14ac:dyDescent="0.2">
      <c r="B36" s="106" t="s">
        <v>33</v>
      </c>
      <c r="C36" s="24">
        <v>0</v>
      </c>
      <c r="D36" s="25">
        <v>0</v>
      </c>
      <c r="E36" s="26">
        <v>0</v>
      </c>
      <c r="F36" s="27">
        <v>0</v>
      </c>
      <c r="G36" s="25">
        <v>63055</v>
      </c>
      <c r="H36" s="25">
        <v>247175</v>
      </c>
      <c r="I36" s="25">
        <v>501750</v>
      </c>
      <c r="J36" s="25">
        <v>711500</v>
      </c>
      <c r="K36" s="25">
        <v>228075</v>
      </c>
      <c r="L36" s="28">
        <v>1751555</v>
      </c>
      <c r="M36" s="29">
        <v>1751555</v>
      </c>
      <c r="N36" s="24">
        <v>0</v>
      </c>
      <c r="O36" s="25">
        <v>0</v>
      </c>
      <c r="P36" s="26">
        <v>0</v>
      </c>
      <c r="Q36" s="404">
        <v>0</v>
      </c>
      <c r="R36" s="25">
        <v>0</v>
      </c>
      <c r="S36" s="25">
        <v>59985</v>
      </c>
      <c r="T36" s="25">
        <v>368735</v>
      </c>
      <c r="U36" s="25">
        <v>369390</v>
      </c>
      <c r="V36" s="25">
        <v>190805</v>
      </c>
      <c r="W36" s="28">
        <v>988915</v>
      </c>
      <c r="X36" s="29">
        <v>988915</v>
      </c>
      <c r="Y36" s="24">
        <v>0</v>
      </c>
      <c r="Z36" s="25">
        <v>0</v>
      </c>
      <c r="AA36" s="26">
        <v>0</v>
      </c>
      <c r="AB36" s="404">
        <v>0</v>
      </c>
      <c r="AC36" s="25">
        <v>35340</v>
      </c>
      <c r="AD36" s="25">
        <v>95480</v>
      </c>
      <c r="AE36" s="25">
        <v>43330</v>
      </c>
      <c r="AF36" s="25">
        <v>229245</v>
      </c>
      <c r="AG36" s="25">
        <v>4310</v>
      </c>
      <c r="AH36" s="28">
        <v>407705</v>
      </c>
      <c r="AI36" s="29">
        <v>407705</v>
      </c>
      <c r="AJ36" s="24">
        <v>0</v>
      </c>
      <c r="AK36" s="25">
        <v>0</v>
      </c>
      <c r="AL36" s="26">
        <v>0</v>
      </c>
      <c r="AM36" s="404">
        <v>0</v>
      </c>
      <c r="AN36" s="25">
        <v>0</v>
      </c>
      <c r="AO36" s="25">
        <v>0</v>
      </c>
      <c r="AP36" s="25">
        <v>0</v>
      </c>
      <c r="AQ36" s="25">
        <v>0</v>
      </c>
      <c r="AR36" s="25">
        <v>0</v>
      </c>
      <c r="AS36" s="28">
        <v>0</v>
      </c>
      <c r="AT36" s="29">
        <v>0</v>
      </c>
      <c r="AU36" s="24">
        <v>0</v>
      </c>
      <c r="AV36" s="25">
        <v>0</v>
      </c>
      <c r="AW36" s="26">
        <v>0</v>
      </c>
      <c r="AX36" s="404">
        <v>0</v>
      </c>
      <c r="AY36" s="25">
        <v>25240</v>
      </c>
      <c r="AZ36" s="25">
        <v>62775</v>
      </c>
      <c r="BA36" s="25">
        <v>59985</v>
      </c>
      <c r="BB36" s="25">
        <v>106485</v>
      </c>
      <c r="BC36" s="25">
        <v>32960</v>
      </c>
      <c r="BD36" s="28">
        <v>287445</v>
      </c>
      <c r="BE36" s="29">
        <v>287445</v>
      </c>
      <c r="BF36" s="24">
        <v>0</v>
      </c>
      <c r="BG36" s="25">
        <v>0</v>
      </c>
      <c r="BH36" s="26">
        <v>0</v>
      </c>
      <c r="BI36" s="404">
        <v>0</v>
      </c>
      <c r="BJ36" s="25">
        <v>0</v>
      </c>
      <c r="BK36" s="25">
        <v>0</v>
      </c>
      <c r="BL36" s="25">
        <v>0</v>
      </c>
      <c r="BM36" s="25">
        <v>0</v>
      </c>
      <c r="BN36" s="25">
        <v>0</v>
      </c>
      <c r="BO36" s="28">
        <v>0</v>
      </c>
      <c r="BP36" s="29">
        <v>0</v>
      </c>
      <c r="BQ36" s="24">
        <v>0</v>
      </c>
      <c r="BR36" s="25">
        <v>0</v>
      </c>
      <c r="BS36" s="26">
        <v>0</v>
      </c>
      <c r="BT36" s="27">
        <v>0</v>
      </c>
      <c r="BU36" s="25">
        <v>1655</v>
      </c>
      <c r="BV36" s="25">
        <v>28935</v>
      </c>
      <c r="BW36" s="25">
        <v>29700</v>
      </c>
      <c r="BX36" s="25">
        <v>6380</v>
      </c>
      <c r="BY36" s="25">
        <v>0</v>
      </c>
      <c r="BZ36" s="28">
        <v>66670</v>
      </c>
      <c r="CA36" s="29">
        <v>66670</v>
      </c>
      <c r="CB36" s="24">
        <v>0</v>
      </c>
      <c r="CC36" s="25">
        <v>0</v>
      </c>
      <c r="CD36" s="26">
        <v>0</v>
      </c>
      <c r="CE36" s="27">
        <v>0</v>
      </c>
      <c r="CF36" s="25">
        <v>820</v>
      </c>
      <c r="CG36" s="25">
        <v>0</v>
      </c>
      <c r="CH36" s="25">
        <v>0</v>
      </c>
      <c r="CI36" s="25">
        <v>0</v>
      </c>
      <c r="CJ36" s="25">
        <v>0</v>
      </c>
      <c r="CK36" s="28">
        <v>820</v>
      </c>
      <c r="CL36" s="29">
        <v>820</v>
      </c>
      <c r="CM36" s="24">
        <v>0</v>
      </c>
      <c r="CN36" s="25">
        <v>0</v>
      </c>
      <c r="CO36" s="26">
        <v>0</v>
      </c>
      <c r="CP36" s="27">
        <v>0</v>
      </c>
      <c r="CQ36" s="25">
        <v>0</v>
      </c>
      <c r="CR36" s="25">
        <v>0</v>
      </c>
      <c r="CS36" s="25">
        <v>0</v>
      </c>
      <c r="CT36" s="25">
        <v>0</v>
      </c>
      <c r="CU36" s="25">
        <v>0</v>
      </c>
      <c r="CV36" s="28">
        <v>0</v>
      </c>
      <c r="CW36" s="29">
        <v>0</v>
      </c>
      <c r="CX36" s="24">
        <v>0</v>
      </c>
      <c r="CY36" s="25">
        <v>0</v>
      </c>
      <c r="CZ36" s="26">
        <v>0</v>
      </c>
      <c r="DA36" s="404">
        <v>0</v>
      </c>
      <c r="DB36" s="25">
        <v>0</v>
      </c>
      <c r="DC36" s="25">
        <v>0</v>
      </c>
      <c r="DD36" s="25">
        <v>0</v>
      </c>
      <c r="DE36" s="25">
        <v>0</v>
      </c>
      <c r="DF36" s="25">
        <v>0</v>
      </c>
      <c r="DG36" s="28">
        <v>0</v>
      </c>
      <c r="DH36" s="29">
        <v>0</v>
      </c>
      <c r="DI36" s="24">
        <v>0</v>
      </c>
      <c r="DJ36" s="25">
        <v>0</v>
      </c>
      <c r="DK36" s="26">
        <v>0</v>
      </c>
      <c r="DL36" s="27">
        <v>0</v>
      </c>
      <c r="DM36" s="25">
        <v>20205</v>
      </c>
      <c r="DN36" s="25">
        <v>102558</v>
      </c>
      <c r="DO36" s="25">
        <v>423357</v>
      </c>
      <c r="DP36" s="25">
        <v>447987</v>
      </c>
      <c r="DQ36" s="25">
        <v>162244</v>
      </c>
      <c r="DR36" s="28">
        <v>1156351</v>
      </c>
      <c r="DS36" s="30">
        <v>1156351</v>
      </c>
      <c r="DT36" s="24">
        <v>0</v>
      </c>
      <c r="DU36" s="25">
        <v>0</v>
      </c>
      <c r="DV36" s="26">
        <v>0</v>
      </c>
      <c r="DW36" s="404">
        <v>0</v>
      </c>
      <c r="DX36" s="25">
        <v>0</v>
      </c>
      <c r="DY36" s="25">
        <v>51646</v>
      </c>
      <c r="DZ36" s="25">
        <v>394314</v>
      </c>
      <c r="EA36" s="25">
        <v>346435</v>
      </c>
      <c r="EB36" s="25">
        <v>161572</v>
      </c>
      <c r="EC36" s="28">
        <v>953967</v>
      </c>
      <c r="ED36" s="29">
        <v>953967</v>
      </c>
      <c r="EE36" s="24">
        <v>0</v>
      </c>
      <c r="EF36" s="25">
        <v>0</v>
      </c>
      <c r="EG36" s="26">
        <v>0</v>
      </c>
      <c r="EH36" s="404">
        <v>0</v>
      </c>
      <c r="EI36" s="25">
        <v>434</v>
      </c>
      <c r="EJ36" s="25">
        <v>14198</v>
      </c>
      <c r="EK36" s="25">
        <v>1092</v>
      </c>
      <c r="EL36" s="25">
        <v>39649</v>
      </c>
      <c r="EM36" s="25">
        <v>434</v>
      </c>
      <c r="EN36" s="28">
        <v>55807</v>
      </c>
      <c r="EO36" s="29">
        <v>55807</v>
      </c>
      <c r="EP36" s="24">
        <v>0</v>
      </c>
      <c r="EQ36" s="25">
        <v>0</v>
      </c>
      <c r="ER36" s="26">
        <v>0</v>
      </c>
      <c r="ES36" s="404">
        <v>0</v>
      </c>
      <c r="ET36" s="25">
        <v>0</v>
      </c>
      <c r="EU36" s="25">
        <v>0</v>
      </c>
      <c r="EV36" s="25">
        <v>0</v>
      </c>
      <c r="EW36" s="25">
        <v>0</v>
      </c>
      <c r="EX36" s="25">
        <v>0</v>
      </c>
      <c r="EY36" s="28">
        <v>0</v>
      </c>
      <c r="EZ36" s="29">
        <v>0</v>
      </c>
      <c r="FA36" s="24">
        <v>0</v>
      </c>
      <c r="FB36" s="25">
        <v>0</v>
      </c>
      <c r="FC36" s="26">
        <v>0</v>
      </c>
      <c r="FD36" s="404">
        <v>0</v>
      </c>
      <c r="FE36" s="25">
        <v>14763</v>
      </c>
      <c r="FF36" s="25">
        <v>13981</v>
      </c>
      <c r="FG36" s="25">
        <v>651</v>
      </c>
      <c r="FH36" s="25">
        <v>38781</v>
      </c>
      <c r="FI36" s="25">
        <v>238</v>
      </c>
      <c r="FJ36" s="28">
        <v>68414</v>
      </c>
      <c r="FK36" s="29">
        <v>68414</v>
      </c>
      <c r="FL36" s="24">
        <v>0</v>
      </c>
      <c r="FM36" s="25">
        <v>0</v>
      </c>
      <c r="FN36" s="26">
        <v>0</v>
      </c>
      <c r="FO36" s="404">
        <v>0</v>
      </c>
      <c r="FP36" s="25">
        <v>0</v>
      </c>
      <c r="FQ36" s="25">
        <v>0</v>
      </c>
      <c r="FR36" s="25">
        <v>0</v>
      </c>
      <c r="FS36" s="25">
        <v>0</v>
      </c>
      <c r="FT36" s="25">
        <v>0</v>
      </c>
      <c r="FU36" s="28">
        <v>0</v>
      </c>
      <c r="FV36" s="29">
        <v>0</v>
      </c>
      <c r="FW36" s="24">
        <v>0</v>
      </c>
      <c r="FX36" s="25">
        <v>0</v>
      </c>
      <c r="FY36" s="26">
        <v>0</v>
      </c>
      <c r="FZ36" s="27">
        <v>0</v>
      </c>
      <c r="GA36" s="25">
        <v>4952</v>
      </c>
      <c r="GB36" s="25">
        <v>22733</v>
      </c>
      <c r="GC36" s="25">
        <v>27300</v>
      </c>
      <c r="GD36" s="25">
        <v>23122</v>
      </c>
      <c r="GE36" s="25">
        <v>0</v>
      </c>
      <c r="GF36" s="28">
        <v>78107</v>
      </c>
      <c r="GG36" s="29">
        <v>78107</v>
      </c>
      <c r="GH36" s="24">
        <v>0</v>
      </c>
      <c r="GI36" s="25">
        <v>0</v>
      </c>
      <c r="GJ36" s="26">
        <v>0</v>
      </c>
      <c r="GK36" s="27">
        <v>0</v>
      </c>
      <c r="GL36" s="25">
        <v>56</v>
      </c>
      <c r="GM36" s="25">
        <v>0</v>
      </c>
      <c r="GN36" s="25">
        <v>0</v>
      </c>
      <c r="GO36" s="25">
        <v>0</v>
      </c>
      <c r="GP36" s="25">
        <v>0</v>
      </c>
      <c r="GQ36" s="28">
        <v>56</v>
      </c>
      <c r="GR36" s="29">
        <v>56</v>
      </c>
      <c r="GS36" s="24">
        <v>0</v>
      </c>
      <c r="GT36" s="25">
        <v>0</v>
      </c>
      <c r="GU36" s="26">
        <v>0</v>
      </c>
      <c r="GV36" s="27">
        <v>0</v>
      </c>
      <c r="GW36" s="25">
        <v>0</v>
      </c>
      <c r="GX36" s="25">
        <v>0</v>
      </c>
      <c r="GY36" s="25">
        <v>0</v>
      </c>
      <c r="GZ36" s="25">
        <v>0</v>
      </c>
      <c r="HA36" s="25">
        <v>0</v>
      </c>
      <c r="HB36" s="28">
        <v>0</v>
      </c>
      <c r="HC36" s="29">
        <v>0</v>
      </c>
      <c r="HD36" s="24">
        <v>0</v>
      </c>
      <c r="HE36" s="25">
        <v>0</v>
      </c>
      <c r="HF36" s="26">
        <v>0</v>
      </c>
      <c r="HG36" s="404">
        <v>0</v>
      </c>
      <c r="HH36" s="25">
        <v>0</v>
      </c>
      <c r="HI36" s="25">
        <v>0</v>
      </c>
      <c r="HJ36" s="25">
        <v>0</v>
      </c>
      <c r="HK36" s="25">
        <v>0</v>
      </c>
      <c r="HL36" s="25">
        <v>0</v>
      </c>
      <c r="HM36" s="28">
        <v>0</v>
      </c>
      <c r="HN36" s="29">
        <v>0</v>
      </c>
      <c r="HO36" s="24">
        <v>0</v>
      </c>
      <c r="HP36" s="25">
        <v>0</v>
      </c>
      <c r="HQ36" s="26">
        <v>0</v>
      </c>
      <c r="HR36" s="27">
        <v>0</v>
      </c>
      <c r="HS36" s="25">
        <v>83260</v>
      </c>
      <c r="HT36" s="25">
        <v>349733</v>
      </c>
      <c r="HU36" s="25">
        <v>925107</v>
      </c>
      <c r="HV36" s="25">
        <v>1159487</v>
      </c>
      <c r="HW36" s="25">
        <v>390319</v>
      </c>
      <c r="HX36" s="28">
        <v>2907906</v>
      </c>
      <c r="HY36" s="29">
        <v>2907906</v>
      </c>
    </row>
    <row r="37" spans="2:233" ht="21" customHeight="1" x14ac:dyDescent="0.2">
      <c r="B37" s="106" t="s">
        <v>34</v>
      </c>
      <c r="C37" s="24">
        <v>0</v>
      </c>
      <c r="D37" s="25">
        <v>0</v>
      </c>
      <c r="E37" s="26">
        <v>0</v>
      </c>
      <c r="F37" s="27">
        <v>0</v>
      </c>
      <c r="G37" s="25">
        <v>64502</v>
      </c>
      <c r="H37" s="25">
        <v>147550</v>
      </c>
      <c r="I37" s="25">
        <v>143762</v>
      </c>
      <c r="J37" s="25">
        <v>511952</v>
      </c>
      <c r="K37" s="25">
        <v>244760</v>
      </c>
      <c r="L37" s="28">
        <v>1112526</v>
      </c>
      <c r="M37" s="29">
        <v>1112526</v>
      </c>
      <c r="N37" s="24">
        <v>0</v>
      </c>
      <c r="O37" s="25">
        <v>0</v>
      </c>
      <c r="P37" s="26">
        <v>0</v>
      </c>
      <c r="Q37" s="404">
        <v>0</v>
      </c>
      <c r="R37" s="25">
        <v>0</v>
      </c>
      <c r="S37" s="25">
        <v>0</v>
      </c>
      <c r="T37" s="25">
        <v>90055</v>
      </c>
      <c r="U37" s="25">
        <v>416805</v>
      </c>
      <c r="V37" s="25">
        <v>146645</v>
      </c>
      <c r="W37" s="28">
        <v>653505</v>
      </c>
      <c r="X37" s="29">
        <v>653505</v>
      </c>
      <c r="Y37" s="24">
        <v>0</v>
      </c>
      <c r="Z37" s="25">
        <v>0</v>
      </c>
      <c r="AA37" s="26">
        <v>0</v>
      </c>
      <c r="AB37" s="404">
        <v>0</v>
      </c>
      <c r="AC37" s="25">
        <v>59985</v>
      </c>
      <c r="AD37" s="25">
        <v>147405</v>
      </c>
      <c r="AE37" s="25">
        <v>32705</v>
      </c>
      <c r="AF37" s="25">
        <v>65410</v>
      </c>
      <c r="AG37" s="25">
        <v>65410</v>
      </c>
      <c r="AH37" s="28">
        <v>370915</v>
      </c>
      <c r="AI37" s="29">
        <v>370915</v>
      </c>
      <c r="AJ37" s="24">
        <v>0</v>
      </c>
      <c r="AK37" s="25">
        <v>0</v>
      </c>
      <c r="AL37" s="26">
        <v>0</v>
      </c>
      <c r="AM37" s="404">
        <v>0</v>
      </c>
      <c r="AN37" s="25">
        <v>0</v>
      </c>
      <c r="AO37" s="25">
        <v>0</v>
      </c>
      <c r="AP37" s="25">
        <v>0</v>
      </c>
      <c r="AQ37" s="25">
        <v>0</v>
      </c>
      <c r="AR37" s="25">
        <v>0</v>
      </c>
      <c r="AS37" s="28">
        <v>0</v>
      </c>
      <c r="AT37" s="29">
        <v>0</v>
      </c>
      <c r="AU37" s="24">
        <v>0</v>
      </c>
      <c r="AV37" s="25">
        <v>0</v>
      </c>
      <c r="AW37" s="26">
        <v>0</v>
      </c>
      <c r="AX37" s="404">
        <v>0</v>
      </c>
      <c r="AY37" s="25">
        <v>0</v>
      </c>
      <c r="AZ37" s="25">
        <v>0</v>
      </c>
      <c r="BA37" s="25">
        <v>0</v>
      </c>
      <c r="BB37" s="25">
        <v>0</v>
      </c>
      <c r="BC37" s="25">
        <v>32705</v>
      </c>
      <c r="BD37" s="28">
        <v>32705</v>
      </c>
      <c r="BE37" s="29">
        <v>32705</v>
      </c>
      <c r="BF37" s="24">
        <v>0</v>
      </c>
      <c r="BG37" s="25">
        <v>0</v>
      </c>
      <c r="BH37" s="26">
        <v>0</v>
      </c>
      <c r="BI37" s="404">
        <v>0</v>
      </c>
      <c r="BJ37" s="25">
        <v>0</v>
      </c>
      <c r="BK37" s="25">
        <v>0</v>
      </c>
      <c r="BL37" s="25">
        <v>0</v>
      </c>
      <c r="BM37" s="25">
        <v>0</v>
      </c>
      <c r="BN37" s="25">
        <v>0</v>
      </c>
      <c r="BO37" s="28">
        <v>0</v>
      </c>
      <c r="BP37" s="29">
        <v>0</v>
      </c>
      <c r="BQ37" s="24">
        <v>0</v>
      </c>
      <c r="BR37" s="25">
        <v>0</v>
      </c>
      <c r="BS37" s="26">
        <v>0</v>
      </c>
      <c r="BT37" s="27">
        <v>0</v>
      </c>
      <c r="BU37" s="25">
        <v>4517</v>
      </c>
      <c r="BV37" s="25">
        <v>145</v>
      </c>
      <c r="BW37" s="25">
        <v>2827</v>
      </c>
      <c r="BX37" s="25">
        <v>29737</v>
      </c>
      <c r="BY37" s="25">
        <v>0</v>
      </c>
      <c r="BZ37" s="28">
        <v>37226</v>
      </c>
      <c r="CA37" s="29">
        <v>37226</v>
      </c>
      <c r="CB37" s="24">
        <v>0</v>
      </c>
      <c r="CC37" s="25">
        <v>0</v>
      </c>
      <c r="CD37" s="26">
        <v>0</v>
      </c>
      <c r="CE37" s="27">
        <v>0</v>
      </c>
      <c r="CF37" s="25">
        <v>0</v>
      </c>
      <c r="CG37" s="25">
        <v>0</v>
      </c>
      <c r="CH37" s="25">
        <v>18175</v>
      </c>
      <c r="CI37" s="25">
        <v>0</v>
      </c>
      <c r="CJ37" s="25">
        <v>0</v>
      </c>
      <c r="CK37" s="28">
        <v>18175</v>
      </c>
      <c r="CL37" s="29">
        <v>18175</v>
      </c>
      <c r="CM37" s="24">
        <v>0</v>
      </c>
      <c r="CN37" s="25">
        <v>0</v>
      </c>
      <c r="CO37" s="26">
        <v>0</v>
      </c>
      <c r="CP37" s="27">
        <v>0</v>
      </c>
      <c r="CQ37" s="25">
        <v>0</v>
      </c>
      <c r="CR37" s="25">
        <v>0</v>
      </c>
      <c r="CS37" s="25">
        <v>0</v>
      </c>
      <c r="CT37" s="25">
        <v>0</v>
      </c>
      <c r="CU37" s="25">
        <v>0</v>
      </c>
      <c r="CV37" s="28">
        <v>0</v>
      </c>
      <c r="CW37" s="29">
        <v>0</v>
      </c>
      <c r="CX37" s="24">
        <v>0</v>
      </c>
      <c r="CY37" s="25">
        <v>0</v>
      </c>
      <c r="CZ37" s="26">
        <v>0</v>
      </c>
      <c r="DA37" s="404">
        <v>0</v>
      </c>
      <c r="DB37" s="25">
        <v>0</v>
      </c>
      <c r="DC37" s="25">
        <v>0</v>
      </c>
      <c r="DD37" s="25">
        <v>0</v>
      </c>
      <c r="DE37" s="25">
        <v>0</v>
      </c>
      <c r="DF37" s="25">
        <v>0</v>
      </c>
      <c r="DG37" s="28">
        <v>0</v>
      </c>
      <c r="DH37" s="29">
        <v>0</v>
      </c>
      <c r="DI37" s="24">
        <v>0</v>
      </c>
      <c r="DJ37" s="25">
        <v>0</v>
      </c>
      <c r="DK37" s="26">
        <v>0</v>
      </c>
      <c r="DL37" s="27">
        <v>0</v>
      </c>
      <c r="DM37" s="25">
        <v>11870</v>
      </c>
      <c r="DN37" s="25">
        <v>2540</v>
      </c>
      <c r="DO37" s="25">
        <v>100520</v>
      </c>
      <c r="DP37" s="25">
        <v>362180</v>
      </c>
      <c r="DQ37" s="25">
        <v>93192</v>
      </c>
      <c r="DR37" s="28">
        <v>570302</v>
      </c>
      <c r="DS37" s="30">
        <v>570302</v>
      </c>
      <c r="DT37" s="24">
        <v>0</v>
      </c>
      <c r="DU37" s="25">
        <v>0</v>
      </c>
      <c r="DV37" s="26">
        <v>0</v>
      </c>
      <c r="DW37" s="404">
        <v>0</v>
      </c>
      <c r="DX37" s="25">
        <v>0</v>
      </c>
      <c r="DY37" s="25">
        <v>0</v>
      </c>
      <c r="DZ37" s="25">
        <v>88567</v>
      </c>
      <c r="EA37" s="25">
        <v>330914</v>
      </c>
      <c r="EB37" s="25">
        <v>92541</v>
      </c>
      <c r="EC37" s="28">
        <v>512022</v>
      </c>
      <c r="ED37" s="29">
        <v>512022</v>
      </c>
      <c r="EE37" s="24">
        <v>0</v>
      </c>
      <c r="EF37" s="25">
        <v>0</v>
      </c>
      <c r="EG37" s="26">
        <v>0</v>
      </c>
      <c r="EH37" s="404">
        <v>0</v>
      </c>
      <c r="EI37" s="25">
        <v>4754</v>
      </c>
      <c r="EJ37" s="25">
        <v>1085</v>
      </c>
      <c r="EK37" s="25">
        <v>217</v>
      </c>
      <c r="EL37" s="25">
        <v>434</v>
      </c>
      <c r="EM37" s="25">
        <v>434</v>
      </c>
      <c r="EN37" s="28">
        <v>6924</v>
      </c>
      <c r="EO37" s="29">
        <v>6924</v>
      </c>
      <c r="EP37" s="24">
        <v>0</v>
      </c>
      <c r="EQ37" s="25">
        <v>0</v>
      </c>
      <c r="ER37" s="26">
        <v>0</v>
      </c>
      <c r="ES37" s="404">
        <v>0</v>
      </c>
      <c r="ET37" s="25">
        <v>0</v>
      </c>
      <c r="EU37" s="25">
        <v>0</v>
      </c>
      <c r="EV37" s="25">
        <v>0</v>
      </c>
      <c r="EW37" s="25">
        <v>0</v>
      </c>
      <c r="EX37" s="25">
        <v>0</v>
      </c>
      <c r="EY37" s="28">
        <v>0</v>
      </c>
      <c r="EZ37" s="29">
        <v>0</v>
      </c>
      <c r="FA37" s="24">
        <v>0</v>
      </c>
      <c r="FB37" s="25">
        <v>0</v>
      </c>
      <c r="FC37" s="26">
        <v>0</v>
      </c>
      <c r="FD37" s="404">
        <v>0</v>
      </c>
      <c r="FE37" s="25">
        <v>0</v>
      </c>
      <c r="FF37" s="25">
        <v>0</v>
      </c>
      <c r="FG37" s="25">
        <v>0</v>
      </c>
      <c r="FH37" s="25">
        <v>0</v>
      </c>
      <c r="FI37" s="25">
        <v>217</v>
      </c>
      <c r="FJ37" s="28">
        <v>217</v>
      </c>
      <c r="FK37" s="29">
        <v>217</v>
      </c>
      <c r="FL37" s="24">
        <v>0</v>
      </c>
      <c r="FM37" s="25">
        <v>0</v>
      </c>
      <c r="FN37" s="26">
        <v>0</v>
      </c>
      <c r="FO37" s="404">
        <v>0</v>
      </c>
      <c r="FP37" s="25">
        <v>0</v>
      </c>
      <c r="FQ37" s="25">
        <v>0</v>
      </c>
      <c r="FR37" s="25">
        <v>0</v>
      </c>
      <c r="FS37" s="25">
        <v>0</v>
      </c>
      <c r="FT37" s="25">
        <v>0</v>
      </c>
      <c r="FU37" s="28">
        <v>0</v>
      </c>
      <c r="FV37" s="29">
        <v>0</v>
      </c>
      <c r="FW37" s="24">
        <v>0</v>
      </c>
      <c r="FX37" s="25">
        <v>0</v>
      </c>
      <c r="FY37" s="26">
        <v>0</v>
      </c>
      <c r="FZ37" s="27">
        <v>0</v>
      </c>
      <c r="GA37" s="25">
        <v>7116</v>
      </c>
      <c r="GB37" s="25">
        <v>1455</v>
      </c>
      <c r="GC37" s="25">
        <v>4744</v>
      </c>
      <c r="GD37" s="25">
        <v>30832</v>
      </c>
      <c r="GE37" s="25">
        <v>0</v>
      </c>
      <c r="GF37" s="28">
        <v>44147</v>
      </c>
      <c r="GG37" s="29">
        <v>44147</v>
      </c>
      <c r="GH37" s="24">
        <v>0</v>
      </c>
      <c r="GI37" s="25">
        <v>0</v>
      </c>
      <c r="GJ37" s="26">
        <v>0</v>
      </c>
      <c r="GK37" s="27">
        <v>0</v>
      </c>
      <c r="GL37" s="25">
        <v>0</v>
      </c>
      <c r="GM37" s="25">
        <v>0</v>
      </c>
      <c r="GN37" s="25">
        <v>6992</v>
      </c>
      <c r="GO37" s="25">
        <v>0</v>
      </c>
      <c r="GP37" s="25">
        <v>0</v>
      </c>
      <c r="GQ37" s="28">
        <v>6992</v>
      </c>
      <c r="GR37" s="29">
        <v>6992</v>
      </c>
      <c r="GS37" s="24">
        <v>0</v>
      </c>
      <c r="GT37" s="25">
        <v>0</v>
      </c>
      <c r="GU37" s="26">
        <v>0</v>
      </c>
      <c r="GV37" s="27">
        <v>0</v>
      </c>
      <c r="GW37" s="25">
        <v>0</v>
      </c>
      <c r="GX37" s="25">
        <v>0</v>
      </c>
      <c r="GY37" s="25">
        <v>0</v>
      </c>
      <c r="GZ37" s="25">
        <v>0</v>
      </c>
      <c r="HA37" s="25">
        <v>0</v>
      </c>
      <c r="HB37" s="28">
        <v>0</v>
      </c>
      <c r="HC37" s="29">
        <v>0</v>
      </c>
      <c r="HD37" s="24">
        <v>0</v>
      </c>
      <c r="HE37" s="25">
        <v>0</v>
      </c>
      <c r="HF37" s="26">
        <v>0</v>
      </c>
      <c r="HG37" s="404">
        <v>0</v>
      </c>
      <c r="HH37" s="25">
        <v>0</v>
      </c>
      <c r="HI37" s="25">
        <v>0</v>
      </c>
      <c r="HJ37" s="25">
        <v>0</v>
      </c>
      <c r="HK37" s="25">
        <v>0</v>
      </c>
      <c r="HL37" s="25">
        <v>0</v>
      </c>
      <c r="HM37" s="28">
        <v>0</v>
      </c>
      <c r="HN37" s="29">
        <v>0</v>
      </c>
      <c r="HO37" s="24">
        <v>0</v>
      </c>
      <c r="HP37" s="25">
        <v>0</v>
      </c>
      <c r="HQ37" s="26">
        <v>0</v>
      </c>
      <c r="HR37" s="27">
        <v>0</v>
      </c>
      <c r="HS37" s="25">
        <v>76372</v>
      </c>
      <c r="HT37" s="25">
        <v>150090</v>
      </c>
      <c r="HU37" s="25">
        <v>244282</v>
      </c>
      <c r="HV37" s="25">
        <v>874132</v>
      </c>
      <c r="HW37" s="25">
        <v>337952</v>
      </c>
      <c r="HX37" s="28">
        <v>1682828</v>
      </c>
      <c r="HY37" s="29">
        <v>1682828</v>
      </c>
    </row>
    <row r="38" spans="2:233" ht="21" customHeight="1" x14ac:dyDescent="0.2">
      <c r="B38" s="106" t="s">
        <v>35</v>
      </c>
      <c r="C38" s="24">
        <v>1885</v>
      </c>
      <c r="D38" s="25">
        <v>0</v>
      </c>
      <c r="E38" s="26">
        <v>1885</v>
      </c>
      <c r="F38" s="27">
        <v>0</v>
      </c>
      <c r="G38" s="25">
        <v>83092</v>
      </c>
      <c r="H38" s="25">
        <v>400108</v>
      </c>
      <c r="I38" s="25">
        <v>733200</v>
      </c>
      <c r="J38" s="25">
        <v>733945</v>
      </c>
      <c r="K38" s="25">
        <v>274520</v>
      </c>
      <c r="L38" s="28">
        <v>2224865</v>
      </c>
      <c r="M38" s="29">
        <v>2226750</v>
      </c>
      <c r="N38" s="24">
        <v>0</v>
      </c>
      <c r="O38" s="25">
        <v>0</v>
      </c>
      <c r="P38" s="26">
        <v>0</v>
      </c>
      <c r="Q38" s="404">
        <v>0</v>
      </c>
      <c r="R38" s="25">
        <v>2635</v>
      </c>
      <c r="S38" s="25">
        <v>5270</v>
      </c>
      <c r="T38" s="25">
        <v>367970</v>
      </c>
      <c r="U38" s="25">
        <v>530720</v>
      </c>
      <c r="V38" s="25">
        <v>182125</v>
      </c>
      <c r="W38" s="28">
        <v>1088720</v>
      </c>
      <c r="X38" s="29">
        <v>1088720</v>
      </c>
      <c r="Y38" s="24">
        <v>0</v>
      </c>
      <c r="Z38" s="25">
        <v>0</v>
      </c>
      <c r="AA38" s="26">
        <v>0</v>
      </c>
      <c r="AB38" s="404">
        <v>0</v>
      </c>
      <c r="AC38" s="25">
        <v>67890</v>
      </c>
      <c r="AD38" s="25">
        <v>357275</v>
      </c>
      <c r="AE38" s="25">
        <v>234515</v>
      </c>
      <c r="AF38" s="25">
        <v>105680</v>
      </c>
      <c r="AG38" s="25">
        <v>2635</v>
      </c>
      <c r="AH38" s="28">
        <v>767995</v>
      </c>
      <c r="AI38" s="29">
        <v>767995</v>
      </c>
      <c r="AJ38" s="24">
        <v>0</v>
      </c>
      <c r="AK38" s="25">
        <v>0</v>
      </c>
      <c r="AL38" s="26">
        <v>0</v>
      </c>
      <c r="AM38" s="404">
        <v>0</v>
      </c>
      <c r="AN38" s="25">
        <v>0</v>
      </c>
      <c r="AO38" s="25">
        <v>0</v>
      </c>
      <c r="AP38" s="25">
        <v>0</v>
      </c>
      <c r="AQ38" s="25">
        <v>0</v>
      </c>
      <c r="AR38" s="25">
        <v>0</v>
      </c>
      <c r="AS38" s="28">
        <v>0</v>
      </c>
      <c r="AT38" s="29">
        <v>0</v>
      </c>
      <c r="AU38" s="24">
        <v>0</v>
      </c>
      <c r="AV38" s="25">
        <v>0</v>
      </c>
      <c r="AW38" s="26">
        <v>0</v>
      </c>
      <c r="AX38" s="404">
        <v>0</v>
      </c>
      <c r="AY38" s="25">
        <v>0</v>
      </c>
      <c r="AZ38" s="25">
        <v>32705</v>
      </c>
      <c r="BA38" s="25">
        <v>70990</v>
      </c>
      <c r="BB38" s="25">
        <v>70990</v>
      </c>
      <c r="BC38" s="25">
        <v>70990</v>
      </c>
      <c r="BD38" s="28">
        <v>245675</v>
      </c>
      <c r="BE38" s="29">
        <v>245675</v>
      </c>
      <c r="BF38" s="24">
        <v>0</v>
      </c>
      <c r="BG38" s="25">
        <v>0</v>
      </c>
      <c r="BH38" s="26">
        <v>0</v>
      </c>
      <c r="BI38" s="404">
        <v>0</v>
      </c>
      <c r="BJ38" s="25">
        <v>0</v>
      </c>
      <c r="BK38" s="25">
        <v>0</v>
      </c>
      <c r="BL38" s="25">
        <v>0</v>
      </c>
      <c r="BM38" s="25">
        <v>0</v>
      </c>
      <c r="BN38" s="25">
        <v>0</v>
      </c>
      <c r="BO38" s="28">
        <v>0</v>
      </c>
      <c r="BP38" s="29">
        <v>0</v>
      </c>
      <c r="BQ38" s="24">
        <v>1885</v>
      </c>
      <c r="BR38" s="25">
        <v>0</v>
      </c>
      <c r="BS38" s="26">
        <v>1885</v>
      </c>
      <c r="BT38" s="27">
        <v>0</v>
      </c>
      <c r="BU38" s="25">
        <v>12422</v>
      </c>
      <c r="BV38" s="25">
        <v>4858</v>
      </c>
      <c r="BW38" s="25">
        <v>58030</v>
      </c>
      <c r="BX38" s="25">
        <v>26120</v>
      </c>
      <c r="BY38" s="25">
        <v>18770</v>
      </c>
      <c r="BZ38" s="28">
        <v>120200</v>
      </c>
      <c r="CA38" s="29">
        <v>122085</v>
      </c>
      <c r="CB38" s="24">
        <v>0</v>
      </c>
      <c r="CC38" s="25">
        <v>0</v>
      </c>
      <c r="CD38" s="26">
        <v>0</v>
      </c>
      <c r="CE38" s="27">
        <v>0</v>
      </c>
      <c r="CF38" s="25">
        <v>145</v>
      </c>
      <c r="CG38" s="25">
        <v>0</v>
      </c>
      <c r="CH38" s="25">
        <v>1695</v>
      </c>
      <c r="CI38" s="25">
        <v>435</v>
      </c>
      <c r="CJ38" s="25">
        <v>0</v>
      </c>
      <c r="CK38" s="28">
        <v>2275</v>
      </c>
      <c r="CL38" s="29">
        <v>2275</v>
      </c>
      <c r="CM38" s="24">
        <v>0</v>
      </c>
      <c r="CN38" s="25">
        <v>0</v>
      </c>
      <c r="CO38" s="26">
        <v>0</v>
      </c>
      <c r="CP38" s="27">
        <v>0</v>
      </c>
      <c r="CQ38" s="25">
        <v>0</v>
      </c>
      <c r="CR38" s="25">
        <v>0</v>
      </c>
      <c r="CS38" s="25">
        <v>0</v>
      </c>
      <c r="CT38" s="25">
        <v>0</v>
      </c>
      <c r="CU38" s="25">
        <v>0</v>
      </c>
      <c r="CV38" s="28">
        <v>0</v>
      </c>
      <c r="CW38" s="29">
        <v>0</v>
      </c>
      <c r="CX38" s="24">
        <v>0</v>
      </c>
      <c r="CY38" s="25">
        <v>0</v>
      </c>
      <c r="CZ38" s="26">
        <v>0</v>
      </c>
      <c r="DA38" s="404">
        <v>0</v>
      </c>
      <c r="DB38" s="25">
        <v>0</v>
      </c>
      <c r="DC38" s="25">
        <v>0</v>
      </c>
      <c r="DD38" s="25">
        <v>0</v>
      </c>
      <c r="DE38" s="25">
        <v>0</v>
      </c>
      <c r="DF38" s="25">
        <v>0</v>
      </c>
      <c r="DG38" s="28">
        <v>0</v>
      </c>
      <c r="DH38" s="29">
        <v>0</v>
      </c>
      <c r="DI38" s="24">
        <v>1455</v>
      </c>
      <c r="DJ38" s="25">
        <v>0</v>
      </c>
      <c r="DK38" s="26">
        <v>1455</v>
      </c>
      <c r="DL38" s="27">
        <v>0</v>
      </c>
      <c r="DM38" s="25">
        <v>59156</v>
      </c>
      <c r="DN38" s="25">
        <v>67533</v>
      </c>
      <c r="DO38" s="25">
        <v>447620</v>
      </c>
      <c r="DP38" s="25">
        <v>616927</v>
      </c>
      <c r="DQ38" s="25">
        <v>261075</v>
      </c>
      <c r="DR38" s="28">
        <v>1452311</v>
      </c>
      <c r="DS38" s="30">
        <v>1453766</v>
      </c>
      <c r="DT38" s="24">
        <v>0</v>
      </c>
      <c r="DU38" s="25">
        <v>0</v>
      </c>
      <c r="DV38" s="26">
        <v>0</v>
      </c>
      <c r="DW38" s="404">
        <v>0</v>
      </c>
      <c r="DX38" s="25">
        <v>15035</v>
      </c>
      <c r="DY38" s="25">
        <v>43152</v>
      </c>
      <c r="DZ38" s="25">
        <v>346735</v>
      </c>
      <c r="EA38" s="25">
        <v>542341</v>
      </c>
      <c r="EB38" s="25">
        <v>218209</v>
      </c>
      <c r="EC38" s="28">
        <v>1165472</v>
      </c>
      <c r="ED38" s="29">
        <v>1165472</v>
      </c>
      <c r="EE38" s="24">
        <v>0</v>
      </c>
      <c r="EF38" s="25">
        <v>0</v>
      </c>
      <c r="EG38" s="26">
        <v>0</v>
      </c>
      <c r="EH38" s="404">
        <v>0</v>
      </c>
      <c r="EI38" s="25">
        <v>21979</v>
      </c>
      <c r="EJ38" s="25">
        <v>14570</v>
      </c>
      <c r="EK38" s="25">
        <v>2387</v>
      </c>
      <c r="EL38" s="25">
        <v>1302</v>
      </c>
      <c r="EM38" s="25">
        <v>217</v>
      </c>
      <c r="EN38" s="28">
        <v>40455</v>
      </c>
      <c r="EO38" s="29">
        <v>40455</v>
      </c>
      <c r="EP38" s="24">
        <v>0</v>
      </c>
      <c r="EQ38" s="25">
        <v>0</v>
      </c>
      <c r="ER38" s="26">
        <v>0</v>
      </c>
      <c r="ES38" s="404">
        <v>0</v>
      </c>
      <c r="ET38" s="25">
        <v>0</v>
      </c>
      <c r="EU38" s="25">
        <v>0</v>
      </c>
      <c r="EV38" s="25">
        <v>0</v>
      </c>
      <c r="EW38" s="25">
        <v>0</v>
      </c>
      <c r="EX38" s="25">
        <v>0</v>
      </c>
      <c r="EY38" s="28">
        <v>0</v>
      </c>
      <c r="EZ38" s="29">
        <v>0</v>
      </c>
      <c r="FA38" s="24">
        <v>0</v>
      </c>
      <c r="FB38" s="25">
        <v>0</v>
      </c>
      <c r="FC38" s="26">
        <v>0</v>
      </c>
      <c r="FD38" s="404">
        <v>0</v>
      </c>
      <c r="FE38" s="25">
        <v>0</v>
      </c>
      <c r="FF38" s="25">
        <v>217</v>
      </c>
      <c r="FG38" s="25">
        <v>27094</v>
      </c>
      <c r="FH38" s="25">
        <v>27094</v>
      </c>
      <c r="FI38" s="25">
        <v>27094</v>
      </c>
      <c r="FJ38" s="28">
        <v>81499</v>
      </c>
      <c r="FK38" s="29">
        <v>81499</v>
      </c>
      <c r="FL38" s="24">
        <v>0</v>
      </c>
      <c r="FM38" s="25">
        <v>0</v>
      </c>
      <c r="FN38" s="26">
        <v>0</v>
      </c>
      <c r="FO38" s="404">
        <v>0</v>
      </c>
      <c r="FP38" s="25">
        <v>0</v>
      </c>
      <c r="FQ38" s="25">
        <v>0</v>
      </c>
      <c r="FR38" s="25">
        <v>0</v>
      </c>
      <c r="FS38" s="25">
        <v>0</v>
      </c>
      <c r="FT38" s="25">
        <v>0</v>
      </c>
      <c r="FU38" s="28">
        <v>0</v>
      </c>
      <c r="FV38" s="29">
        <v>0</v>
      </c>
      <c r="FW38" s="24">
        <v>1455</v>
      </c>
      <c r="FX38" s="25">
        <v>0</v>
      </c>
      <c r="FY38" s="26">
        <v>1455</v>
      </c>
      <c r="FZ38" s="27">
        <v>0</v>
      </c>
      <c r="GA38" s="25">
        <v>22121</v>
      </c>
      <c r="GB38" s="25">
        <v>9594</v>
      </c>
      <c r="GC38" s="25">
        <v>71369</v>
      </c>
      <c r="GD38" s="25">
        <v>46106</v>
      </c>
      <c r="GE38" s="25">
        <v>15555</v>
      </c>
      <c r="GF38" s="28">
        <v>164745</v>
      </c>
      <c r="GG38" s="29">
        <v>166200</v>
      </c>
      <c r="GH38" s="24">
        <v>0</v>
      </c>
      <c r="GI38" s="25">
        <v>0</v>
      </c>
      <c r="GJ38" s="26">
        <v>0</v>
      </c>
      <c r="GK38" s="27">
        <v>0</v>
      </c>
      <c r="GL38" s="25">
        <v>21</v>
      </c>
      <c r="GM38" s="25">
        <v>0</v>
      </c>
      <c r="GN38" s="25">
        <v>35</v>
      </c>
      <c r="GO38" s="25">
        <v>84</v>
      </c>
      <c r="GP38" s="25">
        <v>0</v>
      </c>
      <c r="GQ38" s="28">
        <v>140</v>
      </c>
      <c r="GR38" s="29">
        <v>140</v>
      </c>
      <c r="GS38" s="24">
        <v>0</v>
      </c>
      <c r="GT38" s="25">
        <v>0</v>
      </c>
      <c r="GU38" s="26">
        <v>0</v>
      </c>
      <c r="GV38" s="27">
        <v>0</v>
      </c>
      <c r="GW38" s="25">
        <v>0</v>
      </c>
      <c r="GX38" s="25">
        <v>0</v>
      </c>
      <c r="GY38" s="25">
        <v>0</v>
      </c>
      <c r="GZ38" s="25">
        <v>0</v>
      </c>
      <c r="HA38" s="25">
        <v>0</v>
      </c>
      <c r="HB38" s="28">
        <v>0</v>
      </c>
      <c r="HC38" s="29">
        <v>0</v>
      </c>
      <c r="HD38" s="24">
        <v>0</v>
      </c>
      <c r="HE38" s="25">
        <v>0</v>
      </c>
      <c r="HF38" s="26">
        <v>0</v>
      </c>
      <c r="HG38" s="404">
        <v>0</v>
      </c>
      <c r="HH38" s="25">
        <v>0</v>
      </c>
      <c r="HI38" s="25">
        <v>0</v>
      </c>
      <c r="HJ38" s="25">
        <v>0</v>
      </c>
      <c r="HK38" s="25">
        <v>0</v>
      </c>
      <c r="HL38" s="25">
        <v>0</v>
      </c>
      <c r="HM38" s="28">
        <v>0</v>
      </c>
      <c r="HN38" s="29">
        <v>0</v>
      </c>
      <c r="HO38" s="24">
        <v>3340</v>
      </c>
      <c r="HP38" s="25">
        <v>0</v>
      </c>
      <c r="HQ38" s="26">
        <v>3340</v>
      </c>
      <c r="HR38" s="27">
        <v>0</v>
      </c>
      <c r="HS38" s="25">
        <v>142248</v>
      </c>
      <c r="HT38" s="25">
        <v>467641</v>
      </c>
      <c r="HU38" s="25">
        <v>1180820</v>
      </c>
      <c r="HV38" s="25">
        <v>1350872</v>
      </c>
      <c r="HW38" s="25">
        <v>535595</v>
      </c>
      <c r="HX38" s="28">
        <v>3677176</v>
      </c>
      <c r="HY38" s="29">
        <v>3680516</v>
      </c>
    </row>
    <row r="39" spans="2:233" ht="21" customHeight="1" x14ac:dyDescent="0.2">
      <c r="B39" s="106" t="s">
        <v>36</v>
      </c>
      <c r="C39" s="24">
        <v>0</v>
      </c>
      <c r="D39" s="25">
        <v>0</v>
      </c>
      <c r="E39" s="26">
        <v>0</v>
      </c>
      <c r="F39" s="27">
        <v>0</v>
      </c>
      <c r="G39" s="25">
        <v>53815</v>
      </c>
      <c r="H39" s="25">
        <v>205814</v>
      </c>
      <c r="I39" s="25">
        <v>564974</v>
      </c>
      <c r="J39" s="25">
        <v>1218051</v>
      </c>
      <c r="K39" s="25">
        <v>511140</v>
      </c>
      <c r="L39" s="28">
        <v>2553794</v>
      </c>
      <c r="M39" s="29">
        <v>2553794</v>
      </c>
      <c r="N39" s="24">
        <v>0</v>
      </c>
      <c r="O39" s="25">
        <v>0</v>
      </c>
      <c r="P39" s="26">
        <v>0</v>
      </c>
      <c r="Q39" s="404">
        <v>0</v>
      </c>
      <c r="R39" s="25">
        <v>0</v>
      </c>
      <c r="S39" s="25">
        <v>70835</v>
      </c>
      <c r="T39" s="25">
        <v>339265</v>
      </c>
      <c r="U39" s="25">
        <v>779720</v>
      </c>
      <c r="V39" s="25">
        <v>346780</v>
      </c>
      <c r="W39" s="28">
        <v>1536600</v>
      </c>
      <c r="X39" s="29">
        <v>1536600</v>
      </c>
      <c r="Y39" s="24">
        <v>0</v>
      </c>
      <c r="Z39" s="25">
        <v>0</v>
      </c>
      <c r="AA39" s="26">
        <v>0</v>
      </c>
      <c r="AB39" s="404">
        <v>0</v>
      </c>
      <c r="AC39" s="25">
        <v>43245</v>
      </c>
      <c r="AD39" s="25">
        <v>125085</v>
      </c>
      <c r="AE39" s="25">
        <v>225669</v>
      </c>
      <c r="AF39" s="25">
        <v>319572</v>
      </c>
      <c r="AG39" s="25">
        <v>100740</v>
      </c>
      <c r="AH39" s="28">
        <v>814311</v>
      </c>
      <c r="AI39" s="29">
        <v>814311</v>
      </c>
      <c r="AJ39" s="24">
        <v>0</v>
      </c>
      <c r="AK39" s="25">
        <v>0</v>
      </c>
      <c r="AL39" s="26">
        <v>0</v>
      </c>
      <c r="AM39" s="404">
        <v>0</v>
      </c>
      <c r="AN39" s="25">
        <v>0</v>
      </c>
      <c r="AO39" s="25">
        <v>0</v>
      </c>
      <c r="AP39" s="25">
        <v>0</v>
      </c>
      <c r="AQ39" s="25">
        <v>0</v>
      </c>
      <c r="AR39" s="25">
        <v>0</v>
      </c>
      <c r="AS39" s="28">
        <v>0</v>
      </c>
      <c r="AT39" s="29">
        <v>0</v>
      </c>
      <c r="AU39" s="24">
        <v>0</v>
      </c>
      <c r="AV39" s="25">
        <v>0</v>
      </c>
      <c r="AW39" s="26">
        <v>0</v>
      </c>
      <c r="AX39" s="404">
        <v>0</v>
      </c>
      <c r="AY39" s="25">
        <v>0</v>
      </c>
      <c r="AZ39" s="25">
        <v>0</v>
      </c>
      <c r="BA39" s="25">
        <v>0</v>
      </c>
      <c r="BB39" s="25">
        <v>98115</v>
      </c>
      <c r="BC39" s="25">
        <v>7905</v>
      </c>
      <c r="BD39" s="28">
        <v>106020</v>
      </c>
      <c r="BE39" s="29">
        <v>106020</v>
      </c>
      <c r="BF39" s="24">
        <v>0</v>
      </c>
      <c r="BG39" s="25">
        <v>0</v>
      </c>
      <c r="BH39" s="26">
        <v>0</v>
      </c>
      <c r="BI39" s="404">
        <v>0</v>
      </c>
      <c r="BJ39" s="25">
        <v>0</v>
      </c>
      <c r="BK39" s="25">
        <v>0</v>
      </c>
      <c r="BL39" s="25">
        <v>0</v>
      </c>
      <c r="BM39" s="25">
        <v>0</v>
      </c>
      <c r="BN39" s="25">
        <v>0</v>
      </c>
      <c r="BO39" s="28">
        <v>0</v>
      </c>
      <c r="BP39" s="29">
        <v>0</v>
      </c>
      <c r="BQ39" s="24">
        <v>0</v>
      </c>
      <c r="BR39" s="25">
        <v>0</v>
      </c>
      <c r="BS39" s="26">
        <v>0</v>
      </c>
      <c r="BT39" s="27">
        <v>0</v>
      </c>
      <c r="BU39" s="25">
        <v>6480</v>
      </c>
      <c r="BV39" s="25">
        <v>9894</v>
      </c>
      <c r="BW39" s="25">
        <v>40</v>
      </c>
      <c r="BX39" s="25">
        <v>19484</v>
      </c>
      <c r="BY39" s="25">
        <v>55715</v>
      </c>
      <c r="BZ39" s="28">
        <v>91613</v>
      </c>
      <c r="CA39" s="29">
        <v>91613</v>
      </c>
      <c r="CB39" s="24">
        <v>0</v>
      </c>
      <c r="CC39" s="25">
        <v>0</v>
      </c>
      <c r="CD39" s="26">
        <v>0</v>
      </c>
      <c r="CE39" s="27">
        <v>0</v>
      </c>
      <c r="CF39" s="25">
        <v>4090</v>
      </c>
      <c r="CG39" s="25">
        <v>0</v>
      </c>
      <c r="CH39" s="25">
        <v>0</v>
      </c>
      <c r="CI39" s="25">
        <v>1160</v>
      </c>
      <c r="CJ39" s="25">
        <v>0</v>
      </c>
      <c r="CK39" s="28">
        <v>5250</v>
      </c>
      <c r="CL39" s="29">
        <v>5250</v>
      </c>
      <c r="CM39" s="24">
        <v>0</v>
      </c>
      <c r="CN39" s="25">
        <v>0</v>
      </c>
      <c r="CO39" s="26">
        <v>0</v>
      </c>
      <c r="CP39" s="27">
        <v>0</v>
      </c>
      <c r="CQ39" s="25">
        <v>0</v>
      </c>
      <c r="CR39" s="25">
        <v>0</v>
      </c>
      <c r="CS39" s="25">
        <v>0</v>
      </c>
      <c r="CT39" s="25">
        <v>0</v>
      </c>
      <c r="CU39" s="25">
        <v>0</v>
      </c>
      <c r="CV39" s="28">
        <v>0</v>
      </c>
      <c r="CW39" s="29">
        <v>0</v>
      </c>
      <c r="CX39" s="24">
        <v>0</v>
      </c>
      <c r="CY39" s="25">
        <v>0</v>
      </c>
      <c r="CZ39" s="26">
        <v>0</v>
      </c>
      <c r="DA39" s="404">
        <v>0</v>
      </c>
      <c r="DB39" s="25">
        <v>0</v>
      </c>
      <c r="DC39" s="25">
        <v>0</v>
      </c>
      <c r="DD39" s="25">
        <v>0</v>
      </c>
      <c r="DE39" s="25">
        <v>0</v>
      </c>
      <c r="DF39" s="25">
        <v>0</v>
      </c>
      <c r="DG39" s="28">
        <v>0</v>
      </c>
      <c r="DH39" s="29">
        <v>0</v>
      </c>
      <c r="DI39" s="24">
        <v>0</v>
      </c>
      <c r="DJ39" s="25">
        <v>0</v>
      </c>
      <c r="DK39" s="26">
        <v>0</v>
      </c>
      <c r="DL39" s="27">
        <v>0</v>
      </c>
      <c r="DM39" s="25">
        <v>6610</v>
      </c>
      <c r="DN39" s="25">
        <v>78888</v>
      </c>
      <c r="DO39" s="25">
        <v>551095</v>
      </c>
      <c r="DP39" s="25">
        <v>848877</v>
      </c>
      <c r="DQ39" s="25">
        <v>574306</v>
      </c>
      <c r="DR39" s="28">
        <v>2059776</v>
      </c>
      <c r="DS39" s="30">
        <v>2059776</v>
      </c>
      <c r="DT39" s="24">
        <v>0</v>
      </c>
      <c r="DU39" s="25">
        <v>0</v>
      </c>
      <c r="DV39" s="26">
        <v>0</v>
      </c>
      <c r="DW39" s="404">
        <v>0</v>
      </c>
      <c r="DX39" s="25">
        <v>0</v>
      </c>
      <c r="DY39" s="25">
        <v>64976</v>
      </c>
      <c r="DZ39" s="25">
        <v>541713</v>
      </c>
      <c r="EA39" s="25">
        <v>782513</v>
      </c>
      <c r="EB39" s="25">
        <v>519498</v>
      </c>
      <c r="EC39" s="28">
        <v>1908700</v>
      </c>
      <c r="ED39" s="29">
        <v>1908700</v>
      </c>
      <c r="EE39" s="24">
        <v>0</v>
      </c>
      <c r="EF39" s="25">
        <v>0</v>
      </c>
      <c r="EG39" s="26">
        <v>0</v>
      </c>
      <c r="EH39" s="404">
        <v>0</v>
      </c>
      <c r="EI39" s="25">
        <v>1085</v>
      </c>
      <c r="EJ39" s="25">
        <v>2387</v>
      </c>
      <c r="EK39" s="25">
        <v>8412</v>
      </c>
      <c r="EL39" s="25">
        <v>10069</v>
      </c>
      <c r="EM39" s="25">
        <v>1666</v>
      </c>
      <c r="EN39" s="28">
        <v>23619</v>
      </c>
      <c r="EO39" s="29">
        <v>23619</v>
      </c>
      <c r="EP39" s="24">
        <v>0</v>
      </c>
      <c r="EQ39" s="25">
        <v>0</v>
      </c>
      <c r="ER39" s="26">
        <v>0</v>
      </c>
      <c r="ES39" s="404">
        <v>0</v>
      </c>
      <c r="ET39" s="25">
        <v>0</v>
      </c>
      <c r="EU39" s="25">
        <v>0</v>
      </c>
      <c r="EV39" s="25">
        <v>0</v>
      </c>
      <c r="EW39" s="25">
        <v>0</v>
      </c>
      <c r="EX39" s="25">
        <v>0</v>
      </c>
      <c r="EY39" s="28">
        <v>0</v>
      </c>
      <c r="EZ39" s="29">
        <v>0</v>
      </c>
      <c r="FA39" s="24">
        <v>0</v>
      </c>
      <c r="FB39" s="25">
        <v>0</v>
      </c>
      <c r="FC39" s="26">
        <v>0</v>
      </c>
      <c r="FD39" s="404">
        <v>0</v>
      </c>
      <c r="FE39" s="25">
        <v>0</v>
      </c>
      <c r="FF39" s="25">
        <v>0</v>
      </c>
      <c r="FG39" s="25">
        <v>0</v>
      </c>
      <c r="FH39" s="25">
        <v>14415</v>
      </c>
      <c r="FI39" s="25">
        <v>651</v>
      </c>
      <c r="FJ39" s="28">
        <v>15066</v>
      </c>
      <c r="FK39" s="29">
        <v>15066</v>
      </c>
      <c r="FL39" s="24">
        <v>0</v>
      </c>
      <c r="FM39" s="25">
        <v>0</v>
      </c>
      <c r="FN39" s="26">
        <v>0</v>
      </c>
      <c r="FO39" s="404">
        <v>0</v>
      </c>
      <c r="FP39" s="25">
        <v>0</v>
      </c>
      <c r="FQ39" s="25">
        <v>0</v>
      </c>
      <c r="FR39" s="25">
        <v>0</v>
      </c>
      <c r="FS39" s="25">
        <v>0</v>
      </c>
      <c r="FT39" s="25">
        <v>0</v>
      </c>
      <c r="FU39" s="28">
        <v>0</v>
      </c>
      <c r="FV39" s="29">
        <v>0</v>
      </c>
      <c r="FW39" s="24">
        <v>0</v>
      </c>
      <c r="FX39" s="25">
        <v>0</v>
      </c>
      <c r="FY39" s="26">
        <v>0</v>
      </c>
      <c r="FZ39" s="27">
        <v>0</v>
      </c>
      <c r="GA39" s="25">
        <v>5490</v>
      </c>
      <c r="GB39" s="25">
        <v>11525</v>
      </c>
      <c r="GC39" s="25">
        <v>970</v>
      </c>
      <c r="GD39" s="25">
        <v>41824</v>
      </c>
      <c r="GE39" s="25">
        <v>52491</v>
      </c>
      <c r="GF39" s="28">
        <v>112300</v>
      </c>
      <c r="GG39" s="29">
        <v>112300</v>
      </c>
      <c r="GH39" s="24">
        <v>0</v>
      </c>
      <c r="GI39" s="25">
        <v>0</v>
      </c>
      <c r="GJ39" s="26">
        <v>0</v>
      </c>
      <c r="GK39" s="27">
        <v>0</v>
      </c>
      <c r="GL39" s="25">
        <v>35</v>
      </c>
      <c r="GM39" s="25">
        <v>0</v>
      </c>
      <c r="GN39" s="25">
        <v>0</v>
      </c>
      <c r="GO39" s="25">
        <v>56</v>
      </c>
      <c r="GP39" s="25">
        <v>0</v>
      </c>
      <c r="GQ39" s="28">
        <v>91</v>
      </c>
      <c r="GR39" s="29">
        <v>91</v>
      </c>
      <c r="GS39" s="24">
        <v>0</v>
      </c>
      <c r="GT39" s="25">
        <v>0</v>
      </c>
      <c r="GU39" s="26">
        <v>0</v>
      </c>
      <c r="GV39" s="27">
        <v>0</v>
      </c>
      <c r="GW39" s="25">
        <v>0</v>
      </c>
      <c r="GX39" s="25">
        <v>0</v>
      </c>
      <c r="GY39" s="25">
        <v>0</v>
      </c>
      <c r="GZ39" s="25">
        <v>0</v>
      </c>
      <c r="HA39" s="25">
        <v>0</v>
      </c>
      <c r="HB39" s="28">
        <v>0</v>
      </c>
      <c r="HC39" s="29">
        <v>0</v>
      </c>
      <c r="HD39" s="24">
        <v>0</v>
      </c>
      <c r="HE39" s="25">
        <v>0</v>
      </c>
      <c r="HF39" s="26">
        <v>0</v>
      </c>
      <c r="HG39" s="404">
        <v>0</v>
      </c>
      <c r="HH39" s="25">
        <v>0</v>
      </c>
      <c r="HI39" s="25">
        <v>0</v>
      </c>
      <c r="HJ39" s="25">
        <v>0</v>
      </c>
      <c r="HK39" s="25">
        <v>0</v>
      </c>
      <c r="HL39" s="25">
        <v>0</v>
      </c>
      <c r="HM39" s="28">
        <v>0</v>
      </c>
      <c r="HN39" s="29">
        <v>0</v>
      </c>
      <c r="HO39" s="24">
        <v>0</v>
      </c>
      <c r="HP39" s="25">
        <v>0</v>
      </c>
      <c r="HQ39" s="26">
        <v>0</v>
      </c>
      <c r="HR39" s="27">
        <v>0</v>
      </c>
      <c r="HS39" s="25">
        <v>60425</v>
      </c>
      <c r="HT39" s="25">
        <v>284702</v>
      </c>
      <c r="HU39" s="25">
        <v>1116069</v>
      </c>
      <c r="HV39" s="25">
        <v>2066928</v>
      </c>
      <c r="HW39" s="25">
        <v>1085446</v>
      </c>
      <c r="HX39" s="28">
        <v>4613570</v>
      </c>
      <c r="HY39" s="29">
        <v>4613570</v>
      </c>
    </row>
    <row r="40" spans="2:233" ht="21" customHeight="1" thickBot="1" x14ac:dyDescent="0.25">
      <c r="B40" s="108" t="s">
        <v>37</v>
      </c>
      <c r="C40" s="31">
        <v>0</v>
      </c>
      <c r="D40" s="32">
        <v>0</v>
      </c>
      <c r="E40" s="33">
        <v>0</v>
      </c>
      <c r="F40" s="34">
        <v>0</v>
      </c>
      <c r="G40" s="32">
        <v>0</v>
      </c>
      <c r="H40" s="32">
        <v>2635</v>
      </c>
      <c r="I40" s="32">
        <v>105935</v>
      </c>
      <c r="J40" s="32">
        <v>68180</v>
      </c>
      <c r="K40" s="32">
        <v>128030</v>
      </c>
      <c r="L40" s="35">
        <v>304780</v>
      </c>
      <c r="M40" s="36">
        <v>304780</v>
      </c>
      <c r="N40" s="31">
        <v>0</v>
      </c>
      <c r="O40" s="32">
        <v>0</v>
      </c>
      <c r="P40" s="33">
        <v>0</v>
      </c>
      <c r="Q40" s="405">
        <v>0</v>
      </c>
      <c r="R40" s="32">
        <v>0</v>
      </c>
      <c r="S40" s="32">
        <v>0</v>
      </c>
      <c r="T40" s="32">
        <v>35340</v>
      </c>
      <c r="U40" s="32">
        <v>67890</v>
      </c>
      <c r="V40" s="32">
        <v>70680</v>
      </c>
      <c r="W40" s="35">
        <v>173910</v>
      </c>
      <c r="X40" s="36">
        <v>173910</v>
      </c>
      <c r="Y40" s="31">
        <v>0</v>
      </c>
      <c r="Z40" s="32">
        <v>0</v>
      </c>
      <c r="AA40" s="33">
        <v>0</v>
      </c>
      <c r="AB40" s="405">
        <v>0</v>
      </c>
      <c r="AC40" s="32">
        <v>0</v>
      </c>
      <c r="AD40" s="32">
        <v>2635</v>
      </c>
      <c r="AE40" s="32">
        <v>70595</v>
      </c>
      <c r="AF40" s="32">
        <v>0</v>
      </c>
      <c r="AG40" s="32">
        <v>57350</v>
      </c>
      <c r="AH40" s="35">
        <v>130580</v>
      </c>
      <c r="AI40" s="36">
        <v>130580</v>
      </c>
      <c r="AJ40" s="31">
        <v>0</v>
      </c>
      <c r="AK40" s="32">
        <v>0</v>
      </c>
      <c r="AL40" s="33">
        <v>0</v>
      </c>
      <c r="AM40" s="405">
        <v>0</v>
      </c>
      <c r="AN40" s="32">
        <v>0</v>
      </c>
      <c r="AO40" s="32">
        <v>0</v>
      </c>
      <c r="AP40" s="32">
        <v>0</v>
      </c>
      <c r="AQ40" s="32">
        <v>0</v>
      </c>
      <c r="AR40" s="32">
        <v>0</v>
      </c>
      <c r="AS40" s="35">
        <v>0</v>
      </c>
      <c r="AT40" s="36">
        <v>0</v>
      </c>
      <c r="AU40" s="31">
        <v>0</v>
      </c>
      <c r="AV40" s="32">
        <v>0</v>
      </c>
      <c r="AW40" s="33">
        <v>0</v>
      </c>
      <c r="AX40" s="405">
        <v>0</v>
      </c>
      <c r="AY40" s="32">
        <v>0</v>
      </c>
      <c r="AZ40" s="32">
        <v>0</v>
      </c>
      <c r="BA40" s="32">
        <v>0</v>
      </c>
      <c r="BB40" s="32">
        <v>0</v>
      </c>
      <c r="BC40" s="32">
        <v>0</v>
      </c>
      <c r="BD40" s="35">
        <v>0</v>
      </c>
      <c r="BE40" s="36">
        <v>0</v>
      </c>
      <c r="BF40" s="31">
        <v>0</v>
      </c>
      <c r="BG40" s="32">
        <v>0</v>
      </c>
      <c r="BH40" s="33">
        <v>0</v>
      </c>
      <c r="BI40" s="405">
        <v>0</v>
      </c>
      <c r="BJ40" s="32">
        <v>0</v>
      </c>
      <c r="BK40" s="32">
        <v>0</v>
      </c>
      <c r="BL40" s="32">
        <v>0</v>
      </c>
      <c r="BM40" s="32">
        <v>0</v>
      </c>
      <c r="BN40" s="32">
        <v>0</v>
      </c>
      <c r="BO40" s="35">
        <v>0</v>
      </c>
      <c r="BP40" s="36">
        <v>0</v>
      </c>
      <c r="BQ40" s="31">
        <v>0</v>
      </c>
      <c r="BR40" s="32">
        <v>0</v>
      </c>
      <c r="BS40" s="33">
        <v>0</v>
      </c>
      <c r="BT40" s="34">
        <v>0</v>
      </c>
      <c r="BU40" s="32">
        <v>0</v>
      </c>
      <c r="BV40" s="32">
        <v>0</v>
      </c>
      <c r="BW40" s="32">
        <v>0</v>
      </c>
      <c r="BX40" s="32">
        <v>290</v>
      </c>
      <c r="BY40" s="32">
        <v>0</v>
      </c>
      <c r="BZ40" s="35">
        <v>290</v>
      </c>
      <c r="CA40" s="36">
        <v>290</v>
      </c>
      <c r="CB40" s="31">
        <v>0</v>
      </c>
      <c r="CC40" s="32">
        <v>0</v>
      </c>
      <c r="CD40" s="33">
        <v>0</v>
      </c>
      <c r="CE40" s="34">
        <v>0</v>
      </c>
      <c r="CF40" s="32">
        <v>0</v>
      </c>
      <c r="CG40" s="32">
        <v>0</v>
      </c>
      <c r="CH40" s="32">
        <v>0</v>
      </c>
      <c r="CI40" s="32">
        <v>0</v>
      </c>
      <c r="CJ40" s="32">
        <v>0</v>
      </c>
      <c r="CK40" s="35">
        <v>0</v>
      </c>
      <c r="CL40" s="36">
        <v>0</v>
      </c>
      <c r="CM40" s="31">
        <v>0</v>
      </c>
      <c r="CN40" s="32">
        <v>0</v>
      </c>
      <c r="CO40" s="33">
        <v>0</v>
      </c>
      <c r="CP40" s="34">
        <v>0</v>
      </c>
      <c r="CQ40" s="32">
        <v>0</v>
      </c>
      <c r="CR40" s="32">
        <v>0</v>
      </c>
      <c r="CS40" s="32">
        <v>0</v>
      </c>
      <c r="CT40" s="32">
        <v>0</v>
      </c>
      <c r="CU40" s="32">
        <v>0</v>
      </c>
      <c r="CV40" s="35">
        <v>0</v>
      </c>
      <c r="CW40" s="36">
        <v>0</v>
      </c>
      <c r="CX40" s="31">
        <v>0</v>
      </c>
      <c r="CY40" s="32">
        <v>0</v>
      </c>
      <c r="CZ40" s="33">
        <v>0</v>
      </c>
      <c r="DA40" s="405">
        <v>0</v>
      </c>
      <c r="DB40" s="32">
        <v>0</v>
      </c>
      <c r="DC40" s="32">
        <v>0</v>
      </c>
      <c r="DD40" s="32">
        <v>0</v>
      </c>
      <c r="DE40" s="32">
        <v>0</v>
      </c>
      <c r="DF40" s="32">
        <v>0</v>
      </c>
      <c r="DG40" s="35">
        <v>0</v>
      </c>
      <c r="DH40" s="36">
        <v>0</v>
      </c>
      <c r="DI40" s="31">
        <v>0</v>
      </c>
      <c r="DJ40" s="32">
        <v>0</v>
      </c>
      <c r="DK40" s="33">
        <v>0</v>
      </c>
      <c r="DL40" s="34">
        <v>0</v>
      </c>
      <c r="DM40" s="32">
        <v>0</v>
      </c>
      <c r="DN40" s="32">
        <v>217</v>
      </c>
      <c r="DO40" s="32">
        <v>48360</v>
      </c>
      <c r="DP40" s="32">
        <v>133504</v>
      </c>
      <c r="DQ40" s="32">
        <v>82305</v>
      </c>
      <c r="DR40" s="35">
        <v>264386</v>
      </c>
      <c r="DS40" s="37">
        <v>264386</v>
      </c>
      <c r="DT40" s="31">
        <v>0</v>
      </c>
      <c r="DU40" s="32">
        <v>0</v>
      </c>
      <c r="DV40" s="33">
        <v>0</v>
      </c>
      <c r="DW40" s="405">
        <v>0</v>
      </c>
      <c r="DX40" s="32">
        <v>0</v>
      </c>
      <c r="DY40" s="32">
        <v>0</v>
      </c>
      <c r="DZ40" s="32">
        <v>36611</v>
      </c>
      <c r="EA40" s="32">
        <v>131564</v>
      </c>
      <c r="EB40" s="32">
        <v>81871</v>
      </c>
      <c r="EC40" s="35">
        <v>250046</v>
      </c>
      <c r="ED40" s="36">
        <v>250046</v>
      </c>
      <c r="EE40" s="31">
        <v>0</v>
      </c>
      <c r="EF40" s="32">
        <v>0</v>
      </c>
      <c r="EG40" s="33">
        <v>0</v>
      </c>
      <c r="EH40" s="405">
        <v>0</v>
      </c>
      <c r="EI40" s="32">
        <v>0</v>
      </c>
      <c r="EJ40" s="32">
        <v>217</v>
      </c>
      <c r="EK40" s="32">
        <v>11749</v>
      </c>
      <c r="EL40" s="32">
        <v>0</v>
      </c>
      <c r="EM40" s="32">
        <v>434</v>
      </c>
      <c r="EN40" s="35">
        <v>12400</v>
      </c>
      <c r="EO40" s="36">
        <v>12400</v>
      </c>
      <c r="EP40" s="31">
        <v>0</v>
      </c>
      <c r="EQ40" s="32">
        <v>0</v>
      </c>
      <c r="ER40" s="33">
        <v>0</v>
      </c>
      <c r="ES40" s="405">
        <v>0</v>
      </c>
      <c r="ET40" s="32">
        <v>0</v>
      </c>
      <c r="EU40" s="32">
        <v>0</v>
      </c>
      <c r="EV40" s="32">
        <v>0</v>
      </c>
      <c r="EW40" s="32">
        <v>0</v>
      </c>
      <c r="EX40" s="32">
        <v>0</v>
      </c>
      <c r="EY40" s="35">
        <v>0</v>
      </c>
      <c r="EZ40" s="36">
        <v>0</v>
      </c>
      <c r="FA40" s="31">
        <v>0</v>
      </c>
      <c r="FB40" s="32">
        <v>0</v>
      </c>
      <c r="FC40" s="33">
        <v>0</v>
      </c>
      <c r="FD40" s="405">
        <v>0</v>
      </c>
      <c r="FE40" s="32">
        <v>0</v>
      </c>
      <c r="FF40" s="32">
        <v>0</v>
      </c>
      <c r="FG40" s="32">
        <v>0</v>
      </c>
      <c r="FH40" s="32">
        <v>0</v>
      </c>
      <c r="FI40" s="32">
        <v>0</v>
      </c>
      <c r="FJ40" s="35">
        <v>0</v>
      </c>
      <c r="FK40" s="36">
        <v>0</v>
      </c>
      <c r="FL40" s="31">
        <v>0</v>
      </c>
      <c r="FM40" s="32">
        <v>0</v>
      </c>
      <c r="FN40" s="33">
        <v>0</v>
      </c>
      <c r="FO40" s="405">
        <v>0</v>
      </c>
      <c r="FP40" s="32">
        <v>0</v>
      </c>
      <c r="FQ40" s="32">
        <v>0</v>
      </c>
      <c r="FR40" s="32">
        <v>0</v>
      </c>
      <c r="FS40" s="32">
        <v>0</v>
      </c>
      <c r="FT40" s="32">
        <v>0</v>
      </c>
      <c r="FU40" s="35">
        <v>0</v>
      </c>
      <c r="FV40" s="36">
        <v>0</v>
      </c>
      <c r="FW40" s="31">
        <v>0</v>
      </c>
      <c r="FX40" s="32">
        <v>0</v>
      </c>
      <c r="FY40" s="33">
        <v>0</v>
      </c>
      <c r="FZ40" s="34">
        <v>0</v>
      </c>
      <c r="GA40" s="32">
        <v>0</v>
      </c>
      <c r="GB40" s="32">
        <v>0</v>
      </c>
      <c r="GC40" s="32">
        <v>0</v>
      </c>
      <c r="GD40" s="32">
        <v>1940</v>
      </c>
      <c r="GE40" s="32">
        <v>0</v>
      </c>
      <c r="GF40" s="35">
        <v>1940</v>
      </c>
      <c r="GG40" s="36">
        <v>1940</v>
      </c>
      <c r="GH40" s="31">
        <v>0</v>
      </c>
      <c r="GI40" s="32">
        <v>0</v>
      </c>
      <c r="GJ40" s="33">
        <v>0</v>
      </c>
      <c r="GK40" s="34">
        <v>0</v>
      </c>
      <c r="GL40" s="32">
        <v>0</v>
      </c>
      <c r="GM40" s="32">
        <v>0</v>
      </c>
      <c r="GN40" s="32">
        <v>0</v>
      </c>
      <c r="GO40" s="32">
        <v>0</v>
      </c>
      <c r="GP40" s="32">
        <v>0</v>
      </c>
      <c r="GQ40" s="35">
        <v>0</v>
      </c>
      <c r="GR40" s="36">
        <v>0</v>
      </c>
      <c r="GS40" s="31">
        <v>0</v>
      </c>
      <c r="GT40" s="32">
        <v>0</v>
      </c>
      <c r="GU40" s="33">
        <v>0</v>
      </c>
      <c r="GV40" s="34">
        <v>0</v>
      </c>
      <c r="GW40" s="32">
        <v>0</v>
      </c>
      <c r="GX40" s="32">
        <v>0</v>
      </c>
      <c r="GY40" s="32">
        <v>0</v>
      </c>
      <c r="GZ40" s="32">
        <v>0</v>
      </c>
      <c r="HA40" s="32">
        <v>0</v>
      </c>
      <c r="HB40" s="35">
        <v>0</v>
      </c>
      <c r="HC40" s="36">
        <v>0</v>
      </c>
      <c r="HD40" s="31">
        <v>0</v>
      </c>
      <c r="HE40" s="32">
        <v>0</v>
      </c>
      <c r="HF40" s="33">
        <v>0</v>
      </c>
      <c r="HG40" s="405">
        <v>0</v>
      </c>
      <c r="HH40" s="32">
        <v>0</v>
      </c>
      <c r="HI40" s="32">
        <v>0</v>
      </c>
      <c r="HJ40" s="32">
        <v>0</v>
      </c>
      <c r="HK40" s="32">
        <v>0</v>
      </c>
      <c r="HL40" s="32">
        <v>0</v>
      </c>
      <c r="HM40" s="35">
        <v>0</v>
      </c>
      <c r="HN40" s="36">
        <v>0</v>
      </c>
      <c r="HO40" s="31">
        <v>0</v>
      </c>
      <c r="HP40" s="32">
        <v>0</v>
      </c>
      <c r="HQ40" s="33">
        <v>0</v>
      </c>
      <c r="HR40" s="34">
        <v>0</v>
      </c>
      <c r="HS40" s="32">
        <v>0</v>
      </c>
      <c r="HT40" s="32">
        <v>2852</v>
      </c>
      <c r="HU40" s="32">
        <v>154295</v>
      </c>
      <c r="HV40" s="32">
        <v>201684</v>
      </c>
      <c r="HW40" s="32">
        <v>210335</v>
      </c>
      <c r="HX40" s="35">
        <v>569166</v>
      </c>
      <c r="HY40" s="36">
        <v>569166</v>
      </c>
    </row>
    <row r="41" spans="2:233" x14ac:dyDescent="0.2">
      <c r="B41" s="71" t="s">
        <v>84</v>
      </c>
    </row>
  </sheetData>
  <mergeCells count="88">
    <mergeCell ref="G1:H1"/>
    <mergeCell ref="HD4:HN4"/>
    <mergeCell ref="DI3:HN3"/>
    <mergeCell ref="EP4:EZ4"/>
    <mergeCell ref="FL4:FV4"/>
    <mergeCell ref="CX4:DH4"/>
    <mergeCell ref="C3:DH3"/>
    <mergeCell ref="DI4:DS4"/>
    <mergeCell ref="DT4:ED4"/>
    <mergeCell ref="C4:M4"/>
    <mergeCell ref="N4:X4"/>
    <mergeCell ref="Y4:AI4"/>
    <mergeCell ref="AJ4:AT4"/>
    <mergeCell ref="BF4:BP4"/>
    <mergeCell ref="AU4:BE4"/>
    <mergeCell ref="HO3:HY4"/>
    <mergeCell ref="EE4:EO4"/>
    <mergeCell ref="FW4:GG4"/>
    <mergeCell ref="GH4:GR4"/>
    <mergeCell ref="GS4:HC4"/>
    <mergeCell ref="FA4:FK4"/>
    <mergeCell ref="C5:E5"/>
    <mergeCell ref="F5:L5"/>
    <mergeCell ref="M5:M6"/>
    <mergeCell ref="N5:P5"/>
    <mergeCell ref="Q5:W5"/>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s>
  <phoneticPr fontId="4"/>
  <pageMargins left="0.59055118110236227" right="0.39370078740157483" top="0.74803149606299213" bottom="0.74803149606299213" header="0.31496062992125984" footer="0.31496062992125984"/>
  <pageSetup paperSize="9" scale="40" orientation="landscape" r:id="rId1"/>
  <headerFooter>
    <oddFooter>&amp;L&amp;20&amp;A&amp;C&amp;P/&amp;N</oddFooter>
  </headerFooter>
  <colBreaks count="6" manualBreakCount="6">
    <brk id="35" max="1048575" man="1"/>
    <brk id="68" max="1048575" man="1"/>
    <brk id="102" max="1048575" man="1"/>
    <brk id="134" max="1048575" man="1"/>
    <brk id="167" max="1048575" man="1"/>
    <brk id="200"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93" width="9" style="70"/>
    <col min="94" max="94" width="8.44140625" style="70" customWidth="1"/>
    <col min="95" max="102" width="9" style="70"/>
    <col min="103" max="104" width="9" style="71"/>
    <col min="105" max="105" width="7.77734375" style="71" customWidth="1"/>
    <col min="106" max="115" width="9" style="71"/>
    <col min="116" max="116" width="7.77734375" style="71" customWidth="1"/>
    <col min="117" max="126" width="9" style="71"/>
    <col min="127" max="127" width="7.77734375" style="71" customWidth="1"/>
    <col min="128" max="137" width="9" style="71"/>
    <col min="138" max="138" width="8" style="71" customWidth="1"/>
    <col min="139" max="148" width="9" style="71"/>
    <col min="149" max="149" width="7.77734375" style="71" customWidth="1"/>
    <col min="150" max="159" width="9" style="71"/>
    <col min="160" max="160" width="7.44140625" style="71" customWidth="1"/>
    <col min="161" max="170" width="9" style="71"/>
    <col min="171" max="171" width="7.88671875" style="71" customWidth="1"/>
    <col min="172" max="181" width="9" style="71"/>
    <col min="182" max="182" width="7.21875" style="71" customWidth="1"/>
    <col min="183" max="192" width="9" style="71"/>
    <col min="193" max="193" width="8" style="71" customWidth="1"/>
    <col min="194" max="203" width="9" style="71"/>
    <col min="204" max="204" width="7.88671875" style="71" customWidth="1"/>
    <col min="205" max="214" width="9" style="71"/>
    <col min="215" max="215" width="7.88671875" style="71" customWidth="1"/>
    <col min="216" max="225" width="9" style="71"/>
    <col min="226" max="226" width="7.33203125" style="71" customWidth="1"/>
    <col min="227" max="236" width="9" style="71"/>
    <col min="237" max="237" width="7.6640625" style="71" customWidth="1"/>
    <col min="238" max="247" width="9" style="71"/>
    <col min="248" max="248" width="8" style="71" customWidth="1"/>
    <col min="249" max="258" width="9" style="71"/>
    <col min="259" max="259" width="8" style="71" customWidth="1"/>
    <col min="260" max="269" width="9" style="71"/>
    <col min="270" max="270" width="8" style="71" customWidth="1"/>
    <col min="271" max="280" width="9" style="71"/>
    <col min="281" max="281" width="8" style="71" customWidth="1"/>
    <col min="282" max="291" width="9" style="71"/>
    <col min="292" max="292" width="8.109375" style="71" customWidth="1"/>
    <col min="293" max="16384" width="9" style="71"/>
  </cols>
  <sheetData>
    <row r="1" spans="2:299" ht="24" customHeight="1" x14ac:dyDescent="0.2">
      <c r="B1" s="9" t="s">
        <v>119</v>
      </c>
      <c r="F1" s="442">
        <f>第１表!F2</f>
        <v>6</v>
      </c>
      <c r="G1" s="442"/>
      <c r="H1" s="18">
        <f>第１表!G2</f>
        <v>10</v>
      </c>
      <c r="I1" s="441">
        <f>H1</f>
        <v>10</v>
      </c>
      <c r="J1" s="441"/>
    </row>
    <row r="2" spans="2:299" ht="24" customHeight="1" thickBot="1" x14ac:dyDescent="0.25">
      <c r="B2" s="10" t="s">
        <v>129</v>
      </c>
    </row>
    <row r="3" spans="2:299" ht="21" customHeight="1" thickBot="1" x14ac:dyDescent="0.25">
      <c r="B3" s="428" t="s">
        <v>38</v>
      </c>
      <c r="C3" s="423" t="s">
        <v>96</v>
      </c>
      <c r="D3" s="423"/>
      <c r="E3" s="423"/>
      <c r="F3" s="423"/>
      <c r="G3" s="423"/>
      <c r="H3" s="423"/>
      <c r="I3" s="423"/>
      <c r="J3" s="423"/>
      <c r="K3" s="423"/>
      <c r="L3" s="423"/>
      <c r="M3" s="423"/>
      <c r="N3" s="423"/>
      <c r="O3" s="423"/>
      <c r="P3" s="423"/>
      <c r="Q3" s="423"/>
      <c r="R3" s="423"/>
      <c r="S3" s="423"/>
      <c r="T3" s="423"/>
      <c r="U3" s="423"/>
      <c r="V3" s="423"/>
      <c r="W3" s="423"/>
      <c r="X3" s="423"/>
      <c r="Y3" s="423"/>
      <c r="Z3" s="423"/>
      <c r="AA3" s="423"/>
      <c r="AB3" s="423"/>
      <c r="AC3" s="423"/>
      <c r="AD3" s="423"/>
      <c r="AE3" s="423"/>
      <c r="AF3" s="423"/>
      <c r="AG3" s="423"/>
      <c r="AH3" s="423"/>
      <c r="AI3" s="423"/>
      <c r="AJ3" s="423"/>
      <c r="AK3" s="423"/>
      <c r="AL3" s="423"/>
      <c r="AM3" s="423"/>
      <c r="AN3" s="423"/>
      <c r="AO3" s="423"/>
      <c r="AP3" s="423"/>
      <c r="AQ3" s="423"/>
      <c r="AR3" s="423"/>
      <c r="AS3" s="423"/>
      <c r="AT3" s="423"/>
      <c r="AU3" s="423"/>
      <c r="AV3" s="423"/>
      <c r="AW3" s="423"/>
      <c r="AX3" s="423"/>
      <c r="AY3" s="423"/>
      <c r="AZ3" s="423"/>
      <c r="BA3" s="423"/>
      <c r="BB3" s="423"/>
      <c r="BC3" s="423"/>
      <c r="BD3" s="423"/>
      <c r="BE3" s="423"/>
      <c r="BF3" s="423"/>
      <c r="BG3" s="423"/>
      <c r="BH3" s="423"/>
      <c r="BI3" s="423"/>
      <c r="BJ3" s="423"/>
      <c r="BK3" s="423"/>
      <c r="BL3" s="423"/>
      <c r="BM3" s="423"/>
      <c r="BN3" s="423"/>
      <c r="BO3" s="423"/>
      <c r="BP3" s="423"/>
      <c r="BQ3" s="423"/>
      <c r="BR3" s="423"/>
      <c r="BS3" s="423"/>
      <c r="BT3" s="423"/>
      <c r="BU3" s="423"/>
      <c r="BV3" s="423"/>
      <c r="BW3" s="423"/>
      <c r="BX3" s="423"/>
      <c r="BY3" s="423"/>
      <c r="BZ3" s="423"/>
      <c r="CA3" s="423"/>
      <c r="CB3" s="423"/>
      <c r="CC3" s="423"/>
      <c r="CD3" s="423"/>
      <c r="CE3" s="423"/>
      <c r="CF3" s="423"/>
      <c r="CG3" s="423"/>
      <c r="CH3" s="423"/>
      <c r="CI3" s="423"/>
      <c r="CJ3" s="423"/>
      <c r="CK3" s="423"/>
      <c r="CL3" s="423"/>
      <c r="CM3" s="423"/>
      <c r="CN3" s="423"/>
      <c r="CO3" s="423"/>
      <c r="CP3" s="423"/>
      <c r="CQ3" s="423"/>
      <c r="CR3" s="423"/>
      <c r="CS3" s="423"/>
      <c r="CT3" s="423"/>
      <c r="CU3" s="423"/>
      <c r="CV3" s="423"/>
      <c r="CW3" s="424"/>
      <c r="CX3" s="423" t="s">
        <v>102</v>
      </c>
      <c r="CY3" s="423"/>
      <c r="CZ3" s="423"/>
      <c r="DA3" s="423"/>
      <c r="DB3" s="423"/>
      <c r="DC3" s="423"/>
      <c r="DD3" s="423"/>
      <c r="DE3" s="423"/>
      <c r="DF3" s="423"/>
      <c r="DG3" s="423"/>
      <c r="DH3" s="423"/>
      <c r="DI3" s="423"/>
      <c r="DJ3" s="423"/>
      <c r="DK3" s="423"/>
      <c r="DL3" s="423"/>
      <c r="DM3" s="423"/>
      <c r="DN3" s="423"/>
      <c r="DO3" s="423"/>
      <c r="DP3" s="423"/>
      <c r="DQ3" s="423"/>
      <c r="DR3" s="423"/>
      <c r="DS3" s="423"/>
      <c r="DT3" s="423"/>
      <c r="DU3" s="423"/>
      <c r="DV3" s="423"/>
      <c r="DW3" s="423"/>
      <c r="DX3" s="423"/>
      <c r="DY3" s="423"/>
      <c r="DZ3" s="423"/>
      <c r="EA3" s="423"/>
      <c r="EB3" s="423"/>
      <c r="EC3" s="423"/>
      <c r="ED3" s="423"/>
      <c r="EE3" s="423"/>
      <c r="EF3" s="423"/>
      <c r="EG3" s="423"/>
      <c r="EH3" s="423"/>
      <c r="EI3" s="423"/>
      <c r="EJ3" s="423"/>
      <c r="EK3" s="423"/>
      <c r="EL3" s="423"/>
      <c r="EM3" s="423"/>
      <c r="EN3" s="423"/>
      <c r="EO3" s="423"/>
      <c r="EP3" s="423"/>
      <c r="EQ3" s="423"/>
      <c r="ER3" s="423"/>
      <c r="ES3" s="423"/>
      <c r="ET3" s="423"/>
      <c r="EU3" s="423"/>
      <c r="EV3" s="423"/>
      <c r="EW3" s="423"/>
      <c r="EX3" s="423"/>
      <c r="EY3" s="423"/>
      <c r="EZ3" s="423"/>
      <c r="FA3" s="423"/>
      <c r="FB3" s="423"/>
      <c r="FC3" s="423"/>
      <c r="FD3" s="423"/>
      <c r="FE3" s="423"/>
      <c r="FF3" s="423"/>
      <c r="FG3" s="423"/>
      <c r="FH3" s="423"/>
      <c r="FI3" s="423"/>
      <c r="FJ3" s="423"/>
      <c r="FK3" s="423"/>
      <c r="FL3" s="423"/>
      <c r="FM3" s="423"/>
      <c r="FN3" s="423"/>
      <c r="FO3" s="423"/>
      <c r="FP3" s="423"/>
      <c r="FQ3" s="423"/>
      <c r="FR3" s="423"/>
      <c r="FS3" s="423"/>
      <c r="FT3" s="423"/>
      <c r="FU3" s="423"/>
      <c r="FV3" s="423"/>
      <c r="FW3" s="423"/>
      <c r="FX3" s="423"/>
      <c r="FY3" s="423"/>
      <c r="FZ3" s="423"/>
      <c r="GA3" s="423"/>
      <c r="GB3" s="423"/>
      <c r="GC3" s="423"/>
      <c r="GD3" s="423"/>
      <c r="GE3" s="423"/>
      <c r="GF3" s="423"/>
      <c r="GG3" s="423"/>
      <c r="GH3" s="423"/>
      <c r="GI3" s="423"/>
      <c r="GJ3" s="423"/>
      <c r="GK3" s="423"/>
      <c r="GL3" s="423"/>
      <c r="GM3" s="423"/>
      <c r="GN3" s="423"/>
      <c r="GO3" s="423"/>
      <c r="GP3" s="423"/>
      <c r="GQ3" s="423"/>
      <c r="GR3" s="424"/>
      <c r="GS3" s="423" t="s">
        <v>103</v>
      </c>
      <c r="GT3" s="423"/>
      <c r="GU3" s="423"/>
      <c r="GV3" s="423"/>
      <c r="GW3" s="423"/>
      <c r="GX3" s="423"/>
      <c r="GY3" s="423"/>
      <c r="GZ3" s="423"/>
      <c r="HA3" s="423"/>
      <c r="HB3" s="423"/>
      <c r="HC3" s="423"/>
      <c r="HD3" s="423"/>
      <c r="HE3" s="423"/>
      <c r="HF3" s="423"/>
      <c r="HG3" s="423"/>
      <c r="HH3" s="423"/>
      <c r="HI3" s="423"/>
      <c r="HJ3" s="423"/>
      <c r="HK3" s="423"/>
      <c r="HL3" s="423"/>
      <c r="HM3" s="423"/>
      <c r="HN3" s="423"/>
      <c r="HO3" s="423"/>
      <c r="HP3" s="423"/>
      <c r="HQ3" s="423"/>
      <c r="HR3" s="423"/>
      <c r="HS3" s="423"/>
      <c r="HT3" s="423"/>
      <c r="HU3" s="423"/>
      <c r="HV3" s="423"/>
      <c r="HW3" s="423"/>
      <c r="HX3" s="423"/>
      <c r="HY3" s="423"/>
      <c r="HZ3" s="423"/>
      <c r="IA3" s="423"/>
      <c r="IB3" s="423"/>
      <c r="IC3" s="423"/>
      <c r="ID3" s="423"/>
      <c r="IE3" s="423"/>
      <c r="IF3" s="423"/>
      <c r="IG3" s="423"/>
      <c r="IH3" s="423"/>
      <c r="II3" s="423"/>
      <c r="IJ3" s="423"/>
      <c r="IK3" s="423"/>
      <c r="IL3" s="423"/>
      <c r="IM3" s="423"/>
      <c r="IN3" s="423"/>
      <c r="IO3" s="423"/>
      <c r="IP3" s="423"/>
      <c r="IQ3" s="423"/>
      <c r="IR3" s="423"/>
      <c r="IS3" s="423"/>
      <c r="IT3" s="423"/>
      <c r="IU3" s="423"/>
      <c r="IV3" s="423"/>
      <c r="IW3" s="423"/>
      <c r="IX3" s="423"/>
      <c r="IY3" s="423"/>
      <c r="IZ3" s="423"/>
      <c r="JA3" s="423"/>
      <c r="JB3" s="423"/>
      <c r="JC3" s="423"/>
      <c r="JD3" s="423"/>
      <c r="JE3" s="423"/>
      <c r="JF3" s="423"/>
      <c r="JG3" s="423"/>
      <c r="JH3" s="423"/>
      <c r="JI3" s="423"/>
      <c r="JJ3" s="423"/>
      <c r="JK3" s="423"/>
      <c r="JL3" s="423"/>
      <c r="JM3" s="423"/>
      <c r="JN3" s="423"/>
      <c r="JO3" s="423"/>
      <c r="JP3" s="423"/>
      <c r="JQ3" s="423"/>
      <c r="JR3" s="423"/>
      <c r="JS3" s="423"/>
      <c r="JT3" s="423"/>
      <c r="JU3" s="423"/>
      <c r="JV3" s="423"/>
      <c r="JW3" s="423"/>
      <c r="JX3" s="423"/>
      <c r="JY3" s="423"/>
      <c r="JZ3" s="423"/>
      <c r="KA3" s="423"/>
      <c r="KB3" s="423"/>
      <c r="KC3" s="423"/>
      <c r="KD3" s="423"/>
      <c r="KE3" s="423"/>
      <c r="KF3" s="423"/>
      <c r="KG3" s="423"/>
      <c r="KH3" s="423"/>
      <c r="KI3" s="423"/>
      <c r="KJ3" s="423"/>
      <c r="KK3" s="423"/>
      <c r="KL3" s="423"/>
      <c r="KM3" s="424"/>
    </row>
    <row r="4" spans="2:299" ht="21" customHeight="1" thickBot="1" x14ac:dyDescent="0.25">
      <c r="B4" s="440"/>
      <c r="C4" s="425" t="s">
        <v>39</v>
      </c>
      <c r="D4" s="426"/>
      <c r="E4" s="426"/>
      <c r="F4" s="426"/>
      <c r="G4" s="426"/>
      <c r="H4" s="426"/>
      <c r="I4" s="426"/>
      <c r="J4" s="426"/>
      <c r="K4" s="426"/>
      <c r="L4" s="426"/>
      <c r="M4" s="426"/>
      <c r="N4" s="426"/>
      <c r="O4" s="426"/>
      <c r="P4" s="426"/>
      <c r="Q4" s="426"/>
      <c r="R4" s="426"/>
      <c r="S4" s="426"/>
      <c r="T4" s="426"/>
      <c r="U4" s="426"/>
      <c r="V4" s="426"/>
      <c r="W4" s="426"/>
      <c r="X4" s="426"/>
      <c r="Y4" s="426"/>
      <c r="Z4" s="426"/>
      <c r="AA4" s="426"/>
      <c r="AB4" s="426"/>
      <c r="AC4" s="426"/>
      <c r="AD4" s="426"/>
      <c r="AE4" s="426"/>
      <c r="AF4" s="426"/>
      <c r="AG4" s="426"/>
      <c r="AH4" s="426"/>
      <c r="AI4" s="426"/>
      <c r="AJ4" s="426"/>
      <c r="AK4" s="426"/>
      <c r="AL4" s="426"/>
      <c r="AM4" s="426"/>
      <c r="AN4" s="426"/>
      <c r="AO4" s="426"/>
      <c r="AP4" s="426"/>
      <c r="AQ4" s="426"/>
      <c r="AR4" s="426"/>
      <c r="AS4" s="426"/>
      <c r="AT4" s="426"/>
      <c r="AU4" s="426"/>
      <c r="AV4" s="426"/>
      <c r="AW4" s="426"/>
      <c r="AX4" s="426"/>
      <c r="AY4" s="426"/>
      <c r="AZ4" s="426"/>
      <c r="BA4" s="426"/>
      <c r="BB4" s="426"/>
      <c r="BC4" s="426"/>
      <c r="BD4" s="426"/>
      <c r="BE4" s="426"/>
      <c r="BF4" s="426"/>
      <c r="BG4" s="426"/>
      <c r="BH4" s="426"/>
      <c r="BI4" s="426"/>
      <c r="BJ4" s="426"/>
      <c r="BK4" s="426"/>
      <c r="BL4" s="426"/>
      <c r="BM4" s="426"/>
      <c r="BN4" s="426"/>
      <c r="BO4" s="426"/>
      <c r="BP4" s="426"/>
      <c r="BQ4" s="426"/>
      <c r="BR4" s="426"/>
      <c r="BS4" s="426"/>
      <c r="BT4" s="426"/>
      <c r="BU4" s="426"/>
      <c r="BV4" s="426"/>
      <c r="BW4" s="426"/>
      <c r="BX4" s="426"/>
      <c r="BY4" s="426"/>
      <c r="BZ4" s="426"/>
      <c r="CA4" s="427"/>
      <c r="CB4" s="428" t="s">
        <v>40</v>
      </c>
      <c r="CC4" s="429"/>
      <c r="CD4" s="429"/>
      <c r="CE4" s="429"/>
      <c r="CF4" s="429"/>
      <c r="CG4" s="429"/>
      <c r="CH4" s="429"/>
      <c r="CI4" s="429"/>
      <c r="CJ4" s="429"/>
      <c r="CK4" s="429"/>
      <c r="CL4" s="430"/>
      <c r="CM4" s="428" t="s">
        <v>41</v>
      </c>
      <c r="CN4" s="429"/>
      <c r="CO4" s="429"/>
      <c r="CP4" s="429"/>
      <c r="CQ4" s="429"/>
      <c r="CR4" s="429"/>
      <c r="CS4" s="429"/>
      <c r="CT4" s="429"/>
      <c r="CU4" s="429"/>
      <c r="CV4" s="429"/>
      <c r="CW4" s="430"/>
      <c r="CX4" s="425" t="s">
        <v>39</v>
      </c>
      <c r="CY4" s="426"/>
      <c r="CZ4" s="426"/>
      <c r="DA4" s="426"/>
      <c r="DB4" s="426"/>
      <c r="DC4" s="426"/>
      <c r="DD4" s="426"/>
      <c r="DE4" s="426"/>
      <c r="DF4" s="426"/>
      <c r="DG4" s="426"/>
      <c r="DH4" s="426"/>
      <c r="DI4" s="426"/>
      <c r="DJ4" s="426"/>
      <c r="DK4" s="426"/>
      <c r="DL4" s="426"/>
      <c r="DM4" s="426"/>
      <c r="DN4" s="426"/>
      <c r="DO4" s="426"/>
      <c r="DP4" s="426"/>
      <c r="DQ4" s="426"/>
      <c r="DR4" s="426"/>
      <c r="DS4" s="426"/>
      <c r="DT4" s="426"/>
      <c r="DU4" s="426"/>
      <c r="DV4" s="426"/>
      <c r="DW4" s="426"/>
      <c r="DX4" s="426"/>
      <c r="DY4" s="426"/>
      <c r="DZ4" s="426"/>
      <c r="EA4" s="426"/>
      <c r="EB4" s="426"/>
      <c r="EC4" s="426"/>
      <c r="ED4" s="426"/>
      <c r="EE4" s="426"/>
      <c r="EF4" s="426"/>
      <c r="EG4" s="426"/>
      <c r="EH4" s="426"/>
      <c r="EI4" s="426"/>
      <c r="EJ4" s="426"/>
      <c r="EK4" s="426"/>
      <c r="EL4" s="426"/>
      <c r="EM4" s="426"/>
      <c r="EN4" s="426"/>
      <c r="EO4" s="426"/>
      <c r="EP4" s="426"/>
      <c r="EQ4" s="426"/>
      <c r="ER4" s="426"/>
      <c r="ES4" s="426"/>
      <c r="ET4" s="426"/>
      <c r="EU4" s="426"/>
      <c r="EV4" s="426"/>
      <c r="EW4" s="426"/>
      <c r="EX4" s="426"/>
      <c r="EY4" s="426"/>
      <c r="EZ4" s="426"/>
      <c r="FA4" s="426"/>
      <c r="FB4" s="426"/>
      <c r="FC4" s="426"/>
      <c r="FD4" s="426"/>
      <c r="FE4" s="426"/>
      <c r="FF4" s="426"/>
      <c r="FG4" s="426"/>
      <c r="FH4" s="426"/>
      <c r="FI4" s="426"/>
      <c r="FJ4" s="426"/>
      <c r="FK4" s="426"/>
      <c r="FL4" s="426"/>
      <c r="FM4" s="426"/>
      <c r="FN4" s="426"/>
      <c r="FO4" s="426"/>
      <c r="FP4" s="426"/>
      <c r="FQ4" s="426"/>
      <c r="FR4" s="426"/>
      <c r="FS4" s="426"/>
      <c r="FT4" s="426"/>
      <c r="FU4" s="426"/>
      <c r="FV4" s="427"/>
      <c r="FW4" s="428" t="s">
        <v>40</v>
      </c>
      <c r="FX4" s="429"/>
      <c r="FY4" s="429"/>
      <c r="FZ4" s="429"/>
      <c r="GA4" s="429"/>
      <c r="GB4" s="429"/>
      <c r="GC4" s="429"/>
      <c r="GD4" s="429"/>
      <c r="GE4" s="429"/>
      <c r="GF4" s="429"/>
      <c r="GG4" s="430"/>
      <c r="GH4" s="428" t="s">
        <v>41</v>
      </c>
      <c r="GI4" s="429"/>
      <c r="GJ4" s="429"/>
      <c r="GK4" s="429"/>
      <c r="GL4" s="429"/>
      <c r="GM4" s="429"/>
      <c r="GN4" s="429"/>
      <c r="GO4" s="429"/>
      <c r="GP4" s="429"/>
      <c r="GQ4" s="429"/>
      <c r="GR4" s="430"/>
      <c r="GS4" s="425" t="s">
        <v>39</v>
      </c>
      <c r="GT4" s="426"/>
      <c r="GU4" s="426"/>
      <c r="GV4" s="426"/>
      <c r="GW4" s="426"/>
      <c r="GX4" s="426"/>
      <c r="GY4" s="426"/>
      <c r="GZ4" s="426"/>
      <c r="HA4" s="426"/>
      <c r="HB4" s="426"/>
      <c r="HC4" s="426"/>
      <c r="HD4" s="426"/>
      <c r="HE4" s="426"/>
      <c r="HF4" s="426"/>
      <c r="HG4" s="426"/>
      <c r="HH4" s="426"/>
      <c r="HI4" s="426"/>
      <c r="HJ4" s="426"/>
      <c r="HK4" s="426"/>
      <c r="HL4" s="426"/>
      <c r="HM4" s="426"/>
      <c r="HN4" s="426"/>
      <c r="HO4" s="426"/>
      <c r="HP4" s="426"/>
      <c r="HQ4" s="426"/>
      <c r="HR4" s="426"/>
      <c r="HS4" s="426"/>
      <c r="HT4" s="426"/>
      <c r="HU4" s="426"/>
      <c r="HV4" s="426"/>
      <c r="HW4" s="426"/>
      <c r="HX4" s="426"/>
      <c r="HY4" s="426"/>
      <c r="HZ4" s="426"/>
      <c r="IA4" s="426"/>
      <c r="IB4" s="426"/>
      <c r="IC4" s="426"/>
      <c r="ID4" s="426"/>
      <c r="IE4" s="426"/>
      <c r="IF4" s="426"/>
      <c r="IG4" s="426"/>
      <c r="IH4" s="426"/>
      <c r="II4" s="426"/>
      <c r="IJ4" s="426"/>
      <c r="IK4" s="426"/>
      <c r="IL4" s="426"/>
      <c r="IM4" s="426"/>
      <c r="IN4" s="426"/>
      <c r="IO4" s="426"/>
      <c r="IP4" s="426"/>
      <c r="IQ4" s="426"/>
      <c r="IR4" s="426"/>
      <c r="IS4" s="426"/>
      <c r="IT4" s="426"/>
      <c r="IU4" s="426"/>
      <c r="IV4" s="426"/>
      <c r="IW4" s="426"/>
      <c r="IX4" s="426"/>
      <c r="IY4" s="426"/>
      <c r="IZ4" s="426"/>
      <c r="JA4" s="426"/>
      <c r="JB4" s="426"/>
      <c r="JC4" s="426"/>
      <c r="JD4" s="426"/>
      <c r="JE4" s="426"/>
      <c r="JF4" s="426"/>
      <c r="JG4" s="426"/>
      <c r="JH4" s="426"/>
      <c r="JI4" s="426"/>
      <c r="JJ4" s="426"/>
      <c r="JK4" s="426"/>
      <c r="JL4" s="426"/>
      <c r="JM4" s="426"/>
      <c r="JN4" s="426"/>
      <c r="JO4" s="426"/>
      <c r="JP4" s="426"/>
      <c r="JQ4" s="427"/>
      <c r="JR4" s="428" t="s">
        <v>40</v>
      </c>
      <c r="JS4" s="429"/>
      <c r="JT4" s="429"/>
      <c r="JU4" s="429"/>
      <c r="JV4" s="429"/>
      <c r="JW4" s="429"/>
      <c r="JX4" s="429"/>
      <c r="JY4" s="429"/>
      <c r="JZ4" s="429"/>
      <c r="KA4" s="429"/>
      <c r="KB4" s="430"/>
      <c r="KC4" s="428" t="s">
        <v>41</v>
      </c>
      <c r="KD4" s="429"/>
      <c r="KE4" s="429"/>
      <c r="KF4" s="429"/>
      <c r="KG4" s="429"/>
      <c r="KH4" s="429"/>
      <c r="KI4" s="429"/>
      <c r="KJ4" s="429"/>
      <c r="KK4" s="429"/>
      <c r="KL4" s="429"/>
      <c r="KM4" s="430"/>
    </row>
    <row r="5" spans="2:299" ht="21" customHeight="1" thickBot="1" x14ac:dyDescent="0.25">
      <c r="B5" s="434"/>
      <c r="C5" s="434"/>
      <c r="D5" s="435"/>
      <c r="E5" s="435"/>
      <c r="F5" s="435"/>
      <c r="G5" s="435"/>
      <c r="H5" s="435"/>
      <c r="I5" s="435"/>
      <c r="J5" s="435"/>
      <c r="K5" s="435"/>
      <c r="L5" s="435"/>
      <c r="M5" s="436"/>
      <c r="N5" s="437" t="s">
        <v>97</v>
      </c>
      <c r="O5" s="438"/>
      <c r="P5" s="438"/>
      <c r="Q5" s="438"/>
      <c r="R5" s="438"/>
      <c r="S5" s="438"/>
      <c r="T5" s="438"/>
      <c r="U5" s="438"/>
      <c r="V5" s="438"/>
      <c r="W5" s="438"/>
      <c r="X5" s="439"/>
      <c r="Y5" s="437" t="s">
        <v>98</v>
      </c>
      <c r="Z5" s="438"/>
      <c r="AA5" s="438"/>
      <c r="AB5" s="438"/>
      <c r="AC5" s="438"/>
      <c r="AD5" s="438"/>
      <c r="AE5" s="438"/>
      <c r="AF5" s="438"/>
      <c r="AG5" s="438"/>
      <c r="AH5" s="438"/>
      <c r="AI5" s="439"/>
      <c r="AJ5" s="437" t="s">
        <v>99</v>
      </c>
      <c r="AK5" s="438"/>
      <c r="AL5" s="438"/>
      <c r="AM5" s="438"/>
      <c r="AN5" s="438"/>
      <c r="AO5" s="438"/>
      <c r="AP5" s="438"/>
      <c r="AQ5" s="438"/>
      <c r="AR5" s="438"/>
      <c r="AS5" s="438"/>
      <c r="AT5" s="439"/>
      <c r="AU5" s="437" t="s">
        <v>100</v>
      </c>
      <c r="AV5" s="438"/>
      <c r="AW5" s="438"/>
      <c r="AX5" s="438"/>
      <c r="AY5" s="438"/>
      <c r="AZ5" s="438"/>
      <c r="BA5" s="438"/>
      <c r="BB5" s="438"/>
      <c r="BC5" s="438"/>
      <c r="BD5" s="438"/>
      <c r="BE5" s="439"/>
      <c r="BF5" s="437" t="s">
        <v>162</v>
      </c>
      <c r="BG5" s="438"/>
      <c r="BH5" s="438"/>
      <c r="BI5" s="438"/>
      <c r="BJ5" s="438"/>
      <c r="BK5" s="438"/>
      <c r="BL5" s="438"/>
      <c r="BM5" s="438"/>
      <c r="BN5" s="438"/>
      <c r="BO5" s="438"/>
      <c r="BP5" s="439"/>
      <c r="BQ5" s="437" t="s">
        <v>101</v>
      </c>
      <c r="BR5" s="438"/>
      <c r="BS5" s="438"/>
      <c r="BT5" s="438"/>
      <c r="BU5" s="438"/>
      <c r="BV5" s="438"/>
      <c r="BW5" s="438"/>
      <c r="BX5" s="438"/>
      <c r="BY5" s="438"/>
      <c r="BZ5" s="438"/>
      <c r="CA5" s="439"/>
      <c r="CB5" s="431"/>
      <c r="CC5" s="432"/>
      <c r="CD5" s="432"/>
      <c r="CE5" s="432"/>
      <c r="CF5" s="432"/>
      <c r="CG5" s="432"/>
      <c r="CH5" s="432"/>
      <c r="CI5" s="432"/>
      <c r="CJ5" s="432"/>
      <c r="CK5" s="432"/>
      <c r="CL5" s="433"/>
      <c r="CM5" s="431"/>
      <c r="CN5" s="432"/>
      <c r="CO5" s="432"/>
      <c r="CP5" s="432"/>
      <c r="CQ5" s="432"/>
      <c r="CR5" s="432"/>
      <c r="CS5" s="432"/>
      <c r="CT5" s="432"/>
      <c r="CU5" s="432"/>
      <c r="CV5" s="432"/>
      <c r="CW5" s="433"/>
      <c r="CX5" s="434"/>
      <c r="CY5" s="435"/>
      <c r="CZ5" s="435"/>
      <c r="DA5" s="435"/>
      <c r="DB5" s="435"/>
      <c r="DC5" s="435"/>
      <c r="DD5" s="435"/>
      <c r="DE5" s="435"/>
      <c r="DF5" s="435"/>
      <c r="DG5" s="435"/>
      <c r="DH5" s="436"/>
      <c r="DI5" s="437" t="s">
        <v>97</v>
      </c>
      <c r="DJ5" s="438"/>
      <c r="DK5" s="438"/>
      <c r="DL5" s="438"/>
      <c r="DM5" s="438"/>
      <c r="DN5" s="438"/>
      <c r="DO5" s="438"/>
      <c r="DP5" s="438"/>
      <c r="DQ5" s="438"/>
      <c r="DR5" s="438"/>
      <c r="DS5" s="439"/>
      <c r="DT5" s="437" t="s">
        <v>98</v>
      </c>
      <c r="DU5" s="438"/>
      <c r="DV5" s="438"/>
      <c r="DW5" s="438"/>
      <c r="DX5" s="438"/>
      <c r="DY5" s="438"/>
      <c r="DZ5" s="438"/>
      <c r="EA5" s="438"/>
      <c r="EB5" s="438"/>
      <c r="EC5" s="438"/>
      <c r="ED5" s="439"/>
      <c r="EE5" s="437" t="s">
        <v>99</v>
      </c>
      <c r="EF5" s="438"/>
      <c r="EG5" s="438"/>
      <c r="EH5" s="438"/>
      <c r="EI5" s="438"/>
      <c r="EJ5" s="438"/>
      <c r="EK5" s="438"/>
      <c r="EL5" s="438"/>
      <c r="EM5" s="438"/>
      <c r="EN5" s="438"/>
      <c r="EO5" s="439"/>
      <c r="EP5" s="437" t="s">
        <v>100</v>
      </c>
      <c r="EQ5" s="438"/>
      <c r="ER5" s="438"/>
      <c r="ES5" s="438"/>
      <c r="ET5" s="438"/>
      <c r="EU5" s="438"/>
      <c r="EV5" s="438"/>
      <c r="EW5" s="438"/>
      <c r="EX5" s="438"/>
      <c r="EY5" s="438"/>
      <c r="EZ5" s="439"/>
      <c r="FA5" s="437" t="s">
        <v>162</v>
      </c>
      <c r="FB5" s="438"/>
      <c r="FC5" s="438"/>
      <c r="FD5" s="438"/>
      <c r="FE5" s="438"/>
      <c r="FF5" s="438"/>
      <c r="FG5" s="438"/>
      <c r="FH5" s="438"/>
      <c r="FI5" s="438"/>
      <c r="FJ5" s="438"/>
      <c r="FK5" s="439"/>
      <c r="FL5" s="437" t="s">
        <v>101</v>
      </c>
      <c r="FM5" s="438"/>
      <c r="FN5" s="438"/>
      <c r="FO5" s="438"/>
      <c r="FP5" s="438"/>
      <c r="FQ5" s="438"/>
      <c r="FR5" s="438"/>
      <c r="FS5" s="438"/>
      <c r="FT5" s="438"/>
      <c r="FU5" s="438"/>
      <c r="FV5" s="439"/>
      <c r="FW5" s="431"/>
      <c r="FX5" s="432"/>
      <c r="FY5" s="432"/>
      <c r="FZ5" s="432"/>
      <c r="GA5" s="432"/>
      <c r="GB5" s="432"/>
      <c r="GC5" s="432"/>
      <c r="GD5" s="432"/>
      <c r="GE5" s="432"/>
      <c r="GF5" s="432"/>
      <c r="GG5" s="433"/>
      <c r="GH5" s="431"/>
      <c r="GI5" s="432"/>
      <c r="GJ5" s="432"/>
      <c r="GK5" s="432"/>
      <c r="GL5" s="432"/>
      <c r="GM5" s="432"/>
      <c r="GN5" s="432"/>
      <c r="GO5" s="432"/>
      <c r="GP5" s="432"/>
      <c r="GQ5" s="432"/>
      <c r="GR5" s="433"/>
      <c r="GS5" s="434"/>
      <c r="GT5" s="435"/>
      <c r="GU5" s="435"/>
      <c r="GV5" s="435"/>
      <c r="GW5" s="435"/>
      <c r="GX5" s="435"/>
      <c r="GY5" s="435"/>
      <c r="GZ5" s="435"/>
      <c r="HA5" s="435"/>
      <c r="HB5" s="435"/>
      <c r="HC5" s="436"/>
      <c r="HD5" s="437" t="s">
        <v>97</v>
      </c>
      <c r="HE5" s="438"/>
      <c r="HF5" s="438"/>
      <c r="HG5" s="438"/>
      <c r="HH5" s="438"/>
      <c r="HI5" s="438"/>
      <c r="HJ5" s="438"/>
      <c r="HK5" s="438"/>
      <c r="HL5" s="438"/>
      <c r="HM5" s="438"/>
      <c r="HN5" s="439"/>
      <c r="HO5" s="437" t="s">
        <v>98</v>
      </c>
      <c r="HP5" s="438"/>
      <c r="HQ5" s="438"/>
      <c r="HR5" s="438"/>
      <c r="HS5" s="438"/>
      <c r="HT5" s="438"/>
      <c r="HU5" s="438"/>
      <c r="HV5" s="438"/>
      <c r="HW5" s="438"/>
      <c r="HX5" s="438"/>
      <c r="HY5" s="439"/>
      <c r="HZ5" s="437" t="s">
        <v>99</v>
      </c>
      <c r="IA5" s="438"/>
      <c r="IB5" s="438"/>
      <c r="IC5" s="438"/>
      <c r="ID5" s="438"/>
      <c r="IE5" s="438"/>
      <c r="IF5" s="438"/>
      <c r="IG5" s="438"/>
      <c r="IH5" s="438"/>
      <c r="II5" s="438"/>
      <c r="IJ5" s="439"/>
      <c r="IK5" s="437" t="s">
        <v>100</v>
      </c>
      <c r="IL5" s="438"/>
      <c r="IM5" s="438"/>
      <c r="IN5" s="438"/>
      <c r="IO5" s="438"/>
      <c r="IP5" s="438"/>
      <c r="IQ5" s="438"/>
      <c r="IR5" s="438"/>
      <c r="IS5" s="438"/>
      <c r="IT5" s="438"/>
      <c r="IU5" s="439"/>
      <c r="IV5" s="437" t="s">
        <v>162</v>
      </c>
      <c r="IW5" s="438"/>
      <c r="IX5" s="438"/>
      <c r="IY5" s="438"/>
      <c r="IZ5" s="438"/>
      <c r="JA5" s="438"/>
      <c r="JB5" s="438"/>
      <c r="JC5" s="438"/>
      <c r="JD5" s="438"/>
      <c r="JE5" s="438"/>
      <c r="JF5" s="439"/>
      <c r="JG5" s="437" t="s">
        <v>101</v>
      </c>
      <c r="JH5" s="438"/>
      <c r="JI5" s="438"/>
      <c r="JJ5" s="438"/>
      <c r="JK5" s="438"/>
      <c r="JL5" s="438"/>
      <c r="JM5" s="438"/>
      <c r="JN5" s="438"/>
      <c r="JO5" s="438"/>
      <c r="JP5" s="438"/>
      <c r="JQ5" s="439"/>
      <c r="JR5" s="431"/>
      <c r="JS5" s="432"/>
      <c r="JT5" s="432"/>
      <c r="JU5" s="432"/>
      <c r="JV5" s="432"/>
      <c r="JW5" s="432"/>
      <c r="JX5" s="432"/>
      <c r="JY5" s="432"/>
      <c r="JZ5" s="432"/>
      <c r="KA5" s="432"/>
      <c r="KB5" s="433"/>
      <c r="KC5" s="431"/>
      <c r="KD5" s="432"/>
      <c r="KE5" s="432"/>
      <c r="KF5" s="432"/>
      <c r="KG5" s="432"/>
      <c r="KH5" s="432"/>
      <c r="KI5" s="432"/>
      <c r="KJ5" s="432"/>
      <c r="KK5" s="432"/>
      <c r="KL5" s="432"/>
      <c r="KM5" s="433"/>
    </row>
    <row r="6" spans="2:299" ht="30" customHeight="1" thickBot="1" x14ac:dyDescent="0.25">
      <c r="B6" s="72" t="s">
        <v>42</v>
      </c>
      <c r="C6" s="73" t="s">
        <v>43</v>
      </c>
      <c r="D6" s="74" t="s">
        <v>44</v>
      </c>
      <c r="E6" s="75" t="s">
        <v>45</v>
      </c>
      <c r="F6" s="76" t="s">
        <v>46</v>
      </c>
      <c r="G6" s="74" t="s">
        <v>47</v>
      </c>
      <c r="H6" s="74" t="s">
        <v>48</v>
      </c>
      <c r="I6" s="74" t="s">
        <v>49</v>
      </c>
      <c r="J6" s="74" t="s">
        <v>50</v>
      </c>
      <c r="K6" s="74" t="s">
        <v>51</v>
      </c>
      <c r="L6" s="75" t="s">
        <v>45</v>
      </c>
      <c r="M6" s="77" t="s">
        <v>52</v>
      </c>
      <c r="N6" s="78" t="s">
        <v>43</v>
      </c>
      <c r="O6" s="79" t="s">
        <v>44</v>
      </c>
      <c r="P6" s="80" t="s">
        <v>45</v>
      </c>
      <c r="Q6" s="81" t="s">
        <v>46</v>
      </c>
      <c r="R6" s="79" t="s">
        <v>47</v>
      </c>
      <c r="S6" s="79" t="s">
        <v>48</v>
      </c>
      <c r="T6" s="79" t="s">
        <v>49</v>
      </c>
      <c r="U6" s="79" t="s">
        <v>50</v>
      </c>
      <c r="V6" s="79" t="s">
        <v>51</v>
      </c>
      <c r="W6" s="80" t="s">
        <v>45</v>
      </c>
      <c r="X6" s="82" t="s">
        <v>52</v>
      </c>
      <c r="Y6" s="78" t="s">
        <v>43</v>
      </c>
      <c r="Z6" s="79" t="s">
        <v>44</v>
      </c>
      <c r="AA6" s="80" t="s">
        <v>45</v>
      </c>
      <c r="AB6" s="81" t="s">
        <v>46</v>
      </c>
      <c r="AC6" s="79" t="s">
        <v>47</v>
      </c>
      <c r="AD6" s="79" t="s">
        <v>48</v>
      </c>
      <c r="AE6" s="79" t="s">
        <v>49</v>
      </c>
      <c r="AF6" s="79" t="s">
        <v>50</v>
      </c>
      <c r="AG6" s="79" t="s">
        <v>51</v>
      </c>
      <c r="AH6" s="80" t="s">
        <v>45</v>
      </c>
      <c r="AI6" s="83" t="s">
        <v>52</v>
      </c>
      <c r="AJ6" s="78" t="s">
        <v>43</v>
      </c>
      <c r="AK6" s="79" t="s">
        <v>44</v>
      </c>
      <c r="AL6" s="80" t="s">
        <v>45</v>
      </c>
      <c r="AM6" s="81" t="s">
        <v>46</v>
      </c>
      <c r="AN6" s="79" t="s">
        <v>47</v>
      </c>
      <c r="AO6" s="79" t="s">
        <v>48</v>
      </c>
      <c r="AP6" s="79" t="s">
        <v>49</v>
      </c>
      <c r="AQ6" s="79" t="s">
        <v>50</v>
      </c>
      <c r="AR6" s="79" t="s">
        <v>51</v>
      </c>
      <c r="AS6" s="80" t="s">
        <v>45</v>
      </c>
      <c r="AT6" s="83" t="s">
        <v>52</v>
      </c>
      <c r="AU6" s="78" t="s">
        <v>43</v>
      </c>
      <c r="AV6" s="79" t="s">
        <v>44</v>
      </c>
      <c r="AW6" s="80" t="s">
        <v>45</v>
      </c>
      <c r="AX6" s="81" t="s">
        <v>46</v>
      </c>
      <c r="AY6" s="79" t="s">
        <v>47</v>
      </c>
      <c r="AZ6" s="79" t="s">
        <v>48</v>
      </c>
      <c r="BA6" s="79" t="s">
        <v>49</v>
      </c>
      <c r="BB6" s="79" t="s">
        <v>50</v>
      </c>
      <c r="BC6" s="79" t="s">
        <v>51</v>
      </c>
      <c r="BD6" s="80" t="s">
        <v>45</v>
      </c>
      <c r="BE6" s="83" t="s">
        <v>52</v>
      </c>
      <c r="BF6" s="78" t="s">
        <v>43</v>
      </c>
      <c r="BG6" s="79" t="s">
        <v>44</v>
      </c>
      <c r="BH6" s="80" t="s">
        <v>45</v>
      </c>
      <c r="BI6" s="81" t="s">
        <v>46</v>
      </c>
      <c r="BJ6" s="79" t="s">
        <v>47</v>
      </c>
      <c r="BK6" s="79" t="s">
        <v>48</v>
      </c>
      <c r="BL6" s="79" t="s">
        <v>49</v>
      </c>
      <c r="BM6" s="79" t="s">
        <v>50</v>
      </c>
      <c r="BN6" s="79" t="s">
        <v>51</v>
      </c>
      <c r="BO6" s="80" t="s">
        <v>45</v>
      </c>
      <c r="BP6" s="83" t="s">
        <v>52</v>
      </c>
      <c r="BQ6" s="78" t="s">
        <v>43</v>
      </c>
      <c r="BR6" s="79" t="s">
        <v>44</v>
      </c>
      <c r="BS6" s="80" t="s">
        <v>45</v>
      </c>
      <c r="BT6" s="81" t="s">
        <v>46</v>
      </c>
      <c r="BU6" s="79" t="s">
        <v>47</v>
      </c>
      <c r="BV6" s="79" t="s">
        <v>48</v>
      </c>
      <c r="BW6" s="79" t="s">
        <v>49</v>
      </c>
      <c r="BX6" s="79" t="s">
        <v>50</v>
      </c>
      <c r="BY6" s="79" t="s">
        <v>51</v>
      </c>
      <c r="BZ6" s="80" t="s">
        <v>45</v>
      </c>
      <c r="CA6" s="83" t="s">
        <v>52</v>
      </c>
      <c r="CB6" s="78" t="s">
        <v>43</v>
      </c>
      <c r="CC6" s="79" t="s">
        <v>44</v>
      </c>
      <c r="CD6" s="80" t="s">
        <v>45</v>
      </c>
      <c r="CE6" s="81" t="s">
        <v>46</v>
      </c>
      <c r="CF6" s="79" t="s">
        <v>47</v>
      </c>
      <c r="CG6" s="79" t="s">
        <v>48</v>
      </c>
      <c r="CH6" s="79" t="s">
        <v>49</v>
      </c>
      <c r="CI6" s="79" t="s">
        <v>50</v>
      </c>
      <c r="CJ6" s="79" t="s">
        <v>51</v>
      </c>
      <c r="CK6" s="80" t="s">
        <v>45</v>
      </c>
      <c r="CL6" s="83" t="s">
        <v>52</v>
      </c>
      <c r="CM6" s="78" t="s">
        <v>43</v>
      </c>
      <c r="CN6" s="79" t="s">
        <v>44</v>
      </c>
      <c r="CO6" s="80" t="s">
        <v>45</v>
      </c>
      <c r="CP6" s="81" t="s">
        <v>46</v>
      </c>
      <c r="CQ6" s="79" t="s">
        <v>47</v>
      </c>
      <c r="CR6" s="79" t="s">
        <v>48</v>
      </c>
      <c r="CS6" s="79" t="s">
        <v>49</v>
      </c>
      <c r="CT6" s="79" t="s">
        <v>50</v>
      </c>
      <c r="CU6" s="79" t="s">
        <v>51</v>
      </c>
      <c r="CV6" s="80" t="s">
        <v>45</v>
      </c>
      <c r="CW6" s="83" t="s">
        <v>52</v>
      </c>
      <c r="CX6" s="73" t="s">
        <v>43</v>
      </c>
      <c r="CY6" s="74" t="s">
        <v>44</v>
      </c>
      <c r="CZ6" s="75" t="s">
        <v>45</v>
      </c>
      <c r="DA6" s="76" t="s">
        <v>46</v>
      </c>
      <c r="DB6" s="74" t="s">
        <v>47</v>
      </c>
      <c r="DC6" s="74" t="s">
        <v>48</v>
      </c>
      <c r="DD6" s="74" t="s">
        <v>49</v>
      </c>
      <c r="DE6" s="74" t="s">
        <v>50</v>
      </c>
      <c r="DF6" s="74" t="s">
        <v>51</v>
      </c>
      <c r="DG6" s="75" t="s">
        <v>45</v>
      </c>
      <c r="DH6" s="77" t="s">
        <v>52</v>
      </c>
      <c r="DI6" s="78" t="s">
        <v>43</v>
      </c>
      <c r="DJ6" s="79" t="s">
        <v>44</v>
      </c>
      <c r="DK6" s="80" t="s">
        <v>45</v>
      </c>
      <c r="DL6" s="81" t="s">
        <v>46</v>
      </c>
      <c r="DM6" s="79" t="s">
        <v>47</v>
      </c>
      <c r="DN6" s="79" t="s">
        <v>48</v>
      </c>
      <c r="DO6" s="79" t="s">
        <v>49</v>
      </c>
      <c r="DP6" s="79" t="s">
        <v>50</v>
      </c>
      <c r="DQ6" s="79" t="s">
        <v>51</v>
      </c>
      <c r="DR6" s="80" t="s">
        <v>45</v>
      </c>
      <c r="DS6" s="83" t="s">
        <v>52</v>
      </c>
      <c r="DT6" s="78" t="s">
        <v>43</v>
      </c>
      <c r="DU6" s="79" t="s">
        <v>44</v>
      </c>
      <c r="DV6" s="80" t="s">
        <v>45</v>
      </c>
      <c r="DW6" s="81" t="s">
        <v>46</v>
      </c>
      <c r="DX6" s="79" t="s">
        <v>47</v>
      </c>
      <c r="DY6" s="79" t="s">
        <v>48</v>
      </c>
      <c r="DZ6" s="79" t="s">
        <v>49</v>
      </c>
      <c r="EA6" s="79" t="s">
        <v>50</v>
      </c>
      <c r="EB6" s="79" t="s">
        <v>51</v>
      </c>
      <c r="EC6" s="80" t="s">
        <v>45</v>
      </c>
      <c r="ED6" s="83" t="s">
        <v>52</v>
      </c>
      <c r="EE6" s="78" t="s">
        <v>43</v>
      </c>
      <c r="EF6" s="79" t="s">
        <v>44</v>
      </c>
      <c r="EG6" s="80" t="s">
        <v>45</v>
      </c>
      <c r="EH6" s="81" t="s">
        <v>46</v>
      </c>
      <c r="EI6" s="79" t="s">
        <v>47</v>
      </c>
      <c r="EJ6" s="79" t="s">
        <v>48</v>
      </c>
      <c r="EK6" s="79" t="s">
        <v>49</v>
      </c>
      <c r="EL6" s="79" t="s">
        <v>50</v>
      </c>
      <c r="EM6" s="79" t="s">
        <v>51</v>
      </c>
      <c r="EN6" s="80" t="s">
        <v>45</v>
      </c>
      <c r="EO6" s="83" t="s">
        <v>52</v>
      </c>
      <c r="EP6" s="78" t="s">
        <v>43</v>
      </c>
      <c r="EQ6" s="79" t="s">
        <v>44</v>
      </c>
      <c r="ER6" s="80" t="s">
        <v>45</v>
      </c>
      <c r="ES6" s="81" t="s">
        <v>46</v>
      </c>
      <c r="ET6" s="79" t="s">
        <v>47</v>
      </c>
      <c r="EU6" s="79" t="s">
        <v>48</v>
      </c>
      <c r="EV6" s="79" t="s">
        <v>49</v>
      </c>
      <c r="EW6" s="79" t="s">
        <v>50</v>
      </c>
      <c r="EX6" s="79" t="s">
        <v>51</v>
      </c>
      <c r="EY6" s="80" t="s">
        <v>45</v>
      </c>
      <c r="EZ6" s="83" t="s">
        <v>52</v>
      </c>
      <c r="FA6" s="78" t="s">
        <v>43</v>
      </c>
      <c r="FB6" s="79" t="s">
        <v>44</v>
      </c>
      <c r="FC6" s="80" t="s">
        <v>45</v>
      </c>
      <c r="FD6" s="81" t="s">
        <v>46</v>
      </c>
      <c r="FE6" s="79" t="s">
        <v>47</v>
      </c>
      <c r="FF6" s="79" t="s">
        <v>48</v>
      </c>
      <c r="FG6" s="79" t="s">
        <v>49</v>
      </c>
      <c r="FH6" s="79" t="s">
        <v>50</v>
      </c>
      <c r="FI6" s="79" t="s">
        <v>51</v>
      </c>
      <c r="FJ6" s="80" t="s">
        <v>45</v>
      </c>
      <c r="FK6" s="83" t="s">
        <v>52</v>
      </c>
      <c r="FL6" s="78" t="s">
        <v>43</v>
      </c>
      <c r="FM6" s="79" t="s">
        <v>44</v>
      </c>
      <c r="FN6" s="80" t="s">
        <v>45</v>
      </c>
      <c r="FO6" s="81" t="s">
        <v>46</v>
      </c>
      <c r="FP6" s="79" t="s">
        <v>47</v>
      </c>
      <c r="FQ6" s="79" t="s">
        <v>48</v>
      </c>
      <c r="FR6" s="79" t="s">
        <v>49</v>
      </c>
      <c r="FS6" s="79" t="s">
        <v>50</v>
      </c>
      <c r="FT6" s="79" t="s">
        <v>51</v>
      </c>
      <c r="FU6" s="80" t="s">
        <v>45</v>
      </c>
      <c r="FV6" s="83" t="s">
        <v>52</v>
      </c>
      <c r="FW6" s="78" t="s">
        <v>43</v>
      </c>
      <c r="FX6" s="79" t="s">
        <v>44</v>
      </c>
      <c r="FY6" s="80" t="s">
        <v>45</v>
      </c>
      <c r="FZ6" s="81" t="s">
        <v>46</v>
      </c>
      <c r="GA6" s="79" t="s">
        <v>47</v>
      </c>
      <c r="GB6" s="79" t="s">
        <v>48</v>
      </c>
      <c r="GC6" s="79" t="s">
        <v>49</v>
      </c>
      <c r="GD6" s="79" t="s">
        <v>50</v>
      </c>
      <c r="GE6" s="79" t="s">
        <v>51</v>
      </c>
      <c r="GF6" s="80" t="s">
        <v>45</v>
      </c>
      <c r="GG6" s="83" t="s">
        <v>52</v>
      </c>
      <c r="GH6" s="78" t="s">
        <v>43</v>
      </c>
      <c r="GI6" s="79" t="s">
        <v>44</v>
      </c>
      <c r="GJ6" s="80" t="s">
        <v>45</v>
      </c>
      <c r="GK6" s="81" t="s">
        <v>46</v>
      </c>
      <c r="GL6" s="79" t="s">
        <v>47</v>
      </c>
      <c r="GM6" s="79" t="s">
        <v>48</v>
      </c>
      <c r="GN6" s="79" t="s">
        <v>49</v>
      </c>
      <c r="GO6" s="79" t="s">
        <v>50</v>
      </c>
      <c r="GP6" s="79" t="s">
        <v>51</v>
      </c>
      <c r="GQ6" s="80" t="s">
        <v>45</v>
      </c>
      <c r="GR6" s="83" t="s">
        <v>52</v>
      </c>
      <c r="GS6" s="73" t="s">
        <v>43</v>
      </c>
      <c r="GT6" s="74" t="s">
        <v>44</v>
      </c>
      <c r="GU6" s="75" t="s">
        <v>45</v>
      </c>
      <c r="GV6" s="76" t="s">
        <v>46</v>
      </c>
      <c r="GW6" s="74" t="s">
        <v>47</v>
      </c>
      <c r="GX6" s="74" t="s">
        <v>48</v>
      </c>
      <c r="GY6" s="74" t="s">
        <v>49</v>
      </c>
      <c r="GZ6" s="74" t="s">
        <v>50</v>
      </c>
      <c r="HA6" s="74" t="s">
        <v>51</v>
      </c>
      <c r="HB6" s="75" t="s">
        <v>45</v>
      </c>
      <c r="HC6" s="77" t="s">
        <v>52</v>
      </c>
      <c r="HD6" s="78" t="s">
        <v>43</v>
      </c>
      <c r="HE6" s="79" t="s">
        <v>44</v>
      </c>
      <c r="HF6" s="80" t="s">
        <v>45</v>
      </c>
      <c r="HG6" s="81" t="s">
        <v>46</v>
      </c>
      <c r="HH6" s="79" t="s">
        <v>47</v>
      </c>
      <c r="HI6" s="79" t="s">
        <v>48</v>
      </c>
      <c r="HJ6" s="79" t="s">
        <v>49</v>
      </c>
      <c r="HK6" s="79" t="s">
        <v>50</v>
      </c>
      <c r="HL6" s="79" t="s">
        <v>51</v>
      </c>
      <c r="HM6" s="80" t="s">
        <v>45</v>
      </c>
      <c r="HN6" s="83" t="s">
        <v>52</v>
      </c>
      <c r="HO6" s="78" t="s">
        <v>43</v>
      </c>
      <c r="HP6" s="79" t="s">
        <v>44</v>
      </c>
      <c r="HQ6" s="80" t="s">
        <v>45</v>
      </c>
      <c r="HR6" s="81" t="s">
        <v>46</v>
      </c>
      <c r="HS6" s="79" t="s">
        <v>47</v>
      </c>
      <c r="HT6" s="79" t="s">
        <v>48</v>
      </c>
      <c r="HU6" s="79" t="s">
        <v>49</v>
      </c>
      <c r="HV6" s="79" t="s">
        <v>50</v>
      </c>
      <c r="HW6" s="79" t="s">
        <v>51</v>
      </c>
      <c r="HX6" s="80" t="s">
        <v>45</v>
      </c>
      <c r="HY6" s="83" t="s">
        <v>52</v>
      </c>
      <c r="HZ6" s="78" t="s">
        <v>43</v>
      </c>
      <c r="IA6" s="79" t="s">
        <v>44</v>
      </c>
      <c r="IB6" s="80" t="s">
        <v>45</v>
      </c>
      <c r="IC6" s="81" t="s">
        <v>46</v>
      </c>
      <c r="ID6" s="79" t="s">
        <v>47</v>
      </c>
      <c r="IE6" s="79" t="s">
        <v>48</v>
      </c>
      <c r="IF6" s="79" t="s">
        <v>49</v>
      </c>
      <c r="IG6" s="79" t="s">
        <v>50</v>
      </c>
      <c r="IH6" s="79" t="s">
        <v>51</v>
      </c>
      <c r="II6" s="80" t="s">
        <v>45</v>
      </c>
      <c r="IJ6" s="83" t="s">
        <v>52</v>
      </c>
      <c r="IK6" s="78" t="s">
        <v>43</v>
      </c>
      <c r="IL6" s="79" t="s">
        <v>44</v>
      </c>
      <c r="IM6" s="80" t="s">
        <v>45</v>
      </c>
      <c r="IN6" s="81" t="s">
        <v>46</v>
      </c>
      <c r="IO6" s="79" t="s">
        <v>47</v>
      </c>
      <c r="IP6" s="79" t="s">
        <v>48</v>
      </c>
      <c r="IQ6" s="79" t="s">
        <v>49</v>
      </c>
      <c r="IR6" s="79" t="s">
        <v>50</v>
      </c>
      <c r="IS6" s="79" t="s">
        <v>51</v>
      </c>
      <c r="IT6" s="80" t="s">
        <v>45</v>
      </c>
      <c r="IU6" s="83" t="s">
        <v>52</v>
      </c>
      <c r="IV6" s="78" t="s">
        <v>43</v>
      </c>
      <c r="IW6" s="79" t="s">
        <v>44</v>
      </c>
      <c r="IX6" s="80" t="s">
        <v>45</v>
      </c>
      <c r="IY6" s="81" t="s">
        <v>46</v>
      </c>
      <c r="IZ6" s="79" t="s">
        <v>47</v>
      </c>
      <c r="JA6" s="79" t="s">
        <v>48</v>
      </c>
      <c r="JB6" s="79" t="s">
        <v>49</v>
      </c>
      <c r="JC6" s="79" t="s">
        <v>50</v>
      </c>
      <c r="JD6" s="79" t="s">
        <v>51</v>
      </c>
      <c r="JE6" s="80" t="s">
        <v>45</v>
      </c>
      <c r="JF6" s="83" t="s">
        <v>52</v>
      </c>
      <c r="JG6" s="78" t="s">
        <v>43</v>
      </c>
      <c r="JH6" s="79" t="s">
        <v>44</v>
      </c>
      <c r="JI6" s="80" t="s">
        <v>45</v>
      </c>
      <c r="JJ6" s="81" t="s">
        <v>46</v>
      </c>
      <c r="JK6" s="79" t="s">
        <v>47</v>
      </c>
      <c r="JL6" s="79" t="s">
        <v>48</v>
      </c>
      <c r="JM6" s="79" t="s">
        <v>49</v>
      </c>
      <c r="JN6" s="79" t="s">
        <v>50</v>
      </c>
      <c r="JO6" s="79" t="s">
        <v>51</v>
      </c>
      <c r="JP6" s="80" t="s">
        <v>45</v>
      </c>
      <c r="JQ6" s="83" t="s">
        <v>52</v>
      </c>
      <c r="JR6" s="78" t="s">
        <v>43</v>
      </c>
      <c r="JS6" s="79" t="s">
        <v>44</v>
      </c>
      <c r="JT6" s="80" t="s">
        <v>45</v>
      </c>
      <c r="JU6" s="81" t="s">
        <v>46</v>
      </c>
      <c r="JV6" s="79" t="s">
        <v>47</v>
      </c>
      <c r="JW6" s="79" t="s">
        <v>48</v>
      </c>
      <c r="JX6" s="79" t="s">
        <v>49</v>
      </c>
      <c r="JY6" s="79" t="s">
        <v>50</v>
      </c>
      <c r="JZ6" s="79" t="s">
        <v>51</v>
      </c>
      <c r="KA6" s="80" t="s">
        <v>45</v>
      </c>
      <c r="KB6" s="83" t="s">
        <v>52</v>
      </c>
      <c r="KC6" s="78" t="s">
        <v>43</v>
      </c>
      <c r="KD6" s="79" t="s">
        <v>44</v>
      </c>
      <c r="KE6" s="80" t="s">
        <v>45</v>
      </c>
      <c r="KF6" s="81" t="s">
        <v>46</v>
      </c>
      <c r="KG6" s="79" t="s">
        <v>47</v>
      </c>
      <c r="KH6" s="79" t="s">
        <v>48</v>
      </c>
      <c r="KI6" s="79" t="s">
        <v>49</v>
      </c>
      <c r="KJ6" s="79" t="s">
        <v>50</v>
      </c>
      <c r="KK6" s="79" t="s">
        <v>51</v>
      </c>
      <c r="KL6" s="80" t="s">
        <v>45</v>
      </c>
      <c r="KM6" s="83" t="s">
        <v>52</v>
      </c>
    </row>
    <row r="7" spans="2:299" s="70" customFormat="1" ht="21" customHeight="1" x14ac:dyDescent="0.2">
      <c r="B7" s="84" t="s">
        <v>4</v>
      </c>
      <c r="C7" s="85">
        <v>4350</v>
      </c>
      <c r="D7" s="86">
        <v>4285</v>
      </c>
      <c r="E7" s="87">
        <v>8635</v>
      </c>
      <c r="F7" s="412">
        <v>0</v>
      </c>
      <c r="G7" s="86">
        <v>5978</v>
      </c>
      <c r="H7" s="86">
        <v>5536</v>
      </c>
      <c r="I7" s="86">
        <v>3456</v>
      </c>
      <c r="J7" s="86">
        <v>2813</v>
      </c>
      <c r="K7" s="86">
        <v>1561</v>
      </c>
      <c r="L7" s="88">
        <v>19344</v>
      </c>
      <c r="M7" s="89">
        <v>27979</v>
      </c>
      <c r="N7" s="90">
        <v>67</v>
      </c>
      <c r="O7" s="91">
        <v>61</v>
      </c>
      <c r="P7" s="92">
        <v>128</v>
      </c>
      <c r="Q7" s="412">
        <v>0</v>
      </c>
      <c r="R7" s="91">
        <v>74</v>
      </c>
      <c r="S7" s="91">
        <v>88</v>
      </c>
      <c r="T7" s="91">
        <v>59</v>
      </c>
      <c r="U7" s="91">
        <v>55</v>
      </c>
      <c r="V7" s="91">
        <v>37</v>
      </c>
      <c r="W7" s="92">
        <v>313</v>
      </c>
      <c r="X7" s="93">
        <v>441</v>
      </c>
      <c r="Y7" s="90">
        <v>139</v>
      </c>
      <c r="Z7" s="91">
        <v>155</v>
      </c>
      <c r="AA7" s="92">
        <v>294</v>
      </c>
      <c r="AB7" s="412">
        <v>0</v>
      </c>
      <c r="AC7" s="91">
        <v>186</v>
      </c>
      <c r="AD7" s="91">
        <v>228</v>
      </c>
      <c r="AE7" s="91">
        <v>124</v>
      </c>
      <c r="AF7" s="91">
        <v>114</v>
      </c>
      <c r="AG7" s="91">
        <v>102</v>
      </c>
      <c r="AH7" s="92">
        <v>754</v>
      </c>
      <c r="AI7" s="93">
        <v>1048</v>
      </c>
      <c r="AJ7" s="90">
        <v>343</v>
      </c>
      <c r="AK7" s="91">
        <v>367</v>
      </c>
      <c r="AL7" s="92">
        <v>710</v>
      </c>
      <c r="AM7" s="412">
        <v>0</v>
      </c>
      <c r="AN7" s="91">
        <v>456</v>
      </c>
      <c r="AO7" s="91">
        <v>434</v>
      </c>
      <c r="AP7" s="91">
        <v>256</v>
      </c>
      <c r="AQ7" s="91">
        <v>208</v>
      </c>
      <c r="AR7" s="91">
        <v>147</v>
      </c>
      <c r="AS7" s="92">
        <v>1501</v>
      </c>
      <c r="AT7" s="93">
        <v>2211</v>
      </c>
      <c r="AU7" s="90">
        <v>902</v>
      </c>
      <c r="AV7" s="91">
        <v>855</v>
      </c>
      <c r="AW7" s="92">
        <v>1757</v>
      </c>
      <c r="AX7" s="412">
        <v>0</v>
      </c>
      <c r="AY7" s="91">
        <v>1152</v>
      </c>
      <c r="AZ7" s="91">
        <v>1003</v>
      </c>
      <c r="BA7" s="91">
        <v>587</v>
      </c>
      <c r="BB7" s="91">
        <v>442</v>
      </c>
      <c r="BC7" s="91">
        <v>295</v>
      </c>
      <c r="BD7" s="92">
        <v>3479</v>
      </c>
      <c r="BE7" s="93">
        <v>5236</v>
      </c>
      <c r="BF7" s="90">
        <v>1493</v>
      </c>
      <c r="BG7" s="91">
        <v>1401</v>
      </c>
      <c r="BH7" s="92">
        <v>2894</v>
      </c>
      <c r="BI7" s="412">
        <v>0</v>
      </c>
      <c r="BJ7" s="91">
        <v>2000</v>
      </c>
      <c r="BK7" s="91">
        <v>1634</v>
      </c>
      <c r="BL7" s="91">
        <v>988</v>
      </c>
      <c r="BM7" s="91">
        <v>769</v>
      </c>
      <c r="BN7" s="91">
        <v>417</v>
      </c>
      <c r="BO7" s="92">
        <v>5808</v>
      </c>
      <c r="BP7" s="93">
        <v>8702</v>
      </c>
      <c r="BQ7" s="90">
        <v>1406</v>
      </c>
      <c r="BR7" s="91">
        <v>1446</v>
      </c>
      <c r="BS7" s="92">
        <v>2852</v>
      </c>
      <c r="BT7" s="412">
        <v>0</v>
      </c>
      <c r="BU7" s="91">
        <v>2110</v>
      </c>
      <c r="BV7" s="91">
        <v>2149</v>
      </c>
      <c r="BW7" s="91">
        <v>1442</v>
      </c>
      <c r="BX7" s="91">
        <v>1225</v>
      </c>
      <c r="BY7" s="91">
        <v>563</v>
      </c>
      <c r="BZ7" s="92">
        <v>7489</v>
      </c>
      <c r="CA7" s="93">
        <v>10341</v>
      </c>
      <c r="CB7" s="90">
        <v>0</v>
      </c>
      <c r="CC7" s="91">
        <v>0</v>
      </c>
      <c r="CD7" s="92">
        <v>0</v>
      </c>
      <c r="CE7" s="412">
        <v>0</v>
      </c>
      <c r="CF7" s="91">
        <v>0</v>
      </c>
      <c r="CG7" s="91">
        <v>0</v>
      </c>
      <c r="CH7" s="91">
        <v>0</v>
      </c>
      <c r="CI7" s="91">
        <v>0</v>
      </c>
      <c r="CJ7" s="91">
        <v>0</v>
      </c>
      <c r="CK7" s="92">
        <v>0</v>
      </c>
      <c r="CL7" s="93">
        <v>0</v>
      </c>
      <c r="CM7" s="90">
        <v>4350</v>
      </c>
      <c r="CN7" s="91">
        <v>4285</v>
      </c>
      <c r="CO7" s="92">
        <v>8635</v>
      </c>
      <c r="CP7" s="412">
        <v>0</v>
      </c>
      <c r="CQ7" s="91">
        <v>5978</v>
      </c>
      <c r="CR7" s="91">
        <v>5536</v>
      </c>
      <c r="CS7" s="91">
        <v>3456</v>
      </c>
      <c r="CT7" s="91">
        <v>2813</v>
      </c>
      <c r="CU7" s="91">
        <v>1561</v>
      </c>
      <c r="CV7" s="92">
        <v>19344</v>
      </c>
      <c r="CW7" s="93">
        <v>27979</v>
      </c>
      <c r="CX7" s="94">
        <v>678</v>
      </c>
      <c r="CY7" s="86">
        <v>740</v>
      </c>
      <c r="CZ7" s="87">
        <v>1418</v>
      </c>
      <c r="DA7" s="412">
        <v>0</v>
      </c>
      <c r="DB7" s="86">
        <v>887</v>
      </c>
      <c r="DC7" s="86">
        <v>800</v>
      </c>
      <c r="DD7" s="86">
        <v>571</v>
      </c>
      <c r="DE7" s="86">
        <v>559</v>
      </c>
      <c r="DF7" s="86">
        <v>359</v>
      </c>
      <c r="DG7" s="88">
        <v>3176</v>
      </c>
      <c r="DH7" s="89">
        <v>4594</v>
      </c>
      <c r="DI7" s="90">
        <v>20</v>
      </c>
      <c r="DJ7" s="91">
        <v>20</v>
      </c>
      <c r="DK7" s="92">
        <v>40</v>
      </c>
      <c r="DL7" s="412">
        <v>0</v>
      </c>
      <c r="DM7" s="91">
        <v>18</v>
      </c>
      <c r="DN7" s="91">
        <v>14</v>
      </c>
      <c r="DO7" s="91">
        <v>11</v>
      </c>
      <c r="DP7" s="91">
        <v>6</v>
      </c>
      <c r="DQ7" s="91">
        <v>6</v>
      </c>
      <c r="DR7" s="92">
        <v>55</v>
      </c>
      <c r="DS7" s="93">
        <v>95</v>
      </c>
      <c r="DT7" s="90">
        <v>55</v>
      </c>
      <c r="DU7" s="91">
        <v>47</v>
      </c>
      <c r="DV7" s="92">
        <v>102</v>
      </c>
      <c r="DW7" s="412">
        <v>0</v>
      </c>
      <c r="DX7" s="91">
        <v>26</v>
      </c>
      <c r="DY7" s="91">
        <v>25</v>
      </c>
      <c r="DZ7" s="91">
        <v>19</v>
      </c>
      <c r="EA7" s="91">
        <v>12</v>
      </c>
      <c r="EB7" s="91">
        <v>11</v>
      </c>
      <c r="EC7" s="92">
        <v>93</v>
      </c>
      <c r="ED7" s="93">
        <v>195</v>
      </c>
      <c r="EE7" s="90">
        <v>89</v>
      </c>
      <c r="EF7" s="91">
        <v>87</v>
      </c>
      <c r="EG7" s="92">
        <v>176</v>
      </c>
      <c r="EH7" s="412">
        <v>0</v>
      </c>
      <c r="EI7" s="91">
        <v>69</v>
      </c>
      <c r="EJ7" s="91">
        <v>61</v>
      </c>
      <c r="EK7" s="91">
        <v>34</v>
      </c>
      <c r="EL7" s="91">
        <v>28</v>
      </c>
      <c r="EM7" s="91">
        <v>29</v>
      </c>
      <c r="EN7" s="92">
        <v>221</v>
      </c>
      <c r="EO7" s="93">
        <v>397</v>
      </c>
      <c r="EP7" s="90">
        <v>184</v>
      </c>
      <c r="EQ7" s="91">
        <v>187</v>
      </c>
      <c r="ER7" s="92">
        <v>371</v>
      </c>
      <c r="ES7" s="412">
        <v>0</v>
      </c>
      <c r="ET7" s="91">
        <v>197</v>
      </c>
      <c r="EU7" s="91">
        <v>139</v>
      </c>
      <c r="EV7" s="91">
        <v>80</v>
      </c>
      <c r="EW7" s="91">
        <v>67</v>
      </c>
      <c r="EX7" s="91">
        <v>36</v>
      </c>
      <c r="EY7" s="92">
        <v>519</v>
      </c>
      <c r="EZ7" s="93">
        <v>890</v>
      </c>
      <c r="FA7" s="90">
        <v>197</v>
      </c>
      <c r="FB7" s="91">
        <v>223</v>
      </c>
      <c r="FC7" s="92">
        <v>420</v>
      </c>
      <c r="FD7" s="412">
        <v>0</v>
      </c>
      <c r="FE7" s="91">
        <v>245</v>
      </c>
      <c r="FF7" s="91">
        <v>228</v>
      </c>
      <c r="FG7" s="91">
        <v>136</v>
      </c>
      <c r="FH7" s="91">
        <v>122</v>
      </c>
      <c r="FI7" s="91">
        <v>90</v>
      </c>
      <c r="FJ7" s="92">
        <v>821</v>
      </c>
      <c r="FK7" s="93">
        <v>1241</v>
      </c>
      <c r="FL7" s="90">
        <v>133</v>
      </c>
      <c r="FM7" s="91">
        <v>176</v>
      </c>
      <c r="FN7" s="92">
        <v>309</v>
      </c>
      <c r="FO7" s="412">
        <v>0</v>
      </c>
      <c r="FP7" s="91">
        <v>332</v>
      </c>
      <c r="FQ7" s="91">
        <v>333</v>
      </c>
      <c r="FR7" s="91">
        <v>291</v>
      </c>
      <c r="FS7" s="91">
        <v>324</v>
      </c>
      <c r="FT7" s="91">
        <v>187</v>
      </c>
      <c r="FU7" s="92">
        <v>1467</v>
      </c>
      <c r="FV7" s="93">
        <v>1776</v>
      </c>
      <c r="FW7" s="90">
        <v>0</v>
      </c>
      <c r="FX7" s="91">
        <v>0</v>
      </c>
      <c r="FY7" s="92">
        <v>0</v>
      </c>
      <c r="FZ7" s="412">
        <v>0</v>
      </c>
      <c r="GA7" s="91">
        <v>0</v>
      </c>
      <c r="GB7" s="91">
        <v>0</v>
      </c>
      <c r="GC7" s="91">
        <v>0</v>
      </c>
      <c r="GD7" s="91">
        <v>0</v>
      </c>
      <c r="GE7" s="91">
        <v>0</v>
      </c>
      <c r="GF7" s="92">
        <v>0</v>
      </c>
      <c r="GG7" s="93">
        <v>0</v>
      </c>
      <c r="GH7" s="90">
        <v>678</v>
      </c>
      <c r="GI7" s="91">
        <v>740</v>
      </c>
      <c r="GJ7" s="92">
        <v>1418</v>
      </c>
      <c r="GK7" s="412">
        <v>0</v>
      </c>
      <c r="GL7" s="91">
        <v>887</v>
      </c>
      <c r="GM7" s="91">
        <v>800</v>
      </c>
      <c r="GN7" s="91">
        <v>571</v>
      </c>
      <c r="GO7" s="91">
        <v>559</v>
      </c>
      <c r="GP7" s="91">
        <v>359</v>
      </c>
      <c r="GQ7" s="92">
        <v>3176</v>
      </c>
      <c r="GR7" s="93">
        <v>4594</v>
      </c>
      <c r="GS7" s="94">
        <v>5028</v>
      </c>
      <c r="GT7" s="86">
        <v>5025</v>
      </c>
      <c r="GU7" s="87">
        <v>10053</v>
      </c>
      <c r="GV7" s="412">
        <v>0</v>
      </c>
      <c r="GW7" s="86">
        <v>6865</v>
      </c>
      <c r="GX7" s="86">
        <v>6336</v>
      </c>
      <c r="GY7" s="86">
        <v>4027</v>
      </c>
      <c r="GZ7" s="86">
        <v>3372</v>
      </c>
      <c r="HA7" s="86">
        <v>1920</v>
      </c>
      <c r="HB7" s="88">
        <v>22520</v>
      </c>
      <c r="HC7" s="89">
        <v>32573</v>
      </c>
      <c r="HD7" s="90">
        <v>87</v>
      </c>
      <c r="HE7" s="91">
        <v>81</v>
      </c>
      <c r="HF7" s="92">
        <v>168</v>
      </c>
      <c r="HG7" s="412">
        <v>0</v>
      </c>
      <c r="HH7" s="91">
        <v>92</v>
      </c>
      <c r="HI7" s="91">
        <v>102</v>
      </c>
      <c r="HJ7" s="91">
        <v>70</v>
      </c>
      <c r="HK7" s="91">
        <v>61</v>
      </c>
      <c r="HL7" s="91">
        <v>43</v>
      </c>
      <c r="HM7" s="92">
        <v>368</v>
      </c>
      <c r="HN7" s="93">
        <v>536</v>
      </c>
      <c r="HO7" s="90">
        <v>194</v>
      </c>
      <c r="HP7" s="91">
        <v>202</v>
      </c>
      <c r="HQ7" s="92">
        <v>396</v>
      </c>
      <c r="HR7" s="412">
        <v>0</v>
      </c>
      <c r="HS7" s="91">
        <v>212</v>
      </c>
      <c r="HT7" s="91">
        <v>253</v>
      </c>
      <c r="HU7" s="91">
        <v>143</v>
      </c>
      <c r="HV7" s="91">
        <v>126</v>
      </c>
      <c r="HW7" s="91">
        <v>113</v>
      </c>
      <c r="HX7" s="92">
        <v>847</v>
      </c>
      <c r="HY7" s="93">
        <v>1243</v>
      </c>
      <c r="HZ7" s="90">
        <v>432</v>
      </c>
      <c r="IA7" s="91">
        <v>454</v>
      </c>
      <c r="IB7" s="92">
        <v>886</v>
      </c>
      <c r="IC7" s="412">
        <v>0</v>
      </c>
      <c r="ID7" s="91">
        <v>525</v>
      </c>
      <c r="IE7" s="91">
        <v>495</v>
      </c>
      <c r="IF7" s="91">
        <v>290</v>
      </c>
      <c r="IG7" s="91">
        <v>236</v>
      </c>
      <c r="IH7" s="91">
        <v>176</v>
      </c>
      <c r="II7" s="92">
        <v>1722</v>
      </c>
      <c r="IJ7" s="93">
        <v>2608</v>
      </c>
      <c r="IK7" s="90">
        <v>1086</v>
      </c>
      <c r="IL7" s="91">
        <v>1042</v>
      </c>
      <c r="IM7" s="92">
        <v>2128</v>
      </c>
      <c r="IN7" s="412">
        <v>0</v>
      </c>
      <c r="IO7" s="91">
        <v>1349</v>
      </c>
      <c r="IP7" s="91">
        <v>1142</v>
      </c>
      <c r="IQ7" s="91">
        <v>667</v>
      </c>
      <c r="IR7" s="91">
        <v>509</v>
      </c>
      <c r="IS7" s="91">
        <v>331</v>
      </c>
      <c r="IT7" s="92">
        <v>3998</v>
      </c>
      <c r="IU7" s="93">
        <v>6126</v>
      </c>
      <c r="IV7" s="90">
        <v>1690</v>
      </c>
      <c r="IW7" s="91">
        <v>1624</v>
      </c>
      <c r="IX7" s="92">
        <v>3314</v>
      </c>
      <c r="IY7" s="412">
        <v>0</v>
      </c>
      <c r="IZ7" s="91">
        <v>2245</v>
      </c>
      <c r="JA7" s="91">
        <v>1862</v>
      </c>
      <c r="JB7" s="91">
        <v>1124</v>
      </c>
      <c r="JC7" s="91">
        <v>891</v>
      </c>
      <c r="JD7" s="91">
        <v>507</v>
      </c>
      <c r="JE7" s="92">
        <v>6629</v>
      </c>
      <c r="JF7" s="93">
        <v>9943</v>
      </c>
      <c r="JG7" s="90">
        <v>1539</v>
      </c>
      <c r="JH7" s="91">
        <v>1622</v>
      </c>
      <c r="JI7" s="92">
        <v>3161</v>
      </c>
      <c r="JJ7" s="412">
        <v>0</v>
      </c>
      <c r="JK7" s="91">
        <v>2442</v>
      </c>
      <c r="JL7" s="91">
        <v>2482</v>
      </c>
      <c r="JM7" s="91">
        <v>1733</v>
      </c>
      <c r="JN7" s="91">
        <v>1549</v>
      </c>
      <c r="JO7" s="91">
        <v>750</v>
      </c>
      <c r="JP7" s="92">
        <v>8956</v>
      </c>
      <c r="JQ7" s="93">
        <v>12117</v>
      </c>
      <c r="JR7" s="90">
        <v>0</v>
      </c>
      <c r="JS7" s="91">
        <v>0</v>
      </c>
      <c r="JT7" s="92">
        <v>0</v>
      </c>
      <c r="JU7" s="412">
        <v>0</v>
      </c>
      <c r="JV7" s="91">
        <v>0</v>
      </c>
      <c r="JW7" s="91">
        <v>0</v>
      </c>
      <c r="JX7" s="91">
        <v>0</v>
      </c>
      <c r="JY7" s="91">
        <v>0</v>
      </c>
      <c r="JZ7" s="91">
        <v>0</v>
      </c>
      <c r="KA7" s="92">
        <v>0</v>
      </c>
      <c r="KB7" s="93">
        <v>0</v>
      </c>
      <c r="KC7" s="90">
        <v>5028</v>
      </c>
      <c r="KD7" s="91">
        <v>5025</v>
      </c>
      <c r="KE7" s="92">
        <v>10053</v>
      </c>
      <c r="KF7" s="412">
        <v>0</v>
      </c>
      <c r="KG7" s="91">
        <v>6865</v>
      </c>
      <c r="KH7" s="91">
        <v>6336</v>
      </c>
      <c r="KI7" s="91">
        <v>4027</v>
      </c>
      <c r="KJ7" s="91">
        <v>3372</v>
      </c>
      <c r="KK7" s="91">
        <v>1920</v>
      </c>
      <c r="KL7" s="92">
        <v>22520</v>
      </c>
      <c r="KM7" s="93">
        <v>32573</v>
      </c>
    </row>
    <row r="8" spans="2:299" s="70" customFormat="1" ht="21" customHeight="1" x14ac:dyDescent="0.2">
      <c r="B8" s="95" t="s">
        <v>5</v>
      </c>
      <c r="C8" s="96">
        <v>1809</v>
      </c>
      <c r="D8" s="97">
        <v>2152</v>
      </c>
      <c r="E8" s="98">
        <v>3961</v>
      </c>
      <c r="F8" s="413">
        <v>0</v>
      </c>
      <c r="G8" s="97">
        <v>2186</v>
      </c>
      <c r="H8" s="97">
        <v>2613</v>
      </c>
      <c r="I8" s="97">
        <v>1581</v>
      </c>
      <c r="J8" s="97">
        <v>1280</v>
      </c>
      <c r="K8" s="97">
        <v>675</v>
      </c>
      <c r="L8" s="99">
        <v>8335</v>
      </c>
      <c r="M8" s="100">
        <v>12296</v>
      </c>
      <c r="N8" s="101">
        <v>23</v>
      </c>
      <c r="O8" s="102">
        <v>32</v>
      </c>
      <c r="P8" s="103">
        <v>55</v>
      </c>
      <c r="Q8" s="413">
        <v>0</v>
      </c>
      <c r="R8" s="102">
        <v>32</v>
      </c>
      <c r="S8" s="102">
        <v>42</v>
      </c>
      <c r="T8" s="102">
        <v>25</v>
      </c>
      <c r="U8" s="102">
        <v>23</v>
      </c>
      <c r="V8" s="102">
        <v>15</v>
      </c>
      <c r="W8" s="103">
        <v>137</v>
      </c>
      <c r="X8" s="104">
        <v>192</v>
      </c>
      <c r="Y8" s="101">
        <v>44</v>
      </c>
      <c r="Z8" s="102">
        <v>72</v>
      </c>
      <c r="AA8" s="103">
        <v>116</v>
      </c>
      <c r="AB8" s="413">
        <v>0</v>
      </c>
      <c r="AC8" s="102">
        <v>53</v>
      </c>
      <c r="AD8" s="102">
        <v>110</v>
      </c>
      <c r="AE8" s="102">
        <v>58</v>
      </c>
      <c r="AF8" s="102">
        <v>47</v>
      </c>
      <c r="AG8" s="102">
        <v>45</v>
      </c>
      <c r="AH8" s="103">
        <v>313</v>
      </c>
      <c r="AI8" s="104">
        <v>429</v>
      </c>
      <c r="AJ8" s="101">
        <v>140</v>
      </c>
      <c r="AK8" s="102">
        <v>176</v>
      </c>
      <c r="AL8" s="103">
        <v>316</v>
      </c>
      <c r="AM8" s="413">
        <v>0</v>
      </c>
      <c r="AN8" s="102">
        <v>153</v>
      </c>
      <c r="AO8" s="102">
        <v>192</v>
      </c>
      <c r="AP8" s="102">
        <v>120</v>
      </c>
      <c r="AQ8" s="102">
        <v>81</v>
      </c>
      <c r="AR8" s="102">
        <v>64</v>
      </c>
      <c r="AS8" s="103">
        <v>610</v>
      </c>
      <c r="AT8" s="104">
        <v>926</v>
      </c>
      <c r="AU8" s="101">
        <v>359</v>
      </c>
      <c r="AV8" s="102">
        <v>419</v>
      </c>
      <c r="AW8" s="103">
        <v>778</v>
      </c>
      <c r="AX8" s="413">
        <v>0</v>
      </c>
      <c r="AY8" s="102">
        <v>395</v>
      </c>
      <c r="AZ8" s="102">
        <v>433</v>
      </c>
      <c r="BA8" s="102">
        <v>252</v>
      </c>
      <c r="BB8" s="102">
        <v>192</v>
      </c>
      <c r="BC8" s="102">
        <v>122</v>
      </c>
      <c r="BD8" s="103">
        <v>1394</v>
      </c>
      <c r="BE8" s="104">
        <v>2172</v>
      </c>
      <c r="BF8" s="101">
        <v>594</v>
      </c>
      <c r="BG8" s="102">
        <v>692</v>
      </c>
      <c r="BH8" s="103">
        <v>1286</v>
      </c>
      <c r="BI8" s="413">
        <v>0</v>
      </c>
      <c r="BJ8" s="102">
        <v>743</v>
      </c>
      <c r="BK8" s="102">
        <v>791</v>
      </c>
      <c r="BL8" s="102">
        <v>441</v>
      </c>
      <c r="BM8" s="102">
        <v>343</v>
      </c>
      <c r="BN8" s="102">
        <v>190</v>
      </c>
      <c r="BO8" s="103">
        <v>2508</v>
      </c>
      <c r="BP8" s="104">
        <v>3794</v>
      </c>
      <c r="BQ8" s="101">
        <v>649</v>
      </c>
      <c r="BR8" s="102">
        <v>761</v>
      </c>
      <c r="BS8" s="103">
        <v>1410</v>
      </c>
      <c r="BT8" s="413">
        <v>0</v>
      </c>
      <c r="BU8" s="102">
        <v>810</v>
      </c>
      <c r="BV8" s="102">
        <v>1045</v>
      </c>
      <c r="BW8" s="102">
        <v>685</v>
      </c>
      <c r="BX8" s="102">
        <v>594</v>
      </c>
      <c r="BY8" s="102">
        <v>239</v>
      </c>
      <c r="BZ8" s="103">
        <v>3373</v>
      </c>
      <c r="CA8" s="104">
        <v>4783</v>
      </c>
      <c r="CB8" s="101">
        <v>0</v>
      </c>
      <c r="CC8" s="102">
        <v>0</v>
      </c>
      <c r="CD8" s="103">
        <v>0</v>
      </c>
      <c r="CE8" s="413">
        <v>0</v>
      </c>
      <c r="CF8" s="102">
        <v>0</v>
      </c>
      <c r="CG8" s="102">
        <v>0</v>
      </c>
      <c r="CH8" s="102">
        <v>0</v>
      </c>
      <c r="CI8" s="102">
        <v>0</v>
      </c>
      <c r="CJ8" s="102">
        <v>0</v>
      </c>
      <c r="CK8" s="103">
        <v>0</v>
      </c>
      <c r="CL8" s="104">
        <v>0</v>
      </c>
      <c r="CM8" s="101">
        <v>1809</v>
      </c>
      <c r="CN8" s="102">
        <v>2152</v>
      </c>
      <c r="CO8" s="103">
        <v>3961</v>
      </c>
      <c r="CP8" s="413">
        <v>0</v>
      </c>
      <c r="CQ8" s="102">
        <v>2186</v>
      </c>
      <c r="CR8" s="102">
        <v>2613</v>
      </c>
      <c r="CS8" s="102">
        <v>1581</v>
      </c>
      <c r="CT8" s="102">
        <v>1280</v>
      </c>
      <c r="CU8" s="102">
        <v>675</v>
      </c>
      <c r="CV8" s="103">
        <v>8335</v>
      </c>
      <c r="CW8" s="104">
        <v>12296</v>
      </c>
      <c r="CX8" s="105">
        <v>293</v>
      </c>
      <c r="CY8" s="97">
        <v>364</v>
      </c>
      <c r="CZ8" s="98">
        <v>657</v>
      </c>
      <c r="DA8" s="413">
        <v>0</v>
      </c>
      <c r="DB8" s="97">
        <v>322</v>
      </c>
      <c r="DC8" s="97">
        <v>378</v>
      </c>
      <c r="DD8" s="97">
        <v>267</v>
      </c>
      <c r="DE8" s="97">
        <v>252</v>
      </c>
      <c r="DF8" s="97">
        <v>169</v>
      </c>
      <c r="DG8" s="99">
        <v>1388</v>
      </c>
      <c r="DH8" s="100">
        <v>2045</v>
      </c>
      <c r="DI8" s="101">
        <v>11</v>
      </c>
      <c r="DJ8" s="102">
        <v>11</v>
      </c>
      <c r="DK8" s="103">
        <v>22</v>
      </c>
      <c r="DL8" s="413">
        <v>0</v>
      </c>
      <c r="DM8" s="102">
        <v>6</v>
      </c>
      <c r="DN8" s="102">
        <v>6</v>
      </c>
      <c r="DO8" s="102">
        <v>4</v>
      </c>
      <c r="DP8" s="102">
        <v>1</v>
      </c>
      <c r="DQ8" s="102">
        <v>2</v>
      </c>
      <c r="DR8" s="103">
        <v>19</v>
      </c>
      <c r="DS8" s="104">
        <v>41</v>
      </c>
      <c r="DT8" s="101">
        <v>22</v>
      </c>
      <c r="DU8" s="102">
        <v>24</v>
      </c>
      <c r="DV8" s="103">
        <v>46</v>
      </c>
      <c r="DW8" s="413">
        <v>0</v>
      </c>
      <c r="DX8" s="102">
        <v>6</v>
      </c>
      <c r="DY8" s="102">
        <v>12</v>
      </c>
      <c r="DZ8" s="102">
        <v>12</v>
      </c>
      <c r="EA8" s="102">
        <v>5</v>
      </c>
      <c r="EB8" s="102">
        <v>5</v>
      </c>
      <c r="EC8" s="103">
        <v>40</v>
      </c>
      <c r="ED8" s="104">
        <v>86</v>
      </c>
      <c r="EE8" s="101">
        <v>31</v>
      </c>
      <c r="EF8" s="102">
        <v>49</v>
      </c>
      <c r="EG8" s="103">
        <v>80</v>
      </c>
      <c r="EH8" s="413">
        <v>0</v>
      </c>
      <c r="EI8" s="102">
        <v>29</v>
      </c>
      <c r="EJ8" s="102">
        <v>34</v>
      </c>
      <c r="EK8" s="102">
        <v>13</v>
      </c>
      <c r="EL8" s="102">
        <v>15</v>
      </c>
      <c r="EM8" s="102">
        <v>14</v>
      </c>
      <c r="EN8" s="103">
        <v>105</v>
      </c>
      <c r="EO8" s="104">
        <v>185</v>
      </c>
      <c r="EP8" s="101">
        <v>80</v>
      </c>
      <c r="EQ8" s="102">
        <v>95</v>
      </c>
      <c r="ER8" s="103">
        <v>175</v>
      </c>
      <c r="ES8" s="413">
        <v>0</v>
      </c>
      <c r="ET8" s="102">
        <v>81</v>
      </c>
      <c r="EU8" s="102">
        <v>59</v>
      </c>
      <c r="EV8" s="102">
        <v>38</v>
      </c>
      <c r="EW8" s="102">
        <v>40</v>
      </c>
      <c r="EX8" s="102">
        <v>23</v>
      </c>
      <c r="EY8" s="103">
        <v>241</v>
      </c>
      <c r="EZ8" s="104">
        <v>416</v>
      </c>
      <c r="FA8" s="101">
        <v>91</v>
      </c>
      <c r="FB8" s="102">
        <v>99</v>
      </c>
      <c r="FC8" s="103">
        <v>190</v>
      </c>
      <c r="FD8" s="413">
        <v>0</v>
      </c>
      <c r="FE8" s="102">
        <v>82</v>
      </c>
      <c r="FF8" s="102">
        <v>111</v>
      </c>
      <c r="FG8" s="102">
        <v>64</v>
      </c>
      <c r="FH8" s="102">
        <v>52</v>
      </c>
      <c r="FI8" s="102">
        <v>36</v>
      </c>
      <c r="FJ8" s="103">
        <v>345</v>
      </c>
      <c r="FK8" s="104">
        <v>535</v>
      </c>
      <c r="FL8" s="101">
        <v>58</v>
      </c>
      <c r="FM8" s="102">
        <v>86</v>
      </c>
      <c r="FN8" s="103">
        <v>144</v>
      </c>
      <c r="FO8" s="413">
        <v>0</v>
      </c>
      <c r="FP8" s="102">
        <v>118</v>
      </c>
      <c r="FQ8" s="102">
        <v>156</v>
      </c>
      <c r="FR8" s="102">
        <v>136</v>
      </c>
      <c r="FS8" s="102">
        <v>139</v>
      </c>
      <c r="FT8" s="102">
        <v>89</v>
      </c>
      <c r="FU8" s="103">
        <v>638</v>
      </c>
      <c r="FV8" s="104">
        <v>782</v>
      </c>
      <c r="FW8" s="101">
        <v>0</v>
      </c>
      <c r="FX8" s="102">
        <v>0</v>
      </c>
      <c r="FY8" s="103">
        <v>0</v>
      </c>
      <c r="FZ8" s="413">
        <v>0</v>
      </c>
      <c r="GA8" s="102">
        <v>0</v>
      </c>
      <c r="GB8" s="102">
        <v>0</v>
      </c>
      <c r="GC8" s="102">
        <v>0</v>
      </c>
      <c r="GD8" s="102">
        <v>0</v>
      </c>
      <c r="GE8" s="102">
        <v>0</v>
      </c>
      <c r="GF8" s="103">
        <v>0</v>
      </c>
      <c r="GG8" s="104">
        <v>0</v>
      </c>
      <c r="GH8" s="101">
        <v>293</v>
      </c>
      <c r="GI8" s="102">
        <v>364</v>
      </c>
      <c r="GJ8" s="103">
        <v>657</v>
      </c>
      <c r="GK8" s="413">
        <v>0</v>
      </c>
      <c r="GL8" s="102">
        <v>322</v>
      </c>
      <c r="GM8" s="102">
        <v>378</v>
      </c>
      <c r="GN8" s="102">
        <v>267</v>
      </c>
      <c r="GO8" s="102">
        <v>252</v>
      </c>
      <c r="GP8" s="102">
        <v>169</v>
      </c>
      <c r="GQ8" s="103">
        <v>1388</v>
      </c>
      <c r="GR8" s="104">
        <v>2045</v>
      </c>
      <c r="GS8" s="105">
        <v>2102</v>
      </c>
      <c r="GT8" s="97">
        <v>2516</v>
      </c>
      <c r="GU8" s="98">
        <v>4618</v>
      </c>
      <c r="GV8" s="413">
        <v>0</v>
      </c>
      <c r="GW8" s="97">
        <v>2508</v>
      </c>
      <c r="GX8" s="97">
        <v>2991</v>
      </c>
      <c r="GY8" s="97">
        <v>1848</v>
      </c>
      <c r="GZ8" s="97">
        <v>1532</v>
      </c>
      <c r="HA8" s="97">
        <v>844</v>
      </c>
      <c r="HB8" s="99">
        <v>9723</v>
      </c>
      <c r="HC8" s="100">
        <v>14341</v>
      </c>
      <c r="HD8" s="101">
        <v>34</v>
      </c>
      <c r="HE8" s="102">
        <v>43</v>
      </c>
      <c r="HF8" s="103">
        <v>77</v>
      </c>
      <c r="HG8" s="413">
        <v>0</v>
      </c>
      <c r="HH8" s="102">
        <v>38</v>
      </c>
      <c r="HI8" s="102">
        <v>48</v>
      </c>
      <c r="HJ8" s="102">
        <v>29</v>
      </c>
      <c r="HK8" s="102">
        <v>24</v>
      </c>
      <c r="HL8" s="102">
        <v>17</v>
      </c>
      <c r="HM8" s="103">
        <v>156</v>
      </c>
      <c r="HN8" s="104">
        <v>233</v>
      </c>
      <c r="HO8" s="101">
        <v>66</v>
      </c>
      <c r="HP8" s="102">
        <v>96</v>
      </c>
      <c r="HQ8" s="103">
        <v>162</v>
      </c>
      <c r="HR8" s="413">
        <v>0</v>
      </c>
      <c r="HS8" s="102">
        <v>59</v>
      </c>
      <c r="HT8" s="102">
        <v>122</v>
      </c>
      <c r="HU8" s="102">
        <v>70</v>
      </c>
      <c r="HV8" s="102">
        <v>52</v>
      </c>
      <c r="HW8" s="102">
        <v>50</v>
      </c>
      <c r="HX8" s="103">
        <v>353</v>
      </c>
      <c r="HY8" s="104">
        <v>515</v>
      </c>
      <c r="HZ8" s="101">
        <v>171</v>
      </c>
      <c r="IA8" s="102">
        <v>225</v>
      </c>
      <c r="IB8" s="103">
        <v>396</v>
      </c>
      <c r="IC8" s="413">
        <v>0</v>
      </c>
      <c r="ID8" s="102">
        <v>182</v>
      </c>
      <c r="IE8" s="102">
        <v>226</v>
      </c>
      <c r="IF8" s="102">
        <v>133</v>
      </c>
      <c r="IG8" s="102">
        <v>96</v>
      </c>
      <c r="IH8" s="102">
        <v>78</v>
      </c>
      <c r="II8" s="103">
        <v>715</v>
      </c>
      <c r="IJ8" s="104">
        <v>1111</v>
      </c>
      <c r="IK8" s="101">
        <v>439</v>
      </c>
      <c r="IL8" s="102">
        <v>514</v>
      </c>
      <c r="IM8" s="103">
        <v>953</v>
      </c>
      <c r="IN8" s="413">
        <v>0</v>
      </c>
      <c r="IO8" s="102">
        <v>476</v>
      </c>
      <c r="IP8" s="102">
        <v>492</v>
      </c>
      <c r="IQ8" s="102">
        <v>290</v>
      </c>
      <c r="IR8" s="102">
        <v>232</v>
      </c>
      <c r="IS8" s="102">
        <v>145</v>
      </c>
      <c r="IT8" s="103">
        <v>1635</v>
      </c>
      <c r="IU8" s="104">
        <v>2588</v>
      </c>
      <c r="IV8" s="101">
        <v>685</v>
      </c>
      <c r="IW8" s="102">
        <v>791</v>
      </c>
      <c r="IX8" s="103">
        <v>1476</v>
      </c>
      <c r="IY8" s="413">
        <v>0</v>
      </c>
      <c r="IZ8" s="102">
        <v>825</v>
      </c>
      <c r="JA8" s="102">
        <v>902</v>
      </c>
      <c r="JB8" s="102">
        <v>505</v>
      </c>
      <c r="JC8" s="102">
        <v>395</v>
      </c>
      <c r="JD8" s="102">
        <v>226</v>
      </c>
      <c r="JE8" s="103">
        <v>2853</v>
      </c>
      <c r="JF8" s="104">
        <v>4329</v>
      </c>
      <c r="JG8" s="101">
        <v>707</v>
      </c>
      <c r="JH8" s="102">
        <v>847</v>
      </c>
      <c r="JI8" s="103">
        <v>1554</v>
      </c>
      <c r="JJ8" s="413">
        <v>0</v>
      </c>
      <c r="JK8" s="102">
        <v>928</v>
      </c>
      <c r="JL8" s="102">
        <v>1201</v>
      </c>
      <c r="JM8" s="102">
        <v>821</v>
      </c>
      <c r="JN8" s="102">
        <v>733</v>
      </c>
      <c r="JO8" s="102">
        <v>328</v>
      </c>
      <c r="JP8" s="103">
        <v>4011</v>
      </c>
      <c r="JQ8" s="104">
        <v>5565</v>
      </c>
      <c r="JR8" s="101">
        <v>0</v>
      </c>
      <c r="JS8" s="102">
        <v>0</v>
      </c>
      <c r="JT8" s="103">
        <v>0</v>
      </c>
      <c r="JU8" s="413">
        <v>0</v>
      </c>
      <c r="JV8" s="102">
        <v>0</v>
      </c>
      <c r="JW8" s="102">
        <v>0</v>
      </c>
      <c r="JX8" s="102">
        <v>0</v>
      </c>
      <c r="JY8" s="102">
        <v>0</v>
      </c>
      <c r="JZ8" s="102">
        <v>0</v>
      </c>
      <c r="KA8" s="103">
        <v>0</v>
      </c>
      <c r="KB8" s="104">
        <v>0</v>
      </c>
      <c r="KC8" s="101">
        <v>2102</v>
      </c>
      <c r="KD8" s="102">
        <v>2516</v>
      </c>
      <c r="KE8" s="103">
        <v>4618</v>
      </c>
      <c r="KF8" s="413">
        <v>0</v>
      </c>
      <c r="KG8" s="102">
        <v>2508</v>
      </c>
      <c r="KH8" s="102">
        <v>2991</v>
      </c>
      <c r="KI8" s="102">
        <v>1848</v>
      </c>
      <c r="KJ8" s="102">
        <v>1532</v>
      </c>
      <c r="KK8" s="102">
        <v>844</v>
      </c>
      <c r="KL8" s="103">
        <v>9723</v>
      </c>
      <c r="KM8" s="104">
        <v>14341</v>
      </c>
    </row>
    <row r="9" spans="2:299" s="70" customFormat="1" ht="21" customHeight="1" x14ac:dyDescent="0.2">
      <c r="B9" s="106" t="s">
        <v>6</v>
      </c>
      <c r="C9" s="96">
        <v>490</v>
      </c>
      <c r="D9" s="97">
        <v>392</v>
      </c>
      <c r="E9" s="98">
        <v>882</v>
      </c>
      <c r="F9" s="413">
        <v>0</v>
      </c>
      <c r="G9" s="97">
        <v>779</v>
      </c>
      <c r="H9" s="97">
        <v>643</v>
      </c>
      <c r="I9" s="97">
        <v>391</v>
      </c>
      <c r="J9" s="97">
        <v>318</v>
      </c>
      <c r="K9" s="97">
        <v>196</v>
      </c>
      <c r="L9" s="99">
        <v>2327</v>
      </c>
      <c r="M9" s="100">
        <v>3209</v>
      </c>
      <c r="N9" s="101">
        <v>11</v>
      </c>
      <c r="O9" s="102">
        <v>8</v>
      </c>
      <c r="P9" s="103">
        <v>19</v>
      </c>
      <c r="Q9" s="413">
        <v>0</v>
      </c>
      <c r="R9" s="102">
        <v>7</v>
      </c>
      <c r="S9" s="102">
        <v>12</v>
      </c>
      <c r="T9" s="102">
        <v>10</v>
      </c>
      <c r="U9" s="102">
        <v>4</v>
      </c>
      <c r="V9" s="102">
        <v>6</v>
      </c>
      <c r="W9" s="103">
        <v>39</v>
      </c>
      <c r="X9" s="104">
        <v>58</v>
      </c>
      <c r="Y9" s="101">
        <v>24</v>
      </c>
      <c r="Z9" s="102">
        <v>14</v>
      </c>
      <c r="AA9" s="103">
        <v>38</v>
      </c>
      <c r="AB9" s="413">
        <v>0</v>
      </c>
      <c r="AC9" s="102">
        <v>30</v>
      </c>
      <c r="AD9" s="102">
        <v>20</v>
      </c>
      <c r="AE9" s="102">
        <v>13</v>
      </c>
      <c r="AF9" s="102">
        <v>21</v>
      </c>
      <c r="AG9" s="102">
        <v>15</v>
      </c>
      <c r="AH9" s="103">
        <v>99</v>
      </c>
      <c r="AI9" s="104">
        <v>137</v>
      </c>
      <c r="AJ9" s="101">
        <v>49</v>
      </c>
      <c r="AK9" s="102">
        <v>35</v>
      </c>
      <c r="AL9" s="103">
        <v>84</v>
      </c>
      <c r="AM9" s="413">
        <v>0</v>
      </c>
      <c r="AN9" s="102">
        <v>61</v>
      </c>
      <c r="AO9" s="102">
        <v>53</v>
      </c>
      <c r="AP9" s="102">
        <v>23</v>
      </c>
      <c r="AQ9" s="102">
        <v>29</v>
      </c>
      <c r="AR9" s="102">
        <v>18</v>
      </c>
      <c r="AS9" s="103">
        <v>184</v>
      </c>
      <c r="AT9" s="104">
        <v>268</v>
      </c>
      <c r="AU9" s="101">
        <v>95</v>
      </c>
      <c r="AV9" s="102">
        <v>72</v>
      </c>
      <c r="AW9" s="103">
        <v>167</v>
      </c>
      <c r="AX9" s="413">
        <v>0</v>
      </c>
      <c r="AY9" s="102">
        <v>143</v>
      </c>
      <c r="AZ9" s="102">
        <v>120</v>
      </c>
      <c r="BA9" s="102">
        <v>76</v>
      </c>
      <c r="BB9" s="102">
        <v>38</v>
      </c>
      <c r="BC9" s="102">
        <v>35</v>
      </c>
      <c r="BD9" s="103">
        <v>412</v>
      </c>
      <c r="BE9" s="104">
        <v>579</v>
      </c>
      <c r="BF9" s="101">
        <v>169</v>
      </c>
      <c r="BG9" s="102">
        <v>133</v>
      </c>
      <c r="BH9" s="103">
        <v>302</v>
      </c>
      <c r="BI9" s="413">
        <v>0</v>
      </c>
      <c r="BJ9" s="102">
        <v>230</v>
      </c>
      <c r="BK9" s="102">
        <v>186</v>
      </c>
      <c r="BL9" s="102">
        <v>105</v>
      </c>
      <c r="BM9" s="102">
        <v>88</v>
      </c>
      <c r="BN9" s="102">
        <v>64</v>
      </c>
      <c r="BO9" s="103">
        <v>673</v>
      </c>
      <c r="BP9" s="104">
        <v>975</v>
      </c>
      <c r="BQ9" s="101">
        <v>142</v>
      </c>
      <c r="BR9" s="102">
        <v>130</v>
      </c>
      <c r="BS9" s="103">
        <v>272</v>
      </c>
      <c r="BT9" s="413">
        <v>0</v>
      </c>
      <c r="BU9" s="102">
        <v>308</v>
      </c>
      <c r="BV9" s="102">
        <v>252</v>
      </c>
      <c r="BW9" s="102">
        <v>164</v>
      </c>
      <c r="BX9" s="102">
        <v>138</v>
      </c>
      <c r="BY9" s="102">
        <v>58</v>
      </c>
      <c r="BZ9" s="103">
        <v>920</v>
      </c>
      <c r="CA9" s="104">
        <v>1192</v>
      </c>
      <c r="CB9" s="101">
        <v>0</v>
      </c>
      <c r="CC9" s="102">
        <v>0</v>
      </c>
      <c r="CD9" s="103">
        <v>0</v>
      </c>
      <c r="CE9" s="413">
        <v>0</v>
      </c>
      <c r="CF9" s="102">
        <v>0</v>
      </c>
      <c r="CG9" s="102">
        <v>0</v>
      </c>
      <c r="CH9" s="102">
        <v>0</v>
      </c>
      <c r="CI9" s="102">
        <v>0</v>
      </c>
      <c r="CJ9" s="102">
        <v>0</v>
      </c>
      <c r="CK9" s="103">
        <v>0</v>
      </c>
      <c r="CL9" s="104">
        <v>0</v>
      </c>
      <c r="CM9" s="101">
        <v>490</v>
      </c>
      <c r="CN9" s="102">
        <v>392</v>
      </c>
      <c r="CO9" s="103">
        <v>882</v>
      </c>
      <c r="CP9" s="413">
        <v>0</v>
      </c>
      <c r="CQ9" s="102">
        <v>779</v>
      </c>
      <c r="CR9" s="102">
        <v>643</v>
      </c>
      <c r="CS9" s="102">
        <v>391</v>
      </c>
      <c r="CT9" s="102">
        <v>318</v>
      </c>
      <c r="CU9" s="102">
        <v>196</v>
      </c>
      <c r="CV9" s="103">
        <v>2327</v>
      </c>
      <c r="CW9" s="104">
        <v>3209</v>
      </c>
      <c r="CX9" s="105">
        <v>109</v>
      </c>
      <c r="CY9" s="97">
        <v>101</v>
      </c>
      <c r="CZ9" s="98">
        <v>210</v>
      </c>
      <c r="DA9" s="413">
        <v>0</v>
      </c>
      <c r="DB9" s="97">
        <v>131</v>
      </c>
      <c r="DC9" s="97">
        <v>104</v>
      </c>
      <c r="DD9" s="97">
        <v>81</v>
      </c>
      <c r="DE9" s="97">
        <v>90</v>
      </c>
      <c r="DF9" s="97">
        <v>54</v>
      </c>
      <c r="DG9" s="99">
        <v>460</v>
      </c>
      <c r="DH9" s="100">
        <v>670</v>
      </c>
      <c r="DI9" s="101">
        <v>1</v>
      </c>
      <c r="DJ9" s="102">
        <v>1</v>
      </c>
      <c r="DK9" s="103">
        <v>2</v>
      </c>
      <c r="DL9" s="413">
        <v>0</v>
      </c>
      <c r="DM9" s="102">
        <v>1</v>
      </c>
      <c r="DN9" s="102">
        <v>2</v>
      </c>
      <c r="DO9" s="102">
        <v>1</v>
      </c>
      <c r="DP9" s="102">
        <v>3</v>
      </c>
      <c r="DQ9" s="102">
        <v>0</v>
      </c>
      <c r="DR9" s="103">
        <v>7</v>
      </c>
      <c r="DS9" s="104">
        <v>9</v>
      </c>
      <c r="DT9" s="101">
        <v>5</v>
      </c>
      <c r="DU9" s="102">
        <v>6</v>
      </c>
      <c r="DV9" s="103">
        <v>11</v>
      </c>
      <c r="DW9" s="413">
        <v>0</v>
      </c>
      <c r="DX9" s="102">
        <v>5</v>
      </c>
      <c r="DY9" s="102">
        <v>2</v>
      </c>
      <c r="DZ9" s="102">
        <v>2</v>
      </c>
      <c r="EA9" s="102">
        <v>4</v>
      </c>
      <c r="EB9" s="102">
        <v>1</v>
      </c>
      <c r="EC9" s="103">
        <v>14</v>
      </c>
      <c r="ED9" s="104">
        <v>25</v>
      </c>
      <c r="EE9" s="101">
        <v>16</v>
      </c>
      <c r="EF9" s="102">
        <v>7</v>
      </c>
      <c r="EG9" s="103">
        <v>23</v>
      </c>
      <c r="EH9" s="413">
        <v>0</v>
      </c>
      <c r="EI9" s="102">
        <v>12</v>
      </c>
      <c r="EJ9" s="102">
        <v>4</v>
      </c>
      <c r="EK9" s="102">
        <v>6</v>
      </c>
      <c r="EL9" s="102">
        <v>4</v>
      </c>
      <c r="EM9" s="102">
        <v>2</v>
      </c>
      <c r="EN9" s="103">
        <v>28</v>
      </c>
      <c r="EO9" s="104">
        <v>51</v>
      </c>
      <c r="EP9" s="101">
        <v>32</v>
      </c>
      <c r="EQ9" s="102">
        <v>27</v>
      </c>
      <c r="ER9" s="103">
        <v>59</v>
      </c>
      <c r="ES9" s="413">
        <v>0</v>
      </c>
      <c r="ET9" s="102">
        <v>26</v>
      </c>
      <c r="EU9" s="102">
        <v>17</v>
      </c>
      <c r="EV9" s="102">
        <v>10</v>
      </c>
      <c r="EW9" s="102">
        <v>8</v>
      </c>
      <c r="EX9" s="102">
        <v>3</v>
      </c>
      <c r="EY9" s="103">
        <v>64</v>
      </c>
      <c r="EZ9" s="104">
        <v>123</v>
      </c>
      <c r="FA9" s="101">
        <v>34</v>
      </c>
      <c r="FB9" s="102">
        <v>35</v>
      </c>
      <c r="FC9" s="103">
        <v>69</v>
      </c>
      <c r="FD9" s="413">
        <v>0</v>
      </c>
      <c r="FE9" s="102">
        <v>39</v>
      </c>
      <c r="FF9" s="102">
        <v>27</v>
      </c>
      <c r="FG9" s="102">
        <v>27</v>
      </c>
      <c r="FH9" s="102">
        <v>23</v>
      </c>
      <c r="FI9" s="102">
        <v>16</v>
      </c>
      <c r="FJ9" s="103">
        <v>132</v>
      </c>
      <c r="FK9" s="104">
        <v>201</v>
      </c>
      <c r="FL9" s="101">
        <v>21</v>
      </c>
      <c r="FM9" s="102">
        <v>25</v>
      </c>
      <c r="FN9" s="103">
        <v>46</v>
      </c>
      <c r="FO9" s="413">
        <v>0</v>
      </c>
      <c r="FP9" s="102">
        <v>48</v>
      </c>
      <c r="FQ9" s="102">
        <v>52</v>
      </c>
      <c r="FR9" s="102">
        <v>35</v>
      </c>
      <c r="FS9" s="102">
        <v>48</v>
      </c>
      <c r="FT9" s="102">
        <v>32</v>
      </c>
      <c r="FU9" s="103">
        <v>215</v>
      </c>
      <c r="FV9" s="104">
        <v>261</v>
      </c>
      <c r="FW9" s="101">
        <v>0</v>
      </c>
      <c r="FX9" s="102">
        <v>0</v>
      </c>
      <c r="FY9" s="103">
        <v>0</v>
      </c>
      <c r="FZ9" s="413">
        <v>0</v>
      </c>
      <c r="GA9" s="102">
        <v>0</v>
      </c>
      <c r="GB9" s="102">
        <v>0</v>
      </c>
      <c r="GC9" s="102">
        <v>0</v>
      </c>
      <c r="GD9" s="102">
        <v>0</v>
      </c>
      <c r="GE9" s="102">
        <v>0</v>
      </c>
      <c r="GF9" s="103">
        <v>0</v>
      </c>
      <c r="GG9" s="104">
        <v>0</v>
      </c>
      <c r="GH9" s="101">
        <v>109</v>
      </c>
      <c r="GI9" s="102">
        <v>101</v>
      </c>
      <c r="GJ9" s="103">
        <v>210</v>
      </c>
      <c r="GK9" s="413">
        <v>0</v>
      </c>
      <c r="GL9" s="102">
        <v>131</v>
      </c>
      <c r="GM9" s="102">
        <v>104</v>
      </c>
      <c r="GN9" s="102">
        <v>81</v>
      </c>
      <c r="GO9" s="102">
        <v>90</v>
      </c>
      <c r="GP9" s="102">
        <v>54</v>
      </c>
      <c r="GQ9" s="103">
        <v>460</v>
      </c>
      <c r="GR9" s="104">
        <v>670</v>
      </c>
      <c r="GS9" s="105">
        <v>599</v>
      </c>
      <c r="GT9" s="97">
        <v>493</v>
      </c>
      <c r="GU9" s="98">
        <v>1092</v>
      </c>
      <c r="GV9" s="413">
        <v>0</v>
      </c>
      <c r="GW9" s="97">
        <v>910</v>
      </c>
      <c r="GX9" s="97">
        <v>747</v>
      </c>
      <c r="GY9" s="97">
        <v>472</v>
      </c>
      <c r="GZ9" s="97">
        <v>408</v>
      </c>
      <c r="HA9" s="97">
        <v>250</v>
      </c>
      <c r="HB9" s="99">
        <v>2787</v>
      </c>
      <c r="HC9" s="100">
        <v>3879</v>
      </c>
      <c r="HD9" s="101">
        <v>12</v>
      </c>
      <c r="HE9" s="102">
        <v>9</v>
      </c>
      <c r="HF9" s="103">
        <v>21</v>
      </c>
      <c r="HG9" s="413">
        <v>0</v>
      </c>
      <c r="HH9" s="102">
        <v>8</v>
      </c>
      <c r="HI9" s="102">
        <v>14</v>
      </c>
      <c r="HJ9" s="102">
        <v>11</v>
      </c>
      <c r="HK9" s="102">
        <v>7</v>
      </c>
      <c r="HL9" s="102">
        <v>6</v>
      </c>
      <c r="HM9" s="103">
        <v>46</v>
      </c>
      <c r="HN9" s="104">
        <v>67</v>
      </c>
      <c r="HO9" s="101">
        <v>29</v>
      </c>
      <c r="HP9" s="102">
        <v>20</v>
      </c>
      <c r="HQ9" s="103">
        <v>49</v>
      </c>
      <c r="HR9" s="413">
        <v>0</v>
      </c>
      <c r="HS9" s="102">
        <v>35</v>
      </c>
      <c r="HT9" s="102">
        <v>22</v>
      </c>
      <c r="HU9" s="102">
        <v>15</v>
      </c>
      <c r="HV9" s="102">
        <v>25</v>
      </c>
      <c r="HW9" s="102">
        <v>16</v>
      </c>
      <c r="HX9" s="103">
        <v>113</v>
      </c>
      <c r="HY9" s="104">
        <v>162</v>
      </c>
      <c r="HZ9" s="101">
        <v>65</v>
      </c>
      <c r="IA9" s="102">
        <v>42</v>
      </c>
      <c r="IB9" s="103">
        <v>107</v>
      </c>
      <c r="IC9" s="413">
        <v>0</v>
      </c>
      <c r="ID9" s="102">
        <v>73</v>
      </c>
      <c r="IE9" s="102">
        <v>57</v>
      </c>
      <c r="IF9" s="102">
        <v>29</v>
      </c>
      <c r="IG9" s="102">
        <v>33</v>
      </c>
      <c r="IH9" s="102">
        <v>20</v>
      </c>
      <c r="II9" s="103">
        <v>212</v>
      </c>
      <c r="IJ9" s="104">
        <v>319</v>
      </c>
      <c r="IK9" s="101">
        <v>127</v>
      </c>
      <c r="IL9" s="102">
        <v>99</v>
      </c>
      <c r="IM9" s="103">
        <v>226</v>
      </c>
      <c r="IN9" s="413">
        <v>0</v>
      </c>
      <c r="IO9" s="102">
        <v>169</v>
      </c>
      <c r="IP9" s="102">
        <v>137</v>
      </c>
      <c r="IQ9" s="102">
        <v>86</v>
      </c>
      <c r="IR9" s="102">
        <v>46</v>
      </c>
      <c r="IS9" s="102">
        <v>38</v>
      </c>
      <c r="IT9" s="103">
        <v>476</v>
      </c>
      <c r="IU9" s="104">
        <v>702</v>
      </c>
      <c r="IV9" s="101">
        <v>203</v>
      </c>
      <c r="IW9" s="102">
        <v>168</v>
      </c>
      <c r="IX9" s="103">
        <v>371</v>
      </c>
      <c r="IY9" s="413">
        <v>0</v>
      </c>
      <c r="IZ9" s="102">
        <v>269</v>
      </c>
      <c r="JA9" s="102">
        <v>213</v>
      </c>
      <c r="JB9" s="102">
        <v>132</v>
      </c>
      <c r="JC9" s="102">
        <v>111</v>
      </c>
      <c r="JD9" s="102">
        <v>80</v>
      </c>
      <c r="JE9" s="103">
        <v>805</v>
      </c>
      <c r="JF9" s="104">
        <v>1176</v>
      </c>
      <c r="JG9" s="101">
        <v>163</v>
      </c>
      <c r="JH9" s="102">
        <v>155</v>
      </c>
      <c r="JI9" s="103">
        <v>318</v>
      </c>
      <c r="JJ9" s="413">
        <v>0</v>
      </c>
      <c r="JK9" s="102">
        <v>356</v>
      </c>
      <c r="JL9" s="102">
        <v>304</v>
      </c>
      <c r="JM9" s="102">
        <v>199</v>
      </c>
      <c r="JN9" s="102">
        <v>186</v>
      </c>
      <c r="JO9" s="102">
        <v>90</v>
      </c>
      <c r="JP9" s="103">
        <v>1135</v>
      </c>
      <c r="JQ9" s="104">
        <v>1453</v>
      </c>
      <c r="JR9" s="101">
        <v>0</v>
      </c>
      <c r="JS9" s="102">
        <v>0</v>
      </c>
      <c r="JT9" s="103">
        <v>0</v>
      </c>
      <c r="JU9" s="413">
        <v>0</v>
      </c>
      <c r="JV9" s="102">
        <v>0</v>
      </c>
      <c r="JW9" s="102">
        <v>0</v>
      </c>
      <c r="JX9" s="102">
        <v>0</v>
      </c>
      <c r="JY9" s="102">
        <v>0</v>
      </c>
      <c r="JZ9" s="102">
        <v>0</v>
      </c>
      <c r="KA9" s="103">
        <v>0</v>
      </c>
      <c r="KB9" s="104">
        <v>0</v>
      </c>
      <c r="KC9" s="101">
        <v>599</v>
      </c>
      <c r="KD9" s="102">
        <v>493</v>
      </c>
      <c r="KE9" s="103">
        <v>1092</v>
      </c>
      <c r="KF9" s="413">
        <v>0</v>
      </c>
      <c r="KG9" s="102">
        <v>910</v>
      </c>
      <c r="KH9" s="102">
        <v>747</v>
      </c>
      <c r="KI9" s="102">
        <v>472</v>
      </c>
      <c r="KJ9" s="102">
        <v>408</v>
      </c>
      <c r="KK9" s="102">
        <v>250</v>
      </c>
      <c r="KL9" s="103">
        <v>2787</v>
      </c>
      <c r="KM9" s="104">
        <v>3879</v>
      </c>
    </row>
    <row r="10" spans="2:299" s="70" customFormat="1" ht="21" customHeight="1" x14ac:dyDescent="0.2">
      <c r="B10" s="106" t="s">
        <v>14</v>
      </c>
      <c r="C10" s="96">
        <v>295</v>
      </c>
      <c r="D10" s="97">
        <v>357</v>
      </c>
      <c r="E10" s="98">
        <v>652</v>
      </c>
      <c r="F10" s="413">
        <v>0</v>
      </c>
      <c r="G10" s="97">
        <v>407</v>
      </c>
      <c r="H10" s="97">
        <v>416</v>
      </c>
      <c r="I10" s="97">
        <v>295</v>
      </c>
      <c r="J10" s="97">
        <v>215</v>
      </c>
      <c r="K10" s="97">
        <v>143</v>
      </c>
      <c r="L10" s="99">
        <v>1476</v>
      </c>
      <c r="M10" s="100">
        <v>2128</v>
      </c>
      <c r="N10" s="101">
        <v>6</v>
      </c>
      <c r="O10" s="102">
        <v>8</v>
      </c>
      <c r="P10" s="103">
        <v>14</v>
      </c>
      <c r="Q10" s="413">
        <v>0</v>
      </c>
      <c r="R10" s="102">
        <v>6</v>
      </c>
      <c r="S10" s="102">
        <v>6</v>
      </c>
      <c r="T10" s="102">
        <v>6</v>
      </c>
      <c r="U10" s="102">
        <v>7</v>
      </c>
      <c r="V10" s="102">
        <v>4</v>
      </c>
      <c r="W10" s="103">
        <v>29</v>
      </c>
      <c r="X10" s="104">
        <v>43</v>
      </c>
      <c r="Y10" s="101">
        <v>10</v>
      </c>
      <c r="Z10" s="102">
        <v>21</v>
      </c>
      <c r="AA10" s="103">
        <v>31</v>
      </c>
      <c r="AB10" s="413">
        <v>0</v>
      </c>
      <c r="AC10" s="102">
        <v>19</v>
      </c>
      <c r="AD10" s="102">
        <v>21</v>
      </c>
      <c r="AE10" s="102">
        <v>10</v>
      </c>
      <c r="AF10" s="102">
        <v>8</v>
      </c>
      <c r="AG10" s="102">
        <v>8</v>
      </c>
      <c r="AH10" s="103">
        <v>66</v>
      </c>
      <c r="AI10" s="104">
        <v>97</v>
      </c>
      <c r="AJ10" s="101">
        <v>23</v>
      </c>
      <c r="AK10" s="102">
        <v>32</v>
      </c>
      <c r="AL10" s="103">
        <v>55</v>
      </c>
      <c r="AM10" s="413">
        <v>0</v>
      </c>
      <c r="AN10" s="102">
        <v>40</v>
      </c>
      <c r="AO10" s="102">
        <v>33</v>
      </c>
      <c r="AP10" s="102">
        <v>16</v>
      </c>
      <c r="AQ10" s="102">
        <v>17</v>
      </c>
      <c r="AR10" s="102">
        <v>17</v>
      </c>
      <c r="AS10" s="103">
        <v>123</v>
      </c>
      <c r="AT10" s="104">
        <v>178</v>
      </c>
      <c r="AU10" s="101">
        <v>73</v>
      </c>
      <c r="AV10" s="102">
        <v>85</v>
      </c>
      <c r="AW10" s="103">
        <v>158</v>
      </c>
      <c r="AX10" s="413">
        <v>0</v>
      </c>
      <c r="AY10" s="102">
        <v>90</v>
      </c>
      <c r="AZ10" s="102">
        <v>96</v>
      </c>
      <c r="BA10" s="102">
        <v>62</v>
      </c>
      <c r="BB10" s="102">
        <v>42</v>
      </c>
      <c r="BC10" s="102">
        <v>24</v>
      </c>
      <c r="BD10" s="103">
        <v>314</v>
      </c>
      <c r="BE10" s="104">
        <v>472</v>
      </c>
      <c r="BF10" s="101">
        <v>94</v>
      </c>
      <c r="BG10" s="102">
        <v>116</v>
      </c>
      <c r="BH10" s="103">
        <v>210</v>
      </c>
      <c r="BI10" s="413">
        <v>0</v>
      </c>
      <c r="BJ10" s="102">
        <v>125</v>
      </c>
      <c r="BK10" s="102">
        <v>130</v>
      </c>
      <c r="BL10" s="102">
        <v>84</v>
      </c>
      <c r="BM10" s="102">
        <v>71</v>
      </c>
      <c r="BN10" s="102">
        <v>37</v>
      </c>
      <c r="BO10" s="103">
        <v>447</v>
      </c>
      <c r="BP10" s="104">
        <v>657</v>
      </c>
      <c r="BQ10" s="101">
        <v>89</v>
      </c>
      <c r="BR10" s="102">
        <v>95</v>
      </c>
      <c r="BS10" s="103">
        <v>184</v>
      </c>
      <c r="BT10" s="413">
        <v>0</v>
      </c>
      <c r="BU10" s="102">
        <v>127</v>
      </c>
      <c r="BV10" s="102">
        <v>130</v>
      </c>
      <c r="BW10" s="102">
        <v>117</v>
      </c>
      <c r="BX10" s="102">
        <v>70</v>
      </c>
      <c r="BY10" s="102">
        <v>53</v>
      </c>
      <c r="BZ10" s="103">
        <v>497</v>
      </c>
      <c r="CA10" s="104">
        <v>681</v>
      </c>
      <c r="CB10" s="101">
        <v>0</v>
      </c>
      <c r="CC10" s="102">
        <v>0</v>
      </c>
      <c r="CD10" s="103">
        <v>0</v>
      </c>
      <c r="CE10" s="413">
        <v>0</v>
      </c>
      <c r="CF10" s="102">
        <v>0</v>
      </c>
      <c r="CG10" s="102">
        <v>0</v>
      </c>
      <c r="CH10" s="102">
        <v>0</v>
      </c>
      <c r="CI10" s="102">
        <v>0</v>
      </c>
      <c r="CJ10" s="102">
        <v>0</v>
      </c>
      <c r="CK10" s="103">
        <v>0</v>
      </c>
      <c r="CL10" s="104">
        <v>0</v>
      </c>
      <c r="CM10" s="101">
        <v>295</v>
      </c>
      <c r="CN10" s="102">
        <v>357</v>
      </c>
      <c r="CO10" s="103">
        <v>652</v>
      </c>
      <c r="CP10" s="413">
        <v>0</v>
      </c>
      <c r="CQ10" s="102">
        <v>407</v>
      </c>
      <c r="CR10" s="102">
        <v>416</v>
      </c>
      <c r="CS10" s="102">
        <v>295</v>
      </c>
      <c r="CT10" s="102">
        <v>215</v>
      </c>
      <c r="CU10" s="102">
        <v>143</v>
      </c>
      <c r="CV10" s="103">
        <v>1476</v>
      </c>
      <c r="CW10" s="104">
        <v>2128</v>
      </c>
      <c r="CX10" s="105">
        <v>39</v>
      </c>
      <c r="CY10" s="97">
        <v>47</v>
      </c>
      <c r="CZ10" s="98">
        <v>86</v>
      </c>
      <c r="DA10" s="413">
        <v>0</v>
      </c>
      <c r="DB10" s="97">
        <v>47</v>
      </c>
      <c r="DC10" s="97">
        <v>59</v>
      </c>
      <c r="DD10" s="97">
        <v>39</v>
      </c>
      <c r="DE10" s="97">
        <v>35</v>
      </c>
      <c r="DF10" s="97">
        <v>17</v>
      </c>
      <c r="DG10" s="99">
        <v>197</v>
      </c>
      <c r="DH10" s="100">
        <v>283</v>
      </c>
      <c r="DI10" s="101">
        <v>0</v>
      </c>
      <c r="DJ10" s="102">
        <v>2</v>
      </c>
      <c r="DK10" s="103">
        <v>2</v>
      </c>
      <c r="DL10" s="413">
        <v>0</v>
      </c>
      <c r="DM10" s="102">
        <v>0</v>
      </c>
      <c r="DN10" s="102">
        <v>3</v>
      </c>
      <c r="DO10" s="102">
        <v>2</v>
      </c>
      <c r="DP10" s="102">
        <v>1</v>
      </c>
      <c r="DQ10" s="102">
        <v>1</v>
      </c>
      <c r="DR10" s="103">
        <v>7</v>
      </c>
      <c r="DS10" s="104">
        <v>9</v>
      </c>
      <c r="DT10" s="101">
        <v>5</v>
      </c>
      <c r="DU10" s="102">
        <v>1</v>
      </c>
      <c r="DV10" s="103">
        <v>6</v>
      </c>
      <c r="DW10" s="413">
        <v>0</v>
      </c>
      <c r="DX10" s="102">
        <v>2</v>
      </c>
      <c r="DY10" s="102">
        <v>4</v>
      </c>
      <c r="DZ10" s="102">
        <v>1</v>
      </c>
      <c r="EA10" s="102">
        <v>0</v>
      </c>
      <c r="EB10" s="102">
        <v>1</v>
      </c>
      <c r="EC10" s="103">
        <v>8</v>
      </c>
      <c r="ED10" s="104">
        <v>14</v>
      </c>
      <c r="EE10" s="101">
        <v>6</v>
      </c>
      <c r="EF10" s="102">
        <v>6</v>
      </c>
      <c r="EG10" s="103">
        <v>12</v>
      </c>
      <c r="EH10" s="413">
        <v>0</v>
      </c>
      <c r="EI10" s="102">
        <v>4</v>
      </c>
      <c r="EJ10" s="102">
        <v>6</v>
      </c>
      <c r="EK10" s="102">
        <v>4</v>
      </c>
      <c r="EL10" s="102">
        <v>1</v>
      </c>
      <c r="EM10" s="102">
        <v>2</v>
      </c>
      <c r="EN10" s="103">
        <v>17</v>
      </c>
      <c r="EO10" s="104">
        <v>29</v>
      </c>
      <c r="EP10" s="101">
        <v>13</v>
      </c>
      <c r="EQ10" s="102">
        <v>12</v>
      </c>
      <c r="ER10" s="103">
        <v>25</v>
      </c>
      <c r="ES10" s="413">
        <v>0</v>
      </c>
      <c r="ET10" s="102">
        <v>11</v>
      </c>
      <c r="EU10" s="102">
        <v>15</v>
      </c>
      <c r="EV10" s="102">
        <v>5</v>
      </c>
      <c r="EW10" s="102">
        <v>4</v>
      </c>
      <c r="EX10" s="102">
        <v>1</v>
      </c>
      <c r="EY10" s="103">
        <v>36</v>
      </c>
      <c r="EZ10" s="104">
        <v>61</v>
      </c>
      <c r="FA10" s="101">
        <v>8</v>
      </c>
      <c r="FB10" s="102">
        <v>14</v>
      </c>
      <c r="FC10" s="103">
        <v>22</v>
      </c>
      <c r="FD10" s="413">
        <v>0</v>
      </c>
      <c r="FE10" s="102">
        <v>16</v>
      </c>
      <c r="FF10" s="102">
        <v>14</v>
      </c>
      <c r="FG10" s="102">
        <v>10</v>
      </c>
      <c r="FH10" s="102">
        <v>8</v>
      </c>
      <c r="FI10" s="102">
        <v>6</v>
      </c>
      <c r="FJ10" s="103">
        <v>54</v>
      </c>
      <c r="FK10" s="104">
        <v>76</v>
      </c>
      <c r="FL10" s="101">
        <v>7</v>
      </c>
      <c r="FM10" s="102">
        <v>12</v>
      </c>
      <c r="FN10" s="103">
        <v>19</v>
      </c>
      <c r="FO10" s="413">
        <v>0</v>
      </c>
      <c r="FP10" s="102">
        <v>14</v>
      </c>
      <c r="FQ10" s="102">
        <v>17</v>
      </c>
      <c r="FR10" s="102">
        <v>17</v>
      </c>
      <c r="FS10" s="102">
        <v>21</v>
      </c>
      <c r="FT10" s="102">
        <v>6</v>
      </c>
      <c r="FU10" s="103">
        <v>75</v>
      </c>
      <c r="FV10" s="104">
        <v>94</v>
      </c>
      <c r="FW10" s="101">
        <v>0</v>
      </c>
      <c r="FX10" s="102">
        <v>0</v>
      </c>
      <c r="FY10" s="103">
        <v>0</v>
      </c>
      <c r="FZ10" s="413">
        <v>0</v>
      </c>
      <c r="GA10" s="102">
        <v>0</v>
      </c>
      <c r="GB10" s="102">
        <v>0</v>
      </c>
      <c r="GC10" s="102">
        <v>0</v>
      </c>
      <c r="GD10" s="102">
        <v>0</v>
      </c>
      <c r="GE10" s="102">
        <v>0</v>
      </c>
      <c r="GF10" s="103">
        <v>0</v>
      </c>
      <c r="GG10" s="104">
        <v>0</v>
      </c>
      <c r="GH10" s="101">
        <v>39</v>
      </c>
      <c r="GI10" s="102">
        <v>47</v>
      </c>
      <c r="GJ10" s="103">
        <v>86</v>
      </c>
      <c r="GK10" s="413">
        <v>0</v>
      </c>
      <c r="GL10" s="102">
        <v>47</v>
      </c>
      <c r="GM10" s="102">
        <v>59</v>
      </c>
      <c r="GN10" s="102">
        <v>39</v>
      </c>
      <c r="GO10" s="102">
        <v>35</v>
      </c>
      <c r="GP10" s="102">
        <v>17</v>
      </c>
      <c r="GQ10" s="103">
        <v>197</v>
      </c>
      <c r="GR10" s="104">
        <v>283</v>
      </c>
      <c r="GS10" s="105">
        <v>334</v>
      </c>
      <c r="GT10" s="97">
        <v>404</v>
      </c>
      <c r="GU10" s="98">
        <v>738</v>
      </c>
      <c r="GV10" s="413">
        <v>0</v>
      </c>
      <c r="GW10" s="97">
        <v>454</v>
      </c>
      <c r="GX10" s="97">
        <v>475</v>
      </c>
      <c r="GY10" s="97">
        <v>334</v>
      </c>
      <c r="GZ10" s="97">
        <v>250</v>
      </c>
      <c r="HA10" s="97">
        <v>160</v>
      </c>
      <c r="HB10" s="99">
        <v>1673</v>
      </c>
      <c r="HC10" s="100">
        <v>2411</v>
      </c>
      <c r="HD10" s="101">
        <v>6</v>
      </c>
      <c r="HE10" s="102">
        <v>10</v>
      </c>
      <c r="HF10" s="103">
        <v>16</v>
      </c>
      <c r="HG10" s="413">
        <v>0</v>
      </c>
      <c r="HH10" s="102">
        <v>6</v>
      </c>
      <c r="HI10" s="102">
        <v>9</v>
      </c>
      <c r="HJ10" s="102">
        <v>8</v>
      </c>
      <c r="HK10" s="102">
        <v>8</v>
      </c>
      <c r="HL10" s="102">
        <v>5</v>
      </c>
      <c r="HM10" s="103">
        <v>36</v>
      </c>
      <c r="HN10" s="104">
        <v>52</v>
      </c>
      <c r="HO10" s="101">
        <v>15</v>
      </c>
      <c r="HP10" s="102">
        <v>22</v>
      </c>
      <c r="HQ10" s="103">
        <v>37</v>
      </c>
      <c r="HR10" s="413">
        <v>0</v>
      </c>
      <c r="HS10" s="102">
        <v>21</v>
      </c>
      <c r="HT10" s="102">
        <v>25</v>
      </c>
      <c r="HU10" s="102">
        <v>11</v>
      </c>
      <c r="HV10" s="102">
        <v>8</v>
      </c>
      <c r="HW10" s="102">
        <v>9</v>
      </c>
      <c r="HX10" s="103">
        <v>74</v>
      </c>
      <c r="HY10" s="104">
        <v>111</v>
      </c>
      <c r="HZ10" s="101">
        <v>29</v>
      </c>
      <c r="IA10" s="102">
        <v>38</v>
      </c>
      <c r="IB10" s="103">
        <v>67</v>
      </c>
      <c r="IC10" s="413">
        <v>0</v>
      </c>
      <c r="ID10" s="102">
        <v>44</v>
      </c>
      <c r="IE10" s="102">
        <v>39</v>
      </c>
      <c r="IF10" s="102">
        <v>20</v>
      </c>
      <c r="IG10" s="102">
        <v>18</v>
      </c>
      <c r="IH10" s="102">
        <v>19</v>
      </c>
      <c r="II10" s="103">
        <v>140</v>
      </c>
      <c r="IJ10" s="104">
        <v>207</v>
      </c>
      <c r="IK10" s="101">
        <v>86</v>
      </c>
      <c r="IL10" s="102">
        <v>97</v>
      </c>
      <c r="IM10" s="103">
        <v>183</v>
      </c>
      <c r="IN10" s="413">
        <v>0</v>
      </c>
      <c r="IO10" s="102">
        <v>101</v>
      </c>
      <c r="IP10" s="102">
        <v>111</v>
      </c>
      <c r="IQ10" s="102">
        <v>67</v>
      </c>
      <c r="IR10" s="102">
        <v>46</v>
      </c>
      <c r="IS10" s="102">
        <v>25</v>
      </c>
      <c r="IT10" s="103">
        <v>350</v>
      </c>
      <c r="IU10" s="104">
        <v>533</v>
      </c>
      <c r="IV10" s="101">
        <v>102</v>
      </c>
      <c r="IW10" s="102">
        <v>130</v>
      </c>
      <c r="IX10" s="103">
        <v>232</v>
      </c>
      <c r="IY10" s="413">
        <v>0</v>
      </c>
      <c r="IZ10" s="102">
        <v>141</v>
      </c>
      <c r="JA10" s="102">
        <v>144</v>
      </c>
      <c r="JB10" s="102">
        <v>94</v>
      </c>
      <c r="JC10" s="102">
        <v>79</v>
      </c>
      <c r="JD10" s="102">
        <v>43</v>
      </c>
      <c r="JE10" s="103">
        <v>501</v>
      </c>
      <c r="JF10" s="104">
        <v>733</v>
      </c>
      <c r="JG10" s="101">
        <v>96</v>
      </c>
      <c r="JH10" s="102">
        <v>107</v>
      </c>
      <c r="JI10" s="103">
        <v>203</v>
      </c>
      <c r="JJ10" s="413">
        <v>0</v>
      </c>
      <c r="JK10" s="102">
        <v>141</v>
      </c>
      <c r="JL10" s="102">
        <v>147</v>
      </c>
      <c r="JM10" s="102">
        <v>134</v>
      </c>
      <c r="JN10" s="102">
        <v>91</v>
      </c>
      <c r="JO10" s="102">
        <v>59</v>
      </c>
      <c r="JP10" s="103">
        <v>572</v>
      </c>
      <c r="JQ10" s="104">
        <v>775</v>
      </c>
      <c r="JR10" s="101">
        <v>0</v>
      </c>
      <c r="JS10" s="102">
        <v>0</v>
      </c>
      <c r="JT10" s="103">
        <v>0</v>
      </c>
      <c r="JU10" s="413">
        <v>0</v>
      </c>
      <c r="JV10" s="102">
        <v>0</v>
      </c>
      <c r="JW10" s="102">
        <v>0</v>
      </c>
      <c r="JX10" s="102">
        <v>0</v>
      </c>
      <c r="JY10" s="102">
        <v>0</v>
      </c>
      <c r="JZ10" s="102">
        <v>0</v>
      </c>
      <c r="KA10" s="103">
        <v>0</v>
      </c>
      <c r="KB10" s="104">
        <v>0</v>
      </c>
      <c r="KC10" s="101">
        <v>334</v>
      </c>
      <c r="KD10" s="102">
        <v>404</v>
      </c>
      <c r="KE10" s="103">
        <v>738</v>
      </c>
      <c r="KF10" s="413">
        <v>0</v>
      </c>
      <c r="KG10" s="102">
        <v>454</v>
      </c>
      <c r="KH10" s="102">
        <v>475</v>
      </c>
      <c r="KI10" s="102">
        <v>334</v>
      </c>
      <c r="KJ10" s="102">
        <v>250</v>
      </c>
      <c r="KK10" s="102">
        <v>160</v>
      </c>
      <c r="KL10" s="103">
        <v>1673</v>
      </c>
      <c r="KM10" s="104">
        <v>2411</v>
      </c>
    </row>
    <row r="11" spans="2:299" s="70" customFormat="1" ht="21" customHeight="1" x14ac:dyDescent="0.2">
      <c r="B11" s="106" t="s">
        <v>7</v>
      </c>
      <c r="C11" s="96">
        <v>241</v>
      </c>
      <c r="D11" s="97">
        <v>198</v>
      </c>
      <c r="E11" s="98">
        <v>439</v>
      </c>
      <c r="F11" s="413">
        <v>0</v>
      </c>
      <c r="G11" s="97">
        <v>517</v>
      </c>
      <c r="H11" s="97">
        <v>330</v>
      </c>
      <c r="I11" s="97">
        <v>184</v>
      </c>
      <c r="J11" s="97">
        <v>174</v>
      </c>
      <c r="K11" s="97">
        <v>84</v>
      </c>
      <c r="L11" s="99">
        <v>1289</v>
      </c>
      <c r="M11" s="100">
        <v>1728</v>
      </c>
      <c r="N11" s="101">
        <v>4</v>
      </c>
      <c r="O11" s="102">
        <v>1</v>
      </c>
      <c r="P11" s="103">
        <v>5</v>
      </c>
      <c r="Q11" s="413">
        <v>0</v>
      </c>
      <c r="R11" s="102">
        <v>6</v>
      </c>
      <c r="S11" s="102">
        <v>3</v>
      </c>
      <c r="T11" s="102">
        <v>2</v>
      </c>
      <c r="U11" s="102">
        <v>6</v>
      </c>
      <c r="V11" s="102">
        <v>1</v>
      </c>
      <c r="W11" s="103">
        <v>18</v>
      </c>
      <c r="X11" s="104">
        <v>23</v>
      </c>
      <c r="Y11" s="101">
        <v>6</v>
      </c>
      <c r="Z11" s="102">
        <v>7</v>
      </c>
      <c r="AA11" s="103">
        <v>13</v>
      </c>
      <c r="AB11" s="413">
        <v>0</v>
      </c>
      <c r="AC11" s="102">
        <v>14</v>
      </c>
      <c r="AD11" s="102">
        <v>8</v>
      </c>
      <c r="AE11" s="102">
        <v>5</v>
      </c>
      <c r="AF11" s="102">
        <v>6</v>
      </c>
      <c r="AG11" s="102">
        <v>8</v>
      </c>
      <c r="AH11" s="103">
        <v>41</v>
      </c>
      <c r="AI11" s="104">
        <v>54</v>
      </c>
      <c r="AJ11" s="101">
        <v>19</v>
      </c>
      <c r="AK11" s="102">
        <v>11</v>
      </c>
      <c r="AL11" s="103">
        <v>30</v>
      </c>
      <c r="AM11" s="413">
        <v>0</v>
      </c>
      <c r="AN11" s="102">
        <v>38</v>
      </c>
      <c r="AO11" s="102">
        <v>22</v>
      </c>
      <c r="AP11" s="102">
        <v>9</v>
      </c>
      <c r="AQ11" s="102">
        <v>14</v>
      </c>
      <c r="AR11" s="102">
        <v>6</v>
      </c>
      <c r="AS11" s="103">
        <v>89</v>
      </c>
      <c r="AT11" s="104">
        <v>119</v>
      </c>
      <c r="AU11" s="101">
        <v>50</v>
      </c>
      <c r="AV11" s="102">
        <v>44</v>
      </c>
      <c r="AW11" s="103">
        <v>94</v>
      </c>
      <c r="AX11" s="413">
        <v>0</v>
      </c>
      <c r="AY11" s="102">
        <v>103</v>
      </c>
      <c r="AZ11" s="102">
        <v>59</v>
      </c>
      <c r="BA11" s="102">
        <v>28</v>
      </c>
      <c r="BB11" s="102">
        <v>31</v>
      </c>
      <c r="BC11" s="102">
        <v>19</v>
      </c>
      <c r="BD11" s="103">
        <v>240</v>
      </c>
      <c r="BE11" s="104">
        <v>334</v>
      </c>
      <c r="BF11" s="101">
        <v>86</v>
      </c>
      <c r="BG11" s="102">
        <v>69</v>
      </c>
      <c r="BH11" s="103">
        <v>155</v>
      </c>
      <c r="BI11" s="413">
        <v>0</v>
      </c>
      <c r="BJ11" s="102">
        <v>178</v>
      </c>
      <c r="BK11" s="102">
        <v>104</v>
      </c>
      <c r="BL11" s="102">
        <v>64</v>
      </c>
      <c r="BM11" s="102">
        <v>51</v>
      </c>
      <c r="BN11" s="102">
        <v>21</v>
      </c>
      <c r="BO11" s="103">
        <v>418</v>
      </c>
      <c r="BP11" s="104">
        <v>573</v>
      </c>
      <c r="BQ11" s="101">
        <v>76</v>
      </c>
      <c r="BR11" s="102">
        <v>66</v>
      </c>
      <c r="BS11" s="103">
        <v>142</v>
      </c>
      <c r="BT11" s="413">
        <v>0</v>
      </c>
      <c r="BU11" s="102">
        <v>178</v>
      </c>
      <c r="BV11" s="102">
        <v>134</v>
      </c>
      <c r="BW11" s="102">
        <v>76</v>
      </c>
      <c r="BX11" s="102">
        <v>66</v>
      </c>
      <c r="BY11" s="102">
        <v>29</v>
      </c>
      <c r="BZ11" s="103">
        <v>483</v>
      </c>
      <c r="CA11" s="104">
        <v>625</v>
      </c>
      <c r="CB11" s="101">
        <v>0</v>
      </c>
      <c r="CC11" s="102">
        <v>0</v>
      </c>
      <c r="CD11" s="103">
        <v>0</v>
      </c>
      <c r="CE11" s="413">
        <v>0</v>
      </c>
      <c r="CF11" s="102">
        <v>0</v>
      </c>
      <c r="CG11" s="102">
        <v>0</v>
      </c>
      <c r="CH11" s="102">
        <v>0</v>
      </c>
      <c r="CI11" s="102">
        <v>0</v>
      </c>
      <c r="CJ11" s="102">
        <v>0</v>
      </c>
      <c r="CK11" s="103">
        <v>0</v>
      </c>
      <c r="CL11" s="104">
        <v>0</v>
      </c>
      <c r="CM11" s="101">
        <v>241</v>
      </c>
      <c r="CN11" s="102">
        <v>198</v>
      </c>
      <c r="CO11" s="103">
        <v>439</v>
      </c>
      <c r="CP11" s="413">
        <v>0</v>
      </c>
      <c r="CQ11" s="102">
        <v>517</v>
      </c>
      <c r="CR11" s="102">
        <v>330</v>
      </c>
      <c r="CS11" s="102">
        <v>184</v>
      </c>
      <c r="CT11" s="102">
        <v>174</v>
      </c>
      <c r="CU11" s="102">
        <v>84</v>
      </c>
      <c r="CV11" s="103">
        <v>1289</v>
      </c>
      <c r="CW11" s="104">
        <v>1728</v>
      </c>
      <c r="CX11" s="105">
        <v>38</v>
      </c>
      <c r="CY11" s="97">
        <v>34</v>
      </c>
      <c r="CZ11" s="98">
        <v>72</v>
      </c>
      <c r="DA11" s="413">
        <v>0</v>
      </c>
      <c r="DB11" s="97">
        <v>79</v>
      </c>
      <c r="DC11" s="97">
        <v>36</v>
      </c>
      <c r="DD11" s="97">
        <v>33</v>
      </c>
      <c r="DE11" s="97">
        <v>20</v>
      </c>
      <c r="DF11" s="97">
        <v>16</v>
      </c>
      <c r="DG11" s="99">
        <v>184</v>
      </c>
      <c r="DH11" s="100">
        <v>256</v>
      </c>
      <c r="DI11" s="101">
        <v>1</v>
      </c>
      <c r="DJ11" s="102">
        <v>1</v>
      </c>
      <c r="DK11" s="103">
        <v>2</v>
      </c>
      <c r="DL11" s="413">
        <v>0</v>
      </c>
      <c r="DM11" s="102">
        <v>3</v>
      </c>
      <c r="DN11" s="102">
        <v>0</v>
      </c>
      <c r="DO11" s="102">
        <v>0</v>
      </c>
      <c r="DP11" s="102">
        <v>0</v>
      </c>
      <c r="DQ11" s="102">
        <v>0</v>
      </c>
      <c r="DR11" s="103">
        <v>3</v>
      </c>
      <c r="DS11" s="104">
        <v>5</v>
      </c>
      <c r="DT11" s="101">
        <v>4</v>
      </c>
      <c r="DU11" s="102">
        <v>1</v>
      </c>
      <c r="DV11" s="103">
        <v>5</v>
      </c>
      <c r="DW11" s="413">
        <v>0</v>
      </c>
      <c r="DX11" s="102">
        <v>1</v>
      </c>
      <c r="DY11" s="102">
        <v>0</v>
      </c>
      <c r="DZ11" s="102">
        <v>0</v>
      </c>
      <c r="EA11" s="102">
        <v>1</v>
      </c>
      <c r="EB11" s="102">
        <v>1</v>
      </c>
      <c r="EC11" s="103">
        <v>3</v>
      </c>
      <c r="ED11" s="104">
        <v>8</v>
      </c>
      <c r="EE11" s="101">
        <v>5</v>
      </c>
      <c r="EF11" s="102">
        <v>4</v>
      </c>
      <c r="EG11" s="103">
        <v>9</v>
      </c>
      <c r="EH11" s="413">
        <v>0</v>
      </c>
      <c r="EI11" s="102">
        <v>4</v>
      </c>
      <c r="EJ11" s="102">
        <v>1</v>
      </c>
      <c r="EK11" s="102">
        <v>3</v>
      </c>
      <c r="EL11" s="102">
        <v>1</v>
      </c>
      <c r="EM11" s="102">
        <v>2</v>
      </c>
      <c r="EN11" s="103">
        <v>11</v>
      </c>
      <c r="EO11" s="104">
        <v>20</v>
      </c>
      <c r="EP11" s="101">
        <v>9</v>
      </c>
      <c r="EQ11" s="102">
        <v>7</v>
      </c>
      <c r="ER11" s="103">
        <v>16</v>
      </c>
      <c r="ES11" s="413">
        <v>0</v>
      </c>
      <c r="ET11" s="102">
        <v>13</v>
      </c>
      <c r="EU11" s="102">
        <v>9</v>
      </c>
      <c r="EV11" s="102">
        <v>5</v>
      </c>
      <c r="EW11" s="102">
        <v>2</v>
      </c>
      <c r="EX11" s="102">
        <v>2</v>
      </c>
      <c r="EY11" s="103">
        <v>31</v>
      </c>
      <c r="EZ11" s="104">
        <v>47</v>
      </c>
      <c r="FA11" s="101">
        <v>10</v>
      </c>
      <c r="FB11" s="102">
        <v>13</v>
      </c>
      <c r="FC11" s="103">
        <v>23</v>
      </c>
      <c r="FD11" s="413">
        <v>0</v>
      </c>
      <c r="FE11" s="102">
        <v>25</v>
      </c>
      <c r="FF11" s="102">
        <v>6</v>
      </c>
      <c r="FG11" s="102">
        <v>8</v>
      </c>
      <c r="FH11" s="102">
        <v>3</v>
      </c>
      <c r="FI11" s="102">
        <v>7</v>
      </c>
      <c r="FJ11" s="103">
        <v>49</v>
      </c>
      <c r="FK11" s="104">
        <v>72</v>
      </c>
      <c r="FL11" s="101">
        <v>9</v>
      </c>
      <c r="FM11" s="102">
        <v>8</v>
      </c>
      <c r="FN11" s="103">
        <v>17</v>
      </c>
      <c r="FO11" s="413">
        <v>0</v>
      </c>
      <c r="FP11" s="102">
        <v>33</v>
      </c>
      <c r="FQ11" s="102">
        <v>20</v>
      </c>
      <c r="FR11" s="102">
        <v>17</v>
      </c>
      <c r="FS11" s="102">
        <v>13</v>
      </c>
      <c r="FT11" s="102">
        <v>4</v>
      </c>
      <c r="FU11" s="103">
        <v>87</v>
      </c>
      <c r="FV11" s="104">
        <v>104</v>
      </c>
      <c r="FW11" s="101">
        <v>0</v>
      </c>
      <c r="FX11" s="102">
        <v>0</v>
      </c>
      <c r="FY11" s="103">
        <v>0</v>
      </c>
      <c r="FZ11" s="413">
        <v>0</v>
      </c>
      <c r="GA11" s="102">
        <v>0</v>
      </c>
      <c r="GB11" s="102">
        <v>0</v>
      </c>
      <c r="GC11" s="102">
        <v>0</v>
      </c>
      <c r="GD11" s="102">
        <v>0</v>
      </c>
      <c r="GE11" s="102">
        <v>0</v>
      </c>
      <c r="GF11" s="103">
        <v>0</v>
      </c>
      <c r="GG11" s="104">
        <v>0</v>
      </c>
      <c r="GH11" s="101">
        <v>38</v>
      </c>
      <c r="GI11" s="102">
        <v>34</v>
      </c>
      <c r="GJ11" s="103">
        <v>72</v>
      </c>
      <c r="GK11" s="413">
        <v>0</v>
      </c>
      <c r="GL11" s="102">
        <v>79</v>
      </c>
      <c r="GM11" s="102">
        <v>36</v>
      </c>
      <c r="GN11" s="102">
        <v>33</v>
      </c>
      <c r="GO11" s="102">
        <v>20</v>
      </c>
      <c r="GP11" s="102">
        <v>16</v>
      </c>
      <c r="GQ11" s="103">
        <v>184</v>
      </c>
      <c r="GR11" s="104">
        <v>256</v>
      </c>
      <c r="GS11" s="105">
        <v>279</v>
      </c>
      <c r="GT11" s="97">
        <v>232</v>
      </c>
      <c r="GU11" s="98">
        <v>511</v>
      </c>
      <c r="GV11" s="413">
        <v>0</v>
      </c>
      <c r="GW11" s="97">
        <v>596</v>
      </c>
      <c r="GX11" s="97">
        <v>366</v>
      </c>
      <c r="GY11" s="97">
        <v>217</v>
      </c>
      <c r="GZ11" s="97">
        <v>194</v>
      </c>
      <c r="HA11" s="97">
        <v>100</v>
      </c>
      <c r="HB11" s="99">
        <v>1473</v>
      </c>
      <c r="HC11" s="100">
        <v>1984</v>
      </c>
      <c r="HD11" s="101">
        <v>5</v>
      </c>
      <c r="HE11" s="102">
        <v>2</v>
      </c>
      <c r="HF11" s="103">
        <v>7</v>
      </c>
      <c r="HG11" s="413">
        <v>0</v>
      </c>
      <c r="HH11" s="102">
        <v>9</v>
      </c>
      <c r="HI11" s="102">
        <v>3</v>
      </c>
      <c r="HJ11" s="102">
        <v>2</v>
      </c>
      <c r="HK11" s="102">
        <v>6</v>
      </c>
      <c r="HL11" s="102">
        <v>1</v>
      </c>
      <c r="HM11" s="103">
        <v>21</v>
      </c>
      <c r="HN11" s="104">
        <v>28</v>
      </c>
      <c r="HO11" s="101">
        <v>10</v>
      </c>
      <c r="HP11" s="102">
        <v>8</v>
      </c>
      <c r="HQ11" s="103">
        <v>18</v>
      </c>
      <c r="HR11" s="413">
        <v>0</v>
      </c>
      <c r="HS11" s="102">
        <v>15</v>
      </c>
      <c r="HT11" s="102">
        <v>8</v>
      </c>
      <c r="HU11" s="102">
        <v>5</v>
      </c>
      <c r="HV11" s="102">
        <v>7</v>
      </c>
      <c r="HW11" s="102">
        <v>9</v>
      </c>
      <c r="HX11" s="103">
        <v>44</v>
      </c>
      <c r="HY11" s="104">
        <v>62</v>
      </c>
      <c r="HZ11" s="101">
        <v>24</v>
      </c>
      <c r="IA11" s="102">
        <v>15</v>
      </c>
      <c r="IB11" s="103">
        <v>39</v>
      </c>
      <c r="IC11" s="413">
        <v>0</v>
      </c>
      <c r="ID11" s="102">
        <v>42</v>
      </c>
      <c r="IE11" s="102">
        <v>23</v>
      </c>
      <c r="IF11" s="102">
        <v>12</v>
      </c>
      <c r="IG11" s="102">
        <v>15</v>
      </c>
      <c r="IH11" s="102">
        <v>8</v>
      </c>
      <c r="II11" s="103">
        <v>100</v>
      </c>
      <c r="IJ11" s="104">
        <v>139</v>
      </c>
      <c r="IK11" s="101">
        <v>59</v>
      </c>
      <c r="IL11" s="102">
        <v>51</v>
      </c>
      <c r="IM11" s="103">
        <v>110</v>
      </c>
      <c r="IN11" s="413">
        <v>0</v>
      </c>
      <c r="IO11" s="102">
        <v>116</v>
      </c>
      <c r="IP11" s="102">
        <v>68</v>
      </c>
      <c r="IQ11" s="102">
        <v>33</v>
      </c>
      <c r="IR11" s="102">
        <v>33</v>
      </c>
      <c r="IS11" s="102">
        <v>21</v>
      </c>
      <c r="IT11" s="103">
        <v>271</v>
      </c>
      <c r="IU11" s="104">
        <v>381</v>
      </c>
      <c r="IV11" s="101">
        <v>96</v>
      </c>
      <c r="IW11" s="102">
        <v>82</v>
      </c>
      <c r="IX11" s="103">
        <v>178</v>
      </c>
      <c r="IY11" s="413">
        <v>0</v>
      </c>
      <c r="IZ11" s="102">
        <v>203</v>
      </c>
      <c r="JA11" s="102">
        <v>110</v>
      </c>
      <c r="JB11" s="102">
        <v>72</v>
      </c>
      <c r="JC11" s="102">
        <v>54</v>
      </c>
      <c r="JD11" s="102">
        <v>28</v>
      </c>
      <c r="JE11" s="103">
        <v>467</v>
      </c>
      <c r="JF11" s="104">
        <v>645</v>
      </c>
      <c r="JG11" s="101">
        <v>85</v>
      </c>
      <c r="JH11" s="102">
        <v>74</v>
      </c>
      <c r="JI11" s="103">
        <v>159</v>
      </c>
      <c r="JJ11" s="413">
        <v>0</v>
      </c>
      <c r="JK11" s="102">
        <v>211</v>
      </c>
      <c r="JL11" s="102">
        <v>154</v>
      </c>
      <c r="JM11" s="102">
        <v>93</v>
      </c>
      <c r="JN11" s="102">
        <v>79</v>
      </c>
      <c r="JO11" s="102">
        <v>33</v>
      </c>
      <c r="JP11" s="103">
        <v>570</v>
      </c>
      <c r="JQ11" s="104">
        <v>729</v>
      </c>
      <c r="JR11" s="101">
        <v>0</v>
      </c>
      <c r="JS11" s="102">
        <v>0</v>
      </c>
      <c r="JT11" s="103">
        <v>0</v>
      </c>
      <c r="JU11" s="413">
        <v>0</v>
      </c>
      <c r="JV11" s="102">
        <v>0</v>
      </c>
      <c r="JW11" s="102">
        <v>0</v>
      </c>
      <c r="JX11" s="102">
        <v>0</v>
      </c>
      <c r="JY11" s="102">
        <v>0</v>
      </c>
      <c r="JZ11" s="102">
        <v>0</v>
      </c>
      <c r="KA11" s="103">
        <v>0</v>
      </c>
      <c r="KB11" s="104">
        <v>0</v>
      </c>
      <c r="KC11" s="101">
        <v>279</v>
      </c>
      <c r="KD11" s="102">
        <v>232</v>
      </c>
      <c r="KE11" s="103">
        <v>511</v>
      </c>
      <c r="KF11" s="413">
        <v>0</v>
      </c>
      <c r="KG11" s="102">
        <v>596</v>
      </c>
      <c r="KH11" s="102">
        <v>366</v>
      </c>
      <c r="KI11" s="102">
        <v>217</v>
      </c>
      <c r="KJ11" s="102">
        <v>194</v>
      </c>
      <c r="KK11" s="102">
        <v>100</v>
      </c>
      <c r="KL11" s="103">
        <v>1473</v>
      </c>
      <c r="KM11" s="104">
        <v>1984</v>
      </c>
    </row>
    <row r="12" spans="2:299" s="70" customFormat="1" ht="21" customHeight="1" x14ac:dyDescent="0.2">
      <c r="B12" s="106" t="s">
        <v>8</v>
      </c>
      <c r="C12" s="96">
        <v>93</v>
      </c>
      <c r="D12" s="97">
        <v>62</v>
      </c>
      <c r="E12" s="98">
        <v>155</v>
      </c>
      <c r="F12" s="413">
        <v>0</v>
      </c>
      <c r="G12" s="97">
        <v>155</v>
      </c>
      <c r="H12" s="97">
        <v>123</v>
      </c>
      <c r="I12" s="97">
        <v>86</v>
      </c>
      <c r="J12" s="97">
        <v>59</v>
      </c>
      <c r="K12" s="97">
        <v>40</v>
      </c>
      <c r="L12" s="99">
        <v>463</v>
      </c>
      <c r="M12" s="100">
        <v>618</v>
      </c>
      <c r="N12" s="101">
        <v>2</v>
      </c>
      <c r="O12" s="102">
        <v>1</v>
      </c>
      <c r="P12" s="103">
        <v>3</v>
      </c>
      <c r="Q12" s="413">
        <v>0</v>
      </c>
      <c r="R12" s="102">
        <v>0</v>
      </c>
      <c r="S12" s="102">
        <v>3</v>
      </c>
      <c r="T12" s="102">
        <v>2</v>
      </c>
      <c r="U12" s="102">
        <v>1</v>
      </c>
      <c r="V12" s="102">
        <v>0</v>
      </c>
      <c r="W12" s="103">
        <v>6</v>
      </c>
      <c r="X12" s="104">
        <v>9</v>
      </c>
      <c r="Y12" s="101">
        <v>3</v>
      </c>
      <c r="Z12" s="102">
        <v>2</v>
      </c>
      <c r="AA12" s="103">
        <v>5</v>
      </c>
      <c r="AB12" s="413">
        <v>0</v>
      </c>
      <c r="AC12" s="102">
        <v>4</v>
      </c>
      <c r="AD12" s="102">
        <v>9</v>
      </c>
      <c r="AE12" s="102">
        <v>4</v>
      </c>
      <c r="AF12" s="102">
        <v>5</v>
      </c>
      <c r="AG12" s="102">
        <v>4</v>
      </c>
      <c r="AH12" s="103">
        <v>26</v>
      </c>
      <c r="AI12" s="104">
        <v>31</v>
      </c>
      <c r="AJ12" s="101">
        <v>4</v>
      </c>
      <c r="AK12" s="102">
        <v>5</v>
      </c>
      <c r="AL12" s="103">
        <v>9</v>
      </c>
      <c r="AM12" s="413">
        <v>0</v>
      </c>
      <c r="AN12" s="102">
        <v>15</v>
      </c>
      <c r="AO12" s="102">
        <v>15</v>
      </c>
      <c r="AP12" s="102">
        <v>4</v>
      </c>
      <c r="AQ12" s="102">
        <v>12</v>
      </c>
      <c r="AR12" s="102">
        <v>3</v>
      </c>
      <c r="AS12" s="103">
        <v>49</v>
      </c>
      <c r="AT12" s="104">
        <v>58</v>
      </c>
      <c r="AU12" s="101">
        <v>18</v>
      </c>
      <c r="AV12" s="102">
        <v>10</v>
      </c>
      <c r="AW12" s="103">
        <v>28</v>
      </c>
      <c r="AX12" s="413">
        <v>0</v>
      </c>
      <c r="AY12" s="102">
        <v>36</v>
      </c>
      <c r="AZ12" s="102">
        <v>26</v>
      </c>
      <c r="BA12" s="102">
        <v>14</v>
      </c>
      <c r="BB12" s="102">
        <v>9</v>
      </c>
      <c r="BC12" s="102">
        <v>6</v>
      </c>
      <c r="BD12" s="103">
        <v>91</v>
      </c>
      <c r="BE12" s="104">
        <v>119</v>
      </c>
      <c r="BF12" s="101">
        <v>37</v>
      </c>
      <c r="BG12" s="102">
        <v>21</v>
      </c>
      <c r="BH12" s="103">
        <v>58</v>
      </c>
      <c r="BI12" s="413">
        <v>0</v>
      </c>
      <c r="BJ12" s="102">
        <v>45</v>
      </c>
      <c r="BK12" s="102">
        <v>25</v>
      </c>
      <c r="BL12" s="102">
        <v>25</v>
      </c>
      <c r="BM12" s="102">
        <v>11</v>
      </c>
      <c r="BN12" s="102">
        <v>10</v>
      </c>
      <c r="BO12" s="103">
        <v>116</v>
      </c>
      <c r="BP12" s="104">
        <v>174</v>
      </c>
      <c r="BQ12" s="101">
        <v>29</v>
      </c>
      <c r="BR12" s="102">
        <v>23</v>
      </c>
      <c r="BS12" s="103">
        <v>52</v>
      </c>
      <c r="BT12" s="413">
        <v>0</v>
      </c>
      <c r="BU12" s="102">
        <v>55</v>
      </c>
      <c r="BV12" s="102">
        <v>45</v>
      </c>
      <c r="BW12" s="102">
        <v>37</v>
      </c>
      <c r="BX12" s="102">
        <v>21</v>
      </c>
      <c r="BY12" s="102">
        <v>17</v>
      </c>
      <c r="BZ12" s="103">
        <v>175</v>
      </c>
      <c r="CA12" s="104">
        <v>227</v>
      </c>
      <c r="CB12" s="101">
        <v>0</v>
      </c>
      <c r="CC12" s="102">
        <v>0</v>
      </c>
      <c r="CD12" s="103">
        <v>0</v>
      </c>
      <c r="CE12" s="413">
        <v>0</v>
      </c>
      <c r="CF12" s="102">
        <v>0</v>
      </c>
      <c r="CG12" s="102">
        <v>0</v>
      </c>
      <c r="CH12" s="102">
        <v>0</v>
      </c>
      <c r="CI12" s="102">
        <v>0</v>
      </c>
      <c r="CJ12" s="102">
        <v>0</v>
      </c>
      <c r="CK12" s="103">
        <v>0</v>
      </c>
      <c r="CL12" s="104">
        <v>0</v>
      </c>
      <c r="CM12" s="101">
        <v>93</v>
      </c>
      <c r="CN12" s="102">
        <v>62</v>
      </c>
      <c r="CO12" s="103">
        <v>155</v>
      </c>
      <c r="CP12" s="413">
        <v>0</v>
      </c>
      <c r="CQ12" s="102">
        <v>155</v>
      </c>
      <c r="CR12" s="102">
        <v>123</v>
      </c>
      <c r="CS12" s="102">
        <v>86</v>
      </c>
      <c r="CT12" s="102">
        <v>59</v>
      </c>
      <c r="CU12" s="102">
        <v>40</v>
      </c>
      <c r="CV12" s="103">
        <v>463</v>
      </c>
      <c r="CW12" s="104">
        <v>618</v>
      </c>
      <c r="CX12" s="105">
        <v>10</v>
      </c>
      <c r="CY12" s="97">
        <v>8</v>
      </c>
      <c r="CZ12" s="98">
        <v>18</v>
      </c>
      <c r="DA12" s="413">
        <v>0</v>
      </c>
      <c r="DB12" s="97">
        <v>27</v>
      </c>
      <c r="DC12" s="97">
        <v>26</v>
      </c>
      <c r="DD12" s="97">
        <v>14</v>
      </c>
      <c r="DE12" s="97">
        <v>13</v>
      </c>
      <c r="DF12" s="97">
        <v>5</v>
      </c>
      <c r="DG12" s="99">
        <v>85</v>
      </c>
      <c r="DH12" s="100">
        <v>103</v>
      </c>
      <c r="DI12" s="101">
        <v>0</v>
      </c>
      <c r="DJ12" s="102">
        <v>0</v>
      </c>
      <c r="DK12" s="103">
        <v>0</v>
      </c>
      <c r="DL12" s="413">
        <v>0</v>
      </c>
      <c r="DM12" s="102">
        <v>0</v>
      </c>
      <c r="DN12" s="102">
        <v>1</v>
      </c>
      <c r="DO12" s="102">
        <v>0</v>
      </c>
      <c r="DP12" s="102">
        <v>0</v>
      </c>
      <c r="DQ12" s="102">
        <v>0</v>
      </c>
      <c r="DR12" s="103">
        <v>1</v>
      </c>
      <c r="DS12" s="104">
        <v>1</v>
      </c>
      <c r="DT12" s="101">
        <v>3</v>
      </c>
      <c r="DU12" s="102">
        <v>0</v>
      </c>
      <c r="DV12" s="103">
        <v>3</v>
      </c>
      <c r="DW12" s="413">
        <v>0</v>
      </c>
      <c r="DX12" s="102">
        <v>0</v>
      </c>
      <c r="DY12" s="102">
        <v>1</v>
      </c>
      <c r="DZ12" s="102">
        <v>1</v>
      </c>
      <c r="EA12" s="102">
        <v>0</v>
      </c>
      <c r="EB12" s="102">
        <v>0</v>
      </c>
      <c r="EC12" s="103">
        <v>2</v>
      </c>
      <c r="ED12" s="104">
        <v>5</v>
      </c>
      <c r="EE12" s="101">
        <v>0</v>
      </c>
      <c r="EF12" s="102">
        <v>0</v>
      </c>
      <c r="EG12" s="103">
        <v>0</v>
      </c>
      <c r="EH12" s="413">
        <v>0</v>
      </c>
      <c r="EI12" s="102">
        <v>0</v>
      </c>
      <c r="EJ12" s="102">
        <v>1</v>
      </c>
      <c r="EK12" s="102">
        <v>0</v>
      </c>
      <c r="EL12" s="102">
        <v>2</v>
      </c>
      <c r="EM12" s="102">
        <v>0</v>
      </c>
      <c r="EN12" s="103">
        <v>3</v>
      </c>
      <c r="EO12" s="104">
        <v>3</v>
      </c>
      <c r="EP12" s="101">
        <v>3</v>
      </c>
      <c r="EQ12" s="102">
        <v>0</v>
      </c>
      <c r="ER12" s="103">
        <v>3</v>
      </c>
      <c r="ES12" s="413">
        <v>0</v>
      </c>
      <c r="ET12" s="102">
        <v>4</v>
      </c>
      <c r="EU12" s="102">
        <v>3</v>
      </c>
      <c r="EV12" s="102">
        <v>3</v>
      </c>
      <c r="EW12" s="102">
        <v>1</v>
      </c>
      <c r="EX12" s="102">
        <v>1</v>
      </c>
      <c r="EY12" s="103">
        <v>12</v>
      </c>
      <c r="EZ12" s="104">
        <v>15</v>
      </c>
      <c r="FA12" s="101">
        <v>1</v>
      </c>
      <c r="FB12" s="102">
        <v>5</v>
      </c>
      <c r="FC12" s="103">
        <v>6</v>
      </c>
      <c r="FD12" s="413">
        <v>0</v>
      </c>
      <c r="FE12" s="102">
        <v>10</v>
      </c>
      <c r="FF12" s="102">
        <v>9</v>
      </c>
      <c r="FG12" s="102">
        <v>1</v>
      </c>
      <c r="FH12" s="102">
        <v>2</v>
      </c>
      <c r="FI12" s="102">
        <v>2</v>
      </c>
      <c r="FJ12" s="103">
        <v>24</v>
      </c>
      <c r="FK12" s="104">
        <v>30</v>
      </c>
      <c r="FL12" s="101">
        <v>3</v>
      </c>
      <c r="FM12" s="102">
        <v>3</v>
      </c>
      <c r="FN12" s="103">
        <v>6</v>
      </c>
      <c r="FO12" s="413">
        <v>0</v>
      </c>
      <c r="FP12" s="102">
        <v>13</v>
      </c>
      <c r="FQ12" s="102">
        <v>11</v>
      </c>
      <c r="FR12" s="102">
        <v>9</v>
      </c>
      <c r="FS12" s="102">
        <v>8</v>
      </c>
      <c r="FT12" s="102">
        <v>2</v>
      </c>
      <c r="FU12" s="103">
        <v>43</v>
      </c>
      <c r="FV12" s="104">
        <v>49</v>
      </c>
      <c r="FW12" s="101">
        <v>0</v>
      </c>
      <c r="FX12" s="102">
        <v>0</v>
      </c>
      <c r="FY12" s="103">
        <v>0</v>
      </c>
      <c r="FZ12" s="413">
        <v>0</v>
      </c>
      <c r="GA12" s="102">
        <v>0</v>
      </c>
      <c r="GB12" s="102">
        <v>0</v>
      </c>
      <c r="GC12" s="102">
        <v>0</v>
      </c>
      <c r="GD12" s="102">
        <v>0</v>
      </c>
      <c r="GE12" s="102">
        <v>0</v>
      </c>
      <c r="GF12" s="103">
        <v>0</v>
      </c>
      <c r="GG12" s="104">
        <v>0</v>
      </c>
      <c r="GH12" s="101">
        <v>10</v>
      </c>
      <c r="GI12" s="102">
        <v>8</v>
      </c>
      <c r="GJ12" s="103">
        <v>18</v>
      </c>
      <c r="GK12" s="413">
        <v>0</v>
      </c>
      <c r="GL12" s="102">
        <v>27</v>
      </c>
      <c r="GM12" s="102">
        <v>26</v>
      </c>
      <c r="GN12" s="102">
        <v>14</v>
      </c>
      <c r="GO12" s="102">
        <v>13</v>
      </c>
      <c r="GP12" s="102">
        <v>5</v>
      </c>
      <c r="GQ12" s="103">
        <v>85</v>
      </c>
      <c r="GR12" s="104">
        <v>103</v>
      </c>
      <c r="GS12" s="105">
        <v>103</v>
      </c>
      <c r="GT12" s="97">
        <v>70</v>
      </c>
      <c r="GU12" s="98">
        <v>173</v>
      </c>
      <c r="GV12" s="413">
        <v>0</v>
      </c>
      <c r="GW12" s="97">
        <v>182</v>
      </c>
      <c r="GX12" s="97">
        <v>149</v>
      </c>
      <c r="GY12" s="97">
        <v>100</v>
      </c>
      <c r="GZ12" s="97">
        <v>72</v>
      </c>
      <c r="HA12" s="97">
        <v>45</v>
      </c>
      <c r="HB12" s="99">
        <v>548</v>
      </c>
      <c r="HC12" s="100">
        <v>721</v>
      </c>
      <c r="HD12" s="101">
        <v>2</v>
      </c>
      <c r="HE12" s="102">
        <v>1</v>
      </c>
      <c r="HF12" s="103">
        <v>3</v>
      </c>
      <c r="HG12" s="413">
        <v>0</v>
      </c>
      <c r="HH12" s="102">
        <v>0</v>
      </c>
      <c r="HI12" s="102">
        <v>4</v>
      </c>
      <c r="HJ12" s="102">
        <v>2</v>
      </c>
      <c r="HK12" s="102">
        <v>1</v>
      </c>
      <c r="HL12" s="102">
        <v>0</v>
      </c>
      <c r="HM12" s="103">
        <v>7</v>
      </c>
      <c r="HN12" s="104">
        <v>10</v>
      </c>
      <c r="HO12" s="101">
        <v>6</v>
      </c>
      <c r="HP12" s="102">
        <v>2</v>
      </c>
      <c r="HQ12" s="103">
        <v>8</v>
      </c>
      <c r="HR12" s="413">
        <v>0</v>
      </c>
      <c r="HS12" s="102">
        <v>4</v>
      </c>
      <c r="HT12" s="102">
        <v>10</v>
      </c>
      <c r="HU12" s="102">
        <v>5</v>
      </c>
      <c r="HV12" s="102">
        <v>5</v>
      </c>
      <c r="HW12" s="102">
        <v>4</v>
      </c>
      <c r="HX12" s="103">
        <v>28</v>
      </c>
      <c r="HY12" s="104">
        <v>36</v>
      </c>
      <c r="HZ12" s="101">
        <v>4</v>
      </c>
      <c r="IA12" s="102">
        <v>5</v>
      </c>
      <c r="IB12" s="103">
        <v>9</v>
      </c>
      <c r="IC12" s="413">
        <v>0</v>
      </c>
      <c r="ID12" s="102">
        <v>15</v>
      </c>
      <c r="IE12" s="102">
        <v>16</v>
      </c>
      <c r="IF12" s="102">
        <v>4</v>
      </c>
      <c r="IG12" s="102">
        <v>14</v>
      </c>
      <c r="IH12" s="102">
        <v>3</v>
      </c>
      <c r="II12" s="103">
        <v>52</v>
      </c>
      <c r="IJ12" s="104">
        <v>61</v>
      </c>
      <c r="IK12" s="101">
        <v>21</v>
      </c>
      <c r="IL12" s="102">
        <v>10</v>
      </c>
      <c r="IM12" s="103">
        <v>31</v>
      </c>
      <c r="IN12" s="413">
        <v>0</v>
      </c>
      <c r="IO12" s="102">
        <v>40</v>
      </c>
      <c r="IP12" s="102">
        <v>29</v>
      </c>
      <c r="IQ12" s="102">
        <v>17</v>
      </c>
      <c r="IR12" s="102">
        <v>10</v>
      </c>
      <c r="IS12" s="102">
        <v>7</v>
      </c>
      <c r="IT12" s="103">
        <v>103</v>
      </c>
      <c r="IU12" s="104">
        <v>134</v>
      </c>
      <c r="IV12" s="101">
        <v>38</v>
      </c>
      <c r="IW12" s="102">
        <v>26</v>
      </c>
      <c r="IX12" s="103">
        <v>64</v>
      </c>
      <c r="IY12" s="413">
        <v>0</v>
      </c>
      <c r="IZ12" s="102">
        <v>55</v>
      </c>
      <c r="JA12" s="102">
        <v>34</v>
      </c>
      <c r="JB12" s="102">
        <v>26</v>
      </c>
      <c r="JC12" s="102">
        <v>13</v>
      </c>
      <c r="JD12" s="102">
        <v>12</v>
      </c>
      <c r="JE12" s="103">
        <v>140</v>
      </c>
      <c r="JF12" s="104">
        <v>204</v>
      </c>
      <c r="JG12" s="101">
        <v>32</v>
      </c>
      <c r="JH12" s="102">
        <v>26</v>
      </c>
      <c r="JI12" s="103">
        <v>58</v>
      </c>
      <c r="JJ12" s="413">
        <v>0</v>
      </c>
      <c r="JK12" s="102">
        <v>68</v>
      </c>
      <c r="JL12" s="102">
        <v>56</v>
      </c>
      <c r="JM12" s="102">
        <v>46</v>
      </c>
      <c r="JN12" s="102">
        <v>29</v>
      </c>
      <c r="JO12" s="102">
        <v>19</v>
      </c>
      <c r="JP12" s="103">
        <v>218</v>
      </c>
      <c r="JQ12" s="104">
        <v>276</v>
      </c>
      <c r="JR12" s="101">
        <v>0</v>
      </c>
      <c r="JS12" s="102">
        <v>0</v>
      </c>
      <c r="JT12" s="103">
        <v>0</v>
      </c>
      <c r="JU12" s="413">
        <v>0</v>
      </c>
      <c r="JV12" s="102">
        <v>0</v>
      </c>
      <c r="JW12" s="102">
        <v>0</v>
      </c>
      <c r="JX12" s="102">
        <v>0</v>
      </c>
      <c r="JY12" s="102">
        <v>0</v>
      </c>
      <c r="JZ12" s="102">
        <v>0</v>
      </c>
      <c r="KA12" s="103">
        <v>0</v>
      </c>
      <c r="KB12" s="104">
        <v>0</v>
      </c>
      <c r="KC12" s="101">
        <v>103</v>
      </c>
      <c r="KD12" s="102">
        <v>70</v>
      </c>
      <c r="KE12" s="103">
        <v>173</v>
      </c>
      <c r="KF12" s="413">
        <v>0</v>
      </c>
      <c r="KG12" s="102">
        <v>182</v>
      </c>
      <c r="KH12" s="102">
        <v>149</v>
      </c>
      <c r="KI12" s="102">
        <v>100</v>
      </c>
      <c r="KJ12" s="102">
        <v>72</v>
      </c>
      <c r="KK12" s="102">
        <v>45</v>
      </c>
      <c r="KL12" s="103">
        <v>548</v>
      </c>
      <c r="KM12" s="104">
        <v>721</v>
      </c>
    </row>
    <row r="13" spans="2:299" s="70" customFormat="1" ht="21" customHeight="1" x14ac:dyDescent="0.2">
      <c r="B13" s="106" t="s">
        <v>9</v>
      </c>
      <c r="C13" s="96">
        <v>190</v>
      </c>
      <c r="D13" s="97">
        <v>96</v>
      </c>
      <c r="E13" s="98">
        <v>286</v>
      </c>
      <c r="F13" s="413">
        <v>0</v>
      </c>
      <c r="G13" s="97">
        <v>229</v>
      </c>
      <c r="H13" s="97">
        <v>121</v>
      </c>
      <c r="I13" s="97">
        <v>110</v>
      </c>
      <c r="J13" s="97">
        <v>105</v>
      </c>
      <c r="K13" s="97">
        <v>48</v>
      </c>
      <c r="L13" s="99">
        <v>613</v>
      </c>
      <c r="M13" s="100">
        <v>899</v>
      </c>
      <c r="N13" s="101">
        <v>4</v>
      </c>
      <c r="O13" s="102">
        <v>0</v>
      </c>
      <c r="P13" s="103">
        <v>4</v>
      </c>
      <c r="Q13" s="413">
        <v>0</v>
      </c>
      <c r="R13" s="102">
        <v>0</v>
      </c>
      <c r="S13" s="102">
        <v>2</v>
      </c>
      <c r="T13" s="102">
        <v>0</v>
      </c>
      <c r="U13" s="102">
        <v>1</v>
      </c>
      <c r="V13" s="102">
        <v>2</v>
      </c>
      <c r="W13" s="103">
        <v>5</v>
      </c>
      <c r="X13" s="104">
        <v>9</v>
      </c>
      <c r="Y13" s="101">
        <v>4</v>
      </c>
      <c r="Z13" s="102">
        <v>1</v>
      </c>
      <c r="AA13" s="103">
        <v>5</v>
      </c>
      <c r="AB13" s="413">
        <v>0</v>
      </c>
      <c r="AC13" s="102">
        <v>3</v>
      </c>
      <c r="AD13" s="102">
        <v>4</v>
      </c>
      <c r="AE13" s="102">
        <v>2</v>
      </c>
      <c r="AF13" s="102">
        <v>1</v>
      </c>
      <c r="AG13" s="102">
        <v>0</v>
      </c>
      <c r="AH13" s="103">
        <v>10</v>
      </c>
      <c r="AI13" s="104">
        <v>15</v>
      </c>
      <c r="AJ13" s="101">
        <v>9</v>
      </c>
      <c r="AK13" s="102">
        <v>3</v>
      </c>
      <c r="AL13" s="103">
        <v>12</v>
      </c>
      <c r="AM13" s="413">
        <v>0</v>
      </c>
      <c r="AN13" s="102">
        <v>12</v>
      </c>
      <c r="AO13" s="102">
        <v>12</v>
      </c>
      <c r="AP13" s="102">
        <v>10</v>
      </c>
      <c r="AQ13" s="102">
        <v>5</v>
      </c>
      <c r="AR13" s="102">
        <v>1</v>
      </c>
      <c r="AS13" s="103">
        <v>40</v>
      </c>
      <c r="AT13" s="104">
        <v>52</v>
      </c>
      <c r="AU13" s="101">
        <v>38</v>
      </c>
      <c r="AV13" s="102">
        <v>17</v>
      </c>
      <c r="AW13" s="103">
        <v>55</v>
      </c>
      <c r="AX13" s="413">
        <v>0</v>
      </c>
      <c r="AY13" s="102">
        <v>31</v>
      </c>
      <c r="AZ13" s="102">
        <v>14</v>
      </c>
      <c r="BA13" s="102">
        <v>13</v>
      </c>
      <c r="BB13" s="102">
        <v>14</v>
      </c>
      <c r="BC13" s="102">
        <v>10</v>
      </c>
      <c r="BD13" s="103">
        <v>82</v>
      </c>
      <c r="BE13" s="104">
        <v>137</v>
      </c>
      <c r="BF13" s="101">
        <v>67</v>
      </c>
      <c r="BG13" s="102">
        <v>41</v>
      </c>
      <c r="BH13" s="103">
        <v>108</v>
      </c>
      <c r="BI13" s="413">
        <v>0</v>
      </c>
      <c r="BJ13" s="102">
        <v>79</v>
      </c>
      <c r="BK13" s="102">
        <v>32</v>
      </c>
      <c r="BL13" s="102">
        <v>33</v>
      </c>
      <c r="BM13" s="102">
        <v>24</v>
      </c>
      <c r="BN13" s="102">
        <v>11</v>
      </c>
      <c r="BO13" s="103">
        <v>179</v>
      </c>
      <c r="BP13" s="104">
        <v>287</v>
      </c>
      <c r="BQ13" s="101">
        <v>68</v>
      </c>
      <c r="BR13" s="102">
        <v>34</v>
      </c>
      <c r="BS13" s="103">
        <v>102</v>
      </c>
      <c r="BT13" s="413">
        <v>0</v>
      </c>
      <c r="BU13" s="102">
        <v>104</v>
      </c>
      <c r="BV13" s="102">
        <v>57</v>
      </c>
      <c r="BW13" s="102">
        <v>52</v>
      </c>
      <c r="BX13" s="102">
        <v>60</v>
      </c>
      <c r="BY13" s="102">
        <v>24</v>
      </c>
      <c r="BZ13" s="103">
        <v>297</v>
      </c>
      <c r="CA13" s="104">
        <v>399</v>
      </c>
      <c r="CB13" s="101">
        <v>0</v>
      </c>
      <c r="CC13" s="102">
        <v>0</v>
      </c>
      <c r="CD13" s="103">
        <v>0</v>
      </c>
      <c r="CE13" s="413">
        <v>0</v>
      </c>
      <c r="CF13" s="102">
        <v>0</v>
      </c>
      <c r="CG13" s="102">
        <v>0</v>
      </c>
      <c r="CH13" s="102">
        <v>0</v>
      </c>
      <c r="CI13" s="102">
        <v>0</v>
      </c>
      <c r="CJ13" s="102">
        <v>0</v>
      </c>
      <c r="CK13" s="103">
        <v>0</v>
      </c>
      <c r="CL13" s="104">
        <v>0</v>
      </c>
      <c r="CM13" s="101">
        <v>190</v>
      </c>
      <c r="CN13" s="102">
        <v>96</v>
      </c>
      <c r="CO13" s="103">
        <v>286</v>
      </c>
      <c r="CP13" s="413">
        <v>0</v>
      </c>
      <c r="CQ13" s="102">
        <v>229</v>
      </c>
      <c r="CR13" s="102">
        <v>121</v>
      </c>
      <c r="CS13" s="102">
        <v>110</v>
      </c>
      <c r="CT13" s="102">
        <v>105</v>
      </c>
      <c r="CU13" s="102">
        <v>48</v>
      </c>
      <c r="CV13" s="103">
        <v>613</v>
      </c>
      <c r="CW13" s="104">
        <v>899</v>
      </c>
      <c r="CX13" s="105">
        <v>32</v>
      </c>
      <c r="CY13" s="97">
        <v>23</v>
      </c>
      <c r="CZ13" s="98">
        <v>55</v>
      </c>
      <c r="DA13" s="413">
        <v>0</v>
      </c>
      <c r="DB13" s="97">
        <v>32</v>
      </c>
      <c r="DC13" s="97">
        <v>21</v>
      </c>
      <c r="DD13" s="97">
        <v>22</v>
      </c>
      <c r="DE13" s="97">
        <v>15</v>
      </c>
      <c r="DF13" s="97">
        <v>11</v>
      </c>
      <c r="DG13" s="99">
        <v>101</v>
      </c>
      <c r="DH13" s="100">
        <v>156</v>
      </c>
      <c r="DI13" s="101">
        <v>0</v>
      </c>
      <c r="DJ13" s="102">
        <v>1</v>
      </c>
      <c r="DK13" s="103">
        <v>1</v>
      </c>
      <c r="DL13" s="413">
        <v>0</v>
      </c>
      <c r="DM13" s="102">
        <v>2</v>
      </c>
      <c r="DN13" s="102">
        <v>0</v>
      </c>
      <c r="DO13" s="102">
        <v>1</v>
      </c>
      <c r="DP13" s="102">
        <v>0</v>
      </c>
      <c r="DQ13" s="102">
        <v>1</v>
      </c>
      <c r="DR13" s="103">
        <v>4</v>
      </c>
      <c r="DS13" s="104">
        <v>5</v>
      </c>
      <c r="DT13" s="101">
        <v>4</v>
      </c>
      <c r="DU13" s="102">
        <v>1</v>
      </c>
      <c r="DV13" s="103">
        <v>5</v>
      </c>
      <c r="DW13" s="413">
        <v>0</v>
      </c>
      <c r="DX13" s="102">
        <v>0</v>
      </c>
      <c r="DY13" s="102">
        <v>0</v>
      </c>
      <c r="DZ13" s="102">
        <v>0</v>
      </c>
      <c r="EA13" s="102">
        <v>0</v>
      </c>
      <c r="EB13" s="102">
        <v>0</v>
      </c>
      <c r="EC13" s="103">
        <v>0</v>
      </c>
      <c r="ED13" s="104">
        <v>5</v>
      </c>
      <c r="EE13" s="101">
        <v>6</v>
      </c>
      <c r="EF13" s="102">
        <v>0</v>
      </c>
      <c r="EG13" s="103">
        <v>6</v>
      </c>
      <c r="EH13" s="413">
        <v>0</v>
      </c>
      <c r="EI13" s="102">
        <v>2</v>
      </c>
      <c r="EJ13" s="102">
        <v>1</v>
      </c>
      <c r="EK13" s="102">
        <v>1</v>
      </c>
      <c r="EL13" s="102">
        <v>0</v>
      </c>
      <c r="EM13" s="102">
        <v>2</v>
      </c>
      <c r="EN13" s="103">
        <v>6</v>
      </c>
      <c r="EO13" s="104">
        <v>12</v>
      </c>
      <c r="EP13" s="101">
        <v>10</v>
      </c>
      <c r="EQ13" s="102">
        <v>4</v>
      </c>
      <c r="ER13" s="103">
        <v>14</v>
      </c>
      <c r="ES13" s="413">
        <v>0</v>
      </c>
      <c r="ET13" s="102">
        <v>6</v>
      </c>
      <c r="EU13" s="102">
        <v>1</v>
      </c>
      <c r="EV13" s="102">
        <v>3</v>
      </c>
      <c r="EW13" s="102">
        <v>1</v>
      </c>
      <c r="EX13" s="102">
        <v>1</v>
      </c>
      <c r="EY13" s="103">
        <v>12</v>
      </c>
      <c r="EZ13" s="104">
        <v>26</v>
      </c>
      <c r="FA13" s="101">
        <v>8</v>
      </c>
      <c r="FB13" s="102">
        <v>10</v>
      </c>
      <c r="FC13" s="103">
        <v>18</v>
      </c>
      <c r="FD13" s="413">
        <v>0</v>
      </c>
      <c r="FE13" s="102">
        <v>9</v>
      </c>
      <c r="FF13" s="102">
        <v>5</v>
      </c>
      <c r="FG13" s="102">
        <v>5</v>
      </c>
      <c r="FH13" s="102">
        <v>2</v>
      </c>
      <c r="FI13" s="102">
        <v>1</v>
      </c>
      <c r="FJ13" s="103">
        <v>22</v>
      </c>
      <c r="FK13" s="104">
        <v>40</v>
      </c>
      <c r="FL13" s="101">
        <v>4</v>
      </c>
      <c r="FM13" s="102">
        <v>7</v>
      </c>
      <c r="FN13" s="103">
        <v>11</v>
      </c>
      <c r="FO13" s="413">
        <v>0</v>
      </c>
      <c r="FP13" s="102">
        <v>13</v>
      </c>
      <c r="FQ13" s="102">
        <v>14</v>
      </c>
      <c r="FR13" s="102">
        <v>12</v>
      </c>
      <c r="FS13" s="102">
        <v>12</v>
      </c>
      <c r="FT13" s="102">
        <v>6</v>
      </c>
      <c r="FU13" s="103">
        <v>57</v>
      </c>
      <c r="FV13" s="104">
        <v>68</v>
      </c>
      <c r="FW13" s="101">
        <v>0</v>
      </c>
      <c r="FX13" s="102">
        <v>0</v>
      </c>
      <c r="FY13" s="103">
        <v>0</v>
      </c>
      <c r="FZ13" s="413">
        <v>0</v>
      </c>
      <c r="GA13" s="102">
        <v>0</v>
      </c>
      <c r="GB13" s="102">
        <v>0</v>
      </c>
      <c r="GC13" s="102">
        <v>0</v>
      </c>
      <c r="GD13" s="102">
        <v>0</v>
      </c>
      <c r="GE13" s="102">
        <v>0</v>
      </c>
      <c r="GF13" s="103">
        <v>0</v>
      </c>
      <c r="GG13" s="104">
        <v>0</v>
      </c>
      <c r="GH13" s="101">
        <v>32</v>
      </c>
      <c r="GI13" s="102">
        <v>23</v>
      </c>
      <c r="GJ13" s="103">
        <v>55</v>
      </c>
      <c r="GK13" s="413">
        <v>0</v>
      </c>
      <c r="GL13" s="102">
        <v>32</v>
      </c>
      <c r="GM13" s="102">
        <v>21</v>
      </c>
      <c r="GN13" s="102">
        <v>22</v>
      </c>
      <c r="GO13" s="102">
        <v>15</v>
      </c>
      <c r="GP13" s="102">
        <v>11</v>
      </c>
      <c r="GQ13" s="103">
        <v>101</v>
      </c>
      <c r="GR13" s="104">
        <v>156</v>
      </c>
      <c r="GS13" s="105">
        <v>222</v>
      </c>
      <c r="GT13" s="97">
        <v>119</v>
      </c>
      <c r="GU13" s="98">
        <v>341</v>
      </c>
      <c r="GV13" s="413">
        <v>0</v>
      </c>
      <c r="GW13" s="97">
        <v>261</v>
      </c>
      <c r="GX13" s="97">
        <v>142</v>
      </c>
      <c r="GY13" s="97">
        <v>132</v>
      </c>
      <c r="GZ13" s="97">
        <v>120</v>
      </c>
      <c r="HA13" s="97">
        <v>59</v>
      </c>
      <c r="HB13" s="99">
        <v>714</v>
      </c>
      <c r="HC13" s="100">
        <v>1055</v>
      </c>
      <c r="HD13" s="101">
        <v>4</v>
      </c>
      <c r="HE13" s="102">
        <v>1</v>
      </c>
      <c r="HF13" s="103">
        <v>5</v>
      </c>
      <c r="HG13" s="413">
        <v>0</v>
      </c>
      <c r="HH13" s="102">
        <v>2</v>
      </c>
      <c r="HI13" s="102">
        <v>2</v>
      </c>
      <c r="HJ13" s="102">
        <v>1</v>
      </c>
      <c r="HK13" s="102">
        <v>1</v>
      </c>
      <c r="HL13" s="102">
        <v>3</v>
      </c>
      <c r="HM13" s="103">
        <v>9</v>
      </c>
      <c r="HN13" s="104">
        <v>14</v>
      </c>
      <c r="HO13" s="101">
        <v>8</v>
      </c>
      <c r="HP13" s="102">
        <v>2</v>
      </c>
      <c r="HQ13" s="103">
        <v>10</v>
      </c>
      <c r="HR13" s="413">
        <v>0</v>
      </c>
      <c r="HS13" s="102">
        <v>3</v>
      </c>
      <c r="HT13" s="102">
        <v>4</v>
      </c>
      <c r="HU13" s="102">
        <v>2</v>
      </c>
      <c r="HV13" s="102">
        <v>1</v>
      </c>
      <c r="HW13" s="102">
        <v>0</v>
      </c>
      <c r="HX13" s="103">
        <v>10</v>
      </c>
      <c r="HY13" s="104">
        <v>20</v>
      </c>
      <c r="HZ13" s="101">
        <v>15</v>
      </c>
      <c r="IA13" s="102">
        <v>3</v>
      </c>
      <c r="IB13" s="103">
        <v>18</v>
      </c>
      <c r="IC13" s="413">
        <v>0</v>
      </c>
      <c r="ID13" s="102">
        <v>14</v>
      </c>
      <c r="IE13" s="102">
        <v>13</v>
      </c>
      <c r="IF13" s="102">
        <v>11</v>
      </c>
      <c r="IG13" s="102">
        <v>5</v>
      </c>
      <c r="IH13" s="102">
        <v>3</v>
      </c>
      <c r="II13" s="103">
        <v>46</v>
      </c>
      <c r="IJ13" s="104">
        <v>64</v>
      </c>
      <c r="IK13" s="101">
        <v>48</v>
      </c>
      <c r="IL13" s="102">
        <v>21</v>
      </c>
      <c r="IM13" s="103">
        <v>69</v>
      </c>
      <c r="IN13" s="413">
        <v>0</v>
      </c>
      <c r="IO13" s="102">
        <v>37</v>
      </c>
      <c r="IP13" s="102">
        <v>15</v>
      </c>
      <c r="IQ13" s="102">
        <v>16</v>
      </c>
      <c r="IR13" s="102">
        <v>15</v>
      </c>
      <c r="IS13" s="102">
        <v>11</v>
      </c>
      <c r="IT13" s="103">
        <v>94</v>
      </c>
      <c r="IU13" s="104">
        <v>163</v>
      </c>
      <c r="IV13" s="101">
        <v>75</v>
      </c>
      <c r="IW13" s="102">
        <v>51</v>
      </c>
      <c r="IX13" s="103">
        <v>126</v>
      </c>
      <c r="IY13" s="413">
        <v>0</v>
      </c>
      <c r="IZ13" s="102">
        <v>88</v>
      </c>
      <c r="JA13" s="102">
        <v>37</v>
      </c>
      <c r="JB13" s="102">
        <v>38</v>
      </c>
      <c r="JC13" s="102">
        <v>26</v>
      </c>
      <c r="JD13" s="102">
        <v>12</v>
      </c>
      <c r="JE13" s="103">
        <v>201</v>
      </c>
      <c r="JF13" s="104">
        <v>327</v>
      </c>
      <c r="JG13" s="101">
        <v>72</v>
      </c>
      <c r="JH13" s="102">
        <v>41</v>
      </c>
      <c r="JI13" s="103">
        <v>113</v>
      </c>
      <c r="JJ13" s="413">
        <v>0</v>
      </c>
      <c r="JK13" s="102">
        <v>117</v>
      </c>
      <c r="JL13" s="102">
        <v>71</v>
      </c>
      <c r="JM13" s="102">
        <v>64</v>
      </c>
      <c r="JN13" s="102">
        <v>72</v>
      </c>
      <c r="JO13" s="102">
        <v>30</v>
      </c>
      <c r="JP13" s="103">
        <v>354</v>
      </c>
      <c r="JQ13" s="104">
        <v>467</v>
      </c>
      <c r="JR13" s="101">
        <v>0</v>
      </c>
      <c r="JS13" s="102">
        <v>0</v>
      </c>
      <c r="JT13" s="103">
        <v>0</v>
      </c>
      <c r="JU13" s="413">
        <v>0</v>
      </c>
      <c r="JV13" s="102">
        <v>0</v>
      </c>
      <c r="JW13" s="102">
        <v>0</v>
      </c>
      <c r="JX13" s="102">
        <v>0</v>
      </c>
      <c r="JY13" s="102">
        <v>0</v>
      </c>
      <c r="JZ13" s="102">
        <v>0</v>
      </c>
      <c r="KA13" s="103">
        <v>0</v>
      </c>
      <c r="KB13" s="104">
        <v>0</v>
      </c>
      <c r="KC13" s="101">
        <v>222</v>
      </c>
      <c r="KD13" s="102">
        <v>119</v>
      </c>
      <c r="KE13" s="103">
        <v>341</v>
      </c>
      <c r="KF13" s="413">
        <v>0</v>
      </c>
      <c r="KG13" s="102">
        <v>261</v>
      </c>
      <c r="KH13" s="102">
        <v>142</v>
      </c>
      <c r="KI13" s="102">
        <v>132</v>
      </c>
      <c r="KJ13" s="102">
        <v>120</v>
      </c>
      <c r="KK13" s="102">
        <v>59</v>
      </c>
      <c r="KL13" s="103">
        <v>714</v>
      </c>
      <c r="KM13" s="104">
        <v>1055</v>
      </c>
    </row>
    <row r="14" spans="2:299" s="70" customFormat="1" ht="21" customHeight="1" x14ac:dyDescent="0.2">
      <c r="B14" s="106" t="s">
        <v>10</v>
      </c>
      <c r="C14" s="96">
        <v>350</v>
      </c>
      <c r="D14" s="97">
        <v>211</v>
      </c>
      <c r="E14" s="98">
        <v>561</v>
      </c>
      <c r="F14" s="413">
        <v>0</v>
      </c>
      <c r="G14" s="97">
        <v>344</v>
      </c>
      <c r="H14" s="97">
        <v>174</v>
      </c>
      <c r="I14" s="97">
        <v>119</v>
      </c>
      <c r="J14" s="97">
        <v>113</v>
      </c>
      <c r="K14" s="97">
        <v>83</v>
      </c>
      <c r="L14" s="99">
        <v>833</v>
      </c>
      <c r="M14" s="100">
        <v>1394</v>
      </c>
      <c r="N14" s="101">
        <v>4</v>
      </c>
      <c r="O14" s="102">
        <v>2</v>
      </c>
      <c r="P14" s="103">
        <v>6</v>
      </c>
      <c r="Q14" s="413">
        <v>0</v>
      </c>
      <c r="R14" s="102">
        <v>2</v>
      </c>
      <c r="S14" s="102">
        <v>3</v>
      </c>
      <c r="T14" s="102">
        <v>1</v>
      </c>
      <c r="U14" s="102">
        <v>6</v>
      </c>
      <c r="V14" s="102">
        <v>2</v>
      </c>
      <c r="W14" s="103">
        <v>14</v>
      </c>
      <c r="X14" s="104">
        <v>20</v>
      </c>
      <c r="Y14" s="101">
        <v>13</v>
      </c>
      <c r="Z14" s="102">
        <v>6</v>
      </c>
      <c r="AA14" s="103">
        <v>19</v>
      </c>
      <c r="AB14" s="413">
        <v>0</v>
      </c>
      <c r="AC14" s="102">
        <v>13</v>
      </c>
      <c r="AD14" s="102">
        <v>7</v>
      </c>
      <c r="AE14" s="102">
        <v>3</v>
      </c>
      <c r="AF14" s="102">
        <v>2</v>
      </c>
      <c r="AG14" s="102">
        <v>6</v>
      </c>
      <c r="AH14" s="103">
        <v>31</v>
      </c>
      <c r="AI14" s="104">
        <v>50</v>
      </c>
      <c r="AJ14" s="101">
        <v>26</v>
      </c>
      <c r="AK14" s="102">
        <v>13</v>
      </c>
      <c r="AL14" s="103">
        <v>39</v>
      </c>
      <c r="AM14" s="413">
        <v>0</v>
      </c>
      <c r="AN14" s="102">
        <v>24</v>
      </c>
      <c r="AO14" s="102">
        <v>14</v>
      </c>
      <c r="AP14" s="102">
        <v>7</v>
      </c>
      <c r="AQ14" s="102">
        <v>11</v>
      </c>
      <c r="AR14" s="102">
        <v>11</v>
      </c>
      <c r="AS14" s="103">
        <v>67</v>
      </c>
      <c r="AT14" s="104">
        <v>106</v>
      </c>
      <c r="AU14" s="101">
        <v>73</v>
      </c>
      <c r="AV14" s="102">
        <v>35</v>
      </c>
      <c r="AW14" s="103">
        <v>108</v>
      </c>
      <c r="AX14" s="413">
        <v>0</v>
      </c>
      <c r="AY14" s="102">
        <v>62</v>
      </c>
      <c r="AZ14" s="102">
        <v>33</v>
      </c>
      <c r="BA14" s="102">
        <v>22</v>
      </c>
      <c r="BB14" s="102">
        <v>22</v>
      </c>
      <c r="BC14" s="102">
        <v>14</v>
      </c>
      <c r="BD14" s="103">
        <v>153</v>
      </c>
      <c r="BE14" s="104">
        <v>261</v>
      </c>
      <c r="BF14" s="101">
        <v>137</v>
      </c>
      <c r="BG14" s="102">
        <v>75</v>
      </c>
      <c r="BH14" s="103">
        <v>212</v>
      </c>
      <c r="BI14" s="413">
        <v>0</v>
      </c>
      <c r="BJ14" s="102">
        <v>131</v>
      </c>
      <c r="BK14" s="102">
        <v>52</v>
      </c>
      <c r="BL14" s="102">
        <v>27</v>
      </c>
      <c r="BM14" s="102">
        <v>27</v>
      </c>
      <c r="BN14" s="102">
        <v>16</v>
      </c>
      <c r="BO14" s="103">
        <v>253</v>
      </c>
      <c r="BP14" s="104">
        <v>465</v>
      </c>
      <c r="BQ14" s="101">
        <v>97</v>
      </c>
      <c r="BR14" s="102">
        <v>80</v>
      </c>
      <c r="BS14" s="103">
        <v>177</v>
      </c>
      <c r="BT14" s="413">
        <v>0</v>
      </c>
      <c r="BU14" s="102">
        <v>112</v>
      </c>
      <c r="BV14" s="102">
        <v>65</v>
      </c>
      <c r="BW14" s="102">
        <v>59</v>
      </c>
      <c r="BX14" s="102">
        <v>45</v>
      </c>
      <c r="BY14" s="102">
        <v>34</v>
      </c>
      <c r="BZ14" s="103">
        <v>315</v>
      </c>
      <c r="CA14" s="104">
        <v>492</v>
      </c>
      <c r="CB14" s="101">
        <v>0</v>
      </c>
      <c r="CC14" s="102">
        <v>0</v>
      </c>
      <c r="CD14" s="103">
        <v>0</v>
      </c>
      <c r="CE14" s="413">
        <v>0</v>
      </c>
      <c r="CF14" s="102">
        <v>0</v>
      </c>
      <c r="CG14" s="102">
        <v>0</v>
      </c>
      <c r="CH14" s="102">
        <v>0</v>
      </c>
      <c r="CI14" s="102">
        <v>0</v>
      </c>
      <c r="CJ14" s="102">
        <v>0</v>
      </c>
      <c r="CK14" s="103">
        <v>0</v>
      </c>
      <c r="CL14" s="104">
        <v>0</v>
      </c>
      <c r="CM14" s="101">
        <v>350</v>
      </c>
      <c r="CN14" s="102">
        <v>211</v>
      </c>
      <c r="CO14" s="103">
        <v>561</v>
      </c>
      <c r="CP14" s="413">
        <v>0</v>
      </c>
      <c r="CQ14" s="102">
        <v>344</v>
      </c>
      <c r="CR14" s="102">
        <v>174</v>
      </c>
      <c r="CS14" s="102">
        <v>119</v>
      </c>
      <c r="CT14" s="102">
        <v>113</v>
      </c>
      <c r="CU14" s="102">
        <v>83</v>
      </c>
      <c r="CV14" s="103">
        <v>833</v>
      </c>
      <c r="CW14" s="104">
        <v>1394</v>
      </c>
      <c r="CX14" s="105">
        <v>45</v>
      </c>
      <c r="CY14" s="97">
        <v>36</v>
      </c>
      <c r="CZ14" s="98">
        <v>81</v>
      </c>
      <c r="DA14" s="413">
        <v>0</v>
      </c>
      <c r="DB14" s="97">
        <v>58</v>
      </c>
      <c r="DC14" s="97">
        <v>25</v>
      </c>
      <c r="DD14" s="97">
        <v>15</v>
      </c>
      <c r="DE14" s="97">
        <v>28</v>
      </c>
      <c r="DF14" s="97">
        <v>19</v>
      </c>
      <c r="DG14" s="99">
        <v>145</v>
      </c>
      <c r="DH14" s="100">
        <v>226</v>
      </c>
      <c r="DI14" s="101">
        <v>1</v>
      </c>
      <c r="DJ14" s="102">
        <v>0</v>
      </c>
      <c r="DK14" s="103">
        <v>1</v>
      </c>
      <c r="DL14" s="413">
        <v>0</v>
      </c>
      <c r="DM14" s="102">
        <v>1</v>
      </c>
      <c r="DN14" s="102">
        <v>0</v>
      </c>
      <c r="DO14" s="102">
        <v>0</v>
      </c>
      <c r="DP14" s="102">
        <v>0</v>
      </c>
      <c r="DQ14" s="102">
        <v>0</v>
      </c>
      <c r="DR14" s="103">
        <v>1</v>
      </c>
      <c r="DS14" s="104">
        <v>2</v>
      </c>
      <c r="DT14" s="101">
        <v>5</v>
      </c>
      <c r="DU14" s="102">
        <v>3</v>
      </c>
      <c r="DV14" s="103">
        <v>8</v>
      </c>
      <c r="DW14" s="413">
        <v>0</v>
      </c>
      <c r="DX14" s="102">
        <v>7</v>
      </c>
      <c r="DY14" s="102">
        <v>0</v>
      </c>
      <c r="DZ14" s="102">
        <v>0</v>
      </c>
      <c r="EA14" s="102">
        <v>0</v>
      </c>
      <c r="EB14" s="102">
        <v>1</v>
      </c>
      <c r="EC14" s="103">
        <v>8</v>
      </c>
      <c r="ED14" s="104">
        <v>16</v>
      </c>
      <c r="EE14" s="101">
        <v>8</v>
      </c>
      <c r="EF14" s="102">
        <v>5</v>
      </c>
      <c r="EG14" s="103">
        <v>13</v>
      </c>
      <c r="EH14" s="413">
        <v>0</v>
      </c>
      <c r="EI14" s="102">
        <v>2</v>
      </c>
      <c r="EJ14" s="102">
        <v>4</v>
      </c>
      <c r="EK14" s="102">
        <v>0</v>
      </c>
      <c r="EL14" s="102">
        <v>1</v>
      </c>
      <c r="EM14" s="102">
        <v>0</v>
      </c>
      <c r="EN14" s="103">
        <v>7</v>
      </c>
      <c r="EO14" s="104">
        <v>20</v>
      </c>
      <c r="EP14" s="101">
        <v>7</v>
      </c>
      <c r="EQ14" s="102">
        <v>5</v>
      </c>
      <c r="ER14" s="103">
        <v>12</v>
      </c>
      <c r="ES14" s="413">
        <v>0</v>
      </c>
      <c r="ET14" s="102">
        <v>14</v>
      </c>
      <c r="EU14" s="102">
        <v>3</v>
      </c>
      <c r="EV14" s="102">
        <v>2</v>
      </c>
      <c r="EW14" s="102">
        <v>2</v>
      </c>
      <c r="EX14" s="102">
        <v>0</v>
      </c>
      <c r="EY14" s="103">
        <v>21</v>
      </c>
      <c r="EZ14" s="104">
        <v>33</v>
      </c>
      <c r="FA14" s="101">
        <v>17</v>
      </c>
      <c r="FB14" s="102">
        <v>11</v>
      </c>
      <c r="FC14" s="103">
        <v>28</v>
      </c>
      <c r="FD14" s="413">
        <v>0</v>
      </c>
      <c r="FE14" s="102">
        <v>13</v>
      </c>
      <c r="FF14" s="102">
        <v>7</v>
      </c>
      <c r="FG14" s="102">
        <v>2</v>
      </c>
      <c r="FH14" s="102">
        <v>6</v>
      </c>
      <c r="FI14" s="102">
        <v>4</v>
      </c>
      <c r="FJ14" s="103">
        <v>32</v>
      </c>
      <c r="FK14" s="104">
        <v>60</v>
      </c>
      <c r="FL14" s="101">
        <v>7</v>
      </c>
      <c r="FM14" s="102">
        <v>12</v>
      </c>
      <c r="FN14" s="103">
        <v>19</v>
      </c>
      <c r="FO14" s="413">
        <v>0</v>
      </c>
      <c r="FP14" s="102">
        <v>21</v>
      </c>
      <c r="FQ14" s="102">
        <v>11</v>
      </c>
      <c r="FR14" s="102">
        <v>11</v>
      </c>
      <c r="FS14" s="102">
        <v>19</v>
      </c>
      <c r="FT14" s="102">
        <v>14</v>
      </c>
      <c r="FU14" s="103">
        <v>76</v>
      </c>
      <c r="FV14" s="104">
        <v>95</v>
      </c>
      <c r="FW14" s="101">
        <v>0</v>
      </c>
      <c r="FX14" s="102">
        <v>0</v>
      </c>
      <c r="FY14" s="103">
        <v>0</v>
      </c>
      <c r="FZ14" s="413">
        <v>0</v>
      </c>
      <c r="GA14" s="102">
        <v>0</v>
      </c>
      <c r="GB14" s="102">
        <v>0</v>
      </c>
      <c r="GC14" s="102">
        <v>0</v>
      </c>
      <c r="GD14" s="102">
        <v>0</v>
      </c>
      <c r="GE14" s="102">
        <v>0</v>
      </c>
      <c r="GF14" s="103">
        <v>0</v>
      </c>
      <c r="GG14" s="104">
        <v>0</v>
      </c>
      <c r="GH14" s="101">
        <v>45</v>
      </c>
      <c r="GI14" s="102">
        <v>36</v>
      </c>
      <c r="GJ14" s="103">
        <v>81</v>
      </c>
      <c r="GK14" s="413">
        <v>0</v>
      </c>
      <c r="GL14" s="102">
        <v>58</v>
      </c>
      <c r="GM14" s="102">
        <v>25</v>
      </c>
      <c r="GN14" s="102">
        <v>15</v>
      </c>
      <c r="GO14" s="102">
        <v>28</v>
      </c>
      <c r="GP14" s="102">
        <v>19</v>
      </c>
      <c r="GQ14" s="103">
        <v>145</v>
      </c>
      <c r="GR14" s="104">
        <v>226</v>
      </c>
      <c r="GS14" s="105">
        <v>395</v>
      </c>
      <c r="GT14" s="97">
        <v>247</v>
      </c>
      <c r="GU14" s="98">
        <v>642</v>
      </c>
      <c r="GV14" s="413">
        <v>0</v>
      </c>
      <c r="GW14" s="97">
        <v>402</v>
      </c>
      <c r="GX14" s="97">
        <v>199</v>
      </c>
      <c r="GY14" s="97">
        <v>134</v>
      </c>
      <c r="GZ14" s="97">
        <v>141</v>
      </c>
      <c r="HA14" s="97">
        <v>102</v>
      </c>
      <c r="HB14" s="99">
        <v>978</v>
      </c>
      <c r="HC14" s="100">
        <v>1620</v>
      </c>
      <c r="HD14" s="101">
        <v>5</v>
      </c>
      <c r="HE14" s="102">
        <v>2</v>
      </c>
      <c r="HF14" s="103">
        <v>7</v>
      </c>
      <c r="HG14" s="413">
        <v>0</v>
      </c>
      <c r="HH14" s="102">
        <v>3</v>
      </c>
      <c r="HI14" s="102">
        <v>3</v>
      </c>
      <c r="HJ14" s="102">
        <v>1</v>
      </c>
      <c r="HK14" s="102">
        <v>6</v>
      </c>
      <c r="HL14" s="102">
        <v>2</v>
      </c>
      <c r="HM14" s="103">
        <v>15</v>
      </c>
      <c r="HN14" s="104">
        <v>22</v>
      </c>
      <c r="HO14" s="101">
        <v>18</v>
      </c>
      <c r="HP14" s="102">
        <v>9</v>
      </c>
      <c r="HQ14" s="103">
        <v>27</v>
      </c>
      <c r="HR14" s="413">
        <v>0</v>
      </c>
      <c r="HS14" s="102">
        <v>20</v>
      </c>
      <c r="HT14" s="102">
        <v>7</v>
      </c>
      <c r="HU14" s="102">
        <v>3</v>
      </c>
      <c r="HV14" s="102">
        <v>2</v>
      </c>
      <c r="HW14" s="102">
        <v>7</v>
      </c>
      <c r="HX14" s="103">
        <v>39</v>
      </c>
      <c r="HY14" s="104">
        <v>66</v>
      </c>
      <c r="HZ14" s="101">
        <v>34</v>
      </c>
      <c r="IA14" s="102">
        <v>18</v>
      </c>
      <c r="IB14" s="103">
        <v>52</v>
      </c>
      <c r="IC14" s="413">
        <v>0</v>
      </c>
      <c r="ID14" s="102">
        <v>26</v>
      </c>
      <c r="IE14" s="102">
        <v>18</v>
      </c>
      <c r="IF14" s="102">
        <v>7</v>
      </c>
      <c r="IG14" s="102">
        <v>12</v>
      </c>
      <c r="IH14" s="102">
        <v>11</v>
      </c>
      <c r="II14" s="103">
        <v>74</v>
      </c>
      <c r="IJ14" s="104">
        <v>126</v>
      </c>
      <c r="IK14" s="101">
        <v>80</v>
      </c>
      <c r="IL14" s="102">
        <v>40</v>
      </c>
      <c r="IM14" s="103">
        <v>120</v>
      </c>
      <c r="IN14" s="413">
        <v>0</v>
      </c>
      <c r="IO14" s="102">
        <v>76</v>
      </c>
      <c r="IP14" s="102">
        <v>36</v>
      </c>
      <c r="IQ14" s="102">
        <v>24</v>
      </c>
      <c r="IR14" s="102">
        <v>24</v>
      </c>
      <c r="IS14" s="102">
        <v>14</v>
      </c>
      <c r="IT14" s="103">
        <v>174</v>
      </c>
      <c r="IU14" s="104">
        <v>294</v>
      </c>
      <c r="IV14" s="101">
        <v>154</v>
      </c>
      <c r="IW14" s="102">
        <v>86</v>
      </c>
      <c r="IX14" s="103">
        <v>240</v>
      </c>
      <c r="IY14" s="413">
        <v>0</v>
      </c>
      <c r="IZ14" s="102">
        <v>144</v>
      </c>
      <c r="JA14" s="102">
        <v>59</v>
      </c>
      <c r="JB14" s="102">
        <v>29</v>
      </c>
      <c r="JC14" s="102">
        <v>33</v>
      </c>
      <c r="JD14" s="102">
        <v>20</v>
      </c>
      <c r="JE14" s="103">
        <v>285</v>
      </c>
      <c r="JF14" s="104">
        <v>525</v>
      </c>
      <c r="JG14" s="101">
        <v>104</v>
      </c>
      <c r="JH14" s="102">
        <v>92</v>
      </c>
      <c r="JI14" s="103">
        <v>196</v>
      </c>
      <c r="JJ14" s="413">
        <v>0</v>
      </c>
      <c r="JK14" s="102">
        <v>133</v>
      </c>
      <c r="JL14" s="102">
        <v>76</v>
      </c>
      <c r="JM14" s="102">
        <v>70</v>
      </c>
      <c r="JN14" s="102">
        <v>64</v>
      </c>
      <c r="JO14" s="102">
        <v>48</v>
      </c>
      <c r="JP14" s="103">
        <v>391</v>
      </c>
      <c r="JQ14" s="104">
        <v>587</v>
      </c>
      <c r="JR14" s="101">
        <v>0</v>
      </c>
      <c r="JS14" s="102">
        <v>0</v>
      </c>
      <c r="JT14" s="103">
        <v>0</v>
      </c>
      <c r="JU14" s="413">
        <v>0</v>
      </c>
      <c r="JV14" s="102">
        <v>0</v>
      </c>
      <c r="JW14" s="102">
        <v>0</v>
      </c>
      <c r="JX14" s="102">
        <v>0</v>
      </c>
      <c r="JY14" s="102">
        <v>0</v>
      </c>
      <c r="JZ14" s="102">
        <v>0</v>
      </c>
      <c r="KA14" s="103">
        <v>0</v>
      </c>
      <c r="KB14" s="104">
        <v>0</v>
      </c>
      <c r="KC14" s="101">
        <v>395</v>
      </c>
      <c r="KD14" s="102">
        <v>247</v>
      </c>
      <c r="KE14" s="103">
        <v>642</v>
      </c>
      <c r="KF14" s="413">
        <v>0</v>
      </c>
      <c r="KG14" s="102">
        <v>402</v>
      </c>
      <c r="KH14" s="102">
        <v>199</v>
      </c>
      <c r="KI14" s="102">
        <v>134</v>
      </c>
      <c r="KJ14" s="102">
        <v>141</v>
      </c>
      <c r="KK14" s="102">
        <v>102</v>
      </c>
      <c r="KL14" s="103">
        <v>978</v>
      </c>
      <c r="KM14" s="104">
        <v>1620</v>
      </c>
    </row>
    <row r="15" spans="2:299" s="70" customFormat="1" ht="21" customHeight="1" x14ac:dyDescent="0.2">
      <c r="B15" s="106" t="s">
        <v>11</v>
      </c>
      <c r="C15" s="96">
        <v>85</v>
      </c>
      <c r="D15" s="97">
        <v>68</v>
      </c>
      <c r="E15" s="98">
        <v>153</v>
      </c>
      <c r="F15" s="413">
        <v>0</v>
      </c>
      <c r="G15" s="97">
        <v>147</v>
      </c>
      <c r="H15" s="97">
        <v>86</v>
      </c>
      <c r="I15" s="97">
        <v>61</v>
      </c>
      <c r="J15" s="97">
        <v>61</v>
      </c>
      <c r="K15" s="97">
        <v>20</v>
      </c>
      <c r="L15" s="99">
        <v>375</v>
      </c>
      <c r="M15" s="100">
        <v>528</v>
      </c>
      <c r="N15" s="101">
        <v>0</v>
      </c>
      <c r="O15" s="102">
        <v>1</v>
      </c>
      <c r="P15" s="103">
        <v>1</v>
      </c>
      <c r="Q15" s="413">
        <v>0</v>
      </c>
      <c r="R15" s="102">
        <v>1</v>
      </c>
      <c r="S15" s="102">
        <v>0</v>
      </c>
      <c r="T15" s="102">
        <v>1</v>
      </c>
      <c r="U15" s="102">
        <v>0</v>
      </c>
      <c r="V15" s="102">
        <v>0</v>
      </c>
      <c r="W15" s="103">
        <v>2</v>
      </c>
      <c r="X15" s="104">
        <v>3</v>
      </c>
      <c r="Y15" s="101">
        <v>2</v>
      </c>
      <c r="Z15" s="102">
        <v>3</v>
      </c>
      <c r="AA15" s="103">
        <v>5</v>
      </c>
      <c r="AB15" s="413">
        <v>0</v>
      </c>
      <c r="AC15" s="102">
        <v>8</v>
      </c>
      <c r="AD15" s="102">
        <v>7</v>
      </c>
      <c r="AE15" s="102">
        <v>5</v>
      </c>
      <c r="AF15" s="102">
        <v>6</v>
      </c>
      <c r="AG15" s="102">
        <v>2</v>
      </c>
      <c r="AH15" s="103">
        <v>28</v>
      </c>
      <c r="AI15" s="104">
        <v>33</v>
      </c>
      <c r="AJ15" s="101">
        <v>4</v>
      </c>
      <c r="AK15" s="102">
        <v>7</v>
      </c>
      <c r="AL15" s="103">
        <v>11</v>
      </c>
      <c r="AM15" s="413">
        <v>0</v>
      </c>
      <c r="AN15" s="102">
        <v>9</v>
      </c>
      <c r="AO15" s="102">
        <v>10</v>
      </c>
      <c r="AP15" s="102">
        <v>7</v>
      </c>
      <c r="AQ15" s="102">
        <v>3</v>
      </c>
      <c r="AR15" s="102">
        <v>1</v>
      </c>
      <c r="AS15" s="103">
        <v>30</v>
      </c>
      <c r="AT15" s="104">
        <v>41</v>
      </c>
      <c r="AU15" s="101">
        <v>12</v>
      </c>
      <c r="AV15" s="102">
        <v>9</v>
      </c>
      <c r="AW15" s="103">
        <v>21</v>
      </c>
      <c r="AX15" s="413">
        <v>0</v>
      </c>
      <c r="AY15" s="102">
        <v>26</v>
      </c>
      <c r="AZ15" s="102">
        <v>9</v>
      </c>
      <c r="BA15" s="102">
        <v>5</v>
      </c>
      <c r="BB15" s="102">
        <v>8</v>
      </c>
      <c r="BC15" s="102">
        <v>3</v>
      </c>
      <c r="BD15" s="103">
        <v>51</v>
      </c>
      <c r="BE15" s="104">
        <v>72</v>
      </c>
      <c r="BF15" s="101">
        <v>40</v>
      </c>
      <c r="BG15" s="102">
        <v>26</v>
      </c>
      <c r="BH15" s="103">
        <v>66</v>
      </c>
      <c r="BI15" s="413">
        <v>0</v>
      </c>
      <c r="BJ15" s="102">
        <v>42</v>
      </c>
      <c r="BK15" s="102">
        <v>20</v>
      </c>
      <c r="BL15" s="102">
        <v>21</v>
      </c>
      <c r="BM15" s="102">
        <v>19</v>
      </c>
      <c r="BN15" s="102">
        <v>5</v>
      </c>
      <c r="BO15" s="103">
        <v>107</v>
      </c>
      <c r="BP15" s="104">
        <v>173</v>
      </c>
      <c r="BQ15" s="101">
        <v>27</v>
      </c>
      <c r="BR15" s="102">
        <v>22</v>
      </c>
      <c r="BS15" s="103">
        <v>49</v>
      </c>
      <c r="BT15" s="413">
        <v>0</v>
      </c>
      <c r="BU15" s="102">
        <v>61</v>
      </c>
      <c r="BV15" s="102">
        <v>40</v>
      </c>
      <c r="BW15" s="102">
        <v>22</v>
      </c>
      <c r="BX15" s="102">
        <v>25</v>
      </c>
      <c r="BY15" s="102">
        <v>9</v>
      </c>
      <c r="BZ15" s="103">
        <v>157</v>
      </c>
      <c r="CA15" s="104">
        <v>206</v>
      </c>
      <c r="CB15" s="101">
        <v>0</v>
      </c>
      <c r="CC15" s="102">
        <v>0</v>
      </c>
      <c r="CD15" s="103">
        <v>0</v>
      </c>
      <c r="CE15" s="413">
        <v>0</v>
      </c>
      <c r="CF15" s="102">
        <v>0</v>
      </c>
      <c r="CG15" s="102">
        <v>0</v>
      </c>
      <c r="CH15" s="102">
        <v>0</v>
      </c>
      <c r="CI15" s="102">
        <v>0</v>
      </c>
      <c r="CJ15" s="102">
        <v>0</v>
      </c>
      <c r="CK15" s="103">
        <v>0</v>
      </c>
      <c r="CL15" s="104">
        <v>0</v>
      </c>
      <c r="CM15" s="101">
        <v>85</v>
      </c>
      <c r="CN15" s="102">
        <v>68</v>
      </c>
      <c r="CO15" s="103">
        <v>153</v>
      </c>
      <c r="CP15" s="413">
        <v>0</v>
      </c>
      <c r="CQ15" s="102">
        <v>147</v>
      </c>
      <c r="CR15" s="102">
        <v>86</v>
      </c>
      <c r="CS15" s="102">
        <v>61</v>
      </c>
      <c r="CT15" s="102">
        <v>61</v>
      </c>
      <c r="CU15" s="102">
        <v>20</v>
      </c>
      <c r="CV15" s="103">
        <v>375</v>
      </c>
      <c r="CW15" s="104">
        <v>528</v>
      </c>
      <c r="CX15" s="105">
        <v>10</v>
      </c>
      <c r="CY15" s="97">
        <v>12</v>
      </c>
      <c r="CZ15" s="98">
        <v>22</v>
      </c>
      <c r="DA15" s="413">
        <v>0</v>
      </c>
      <c r="DB15" s="97">
        <v>23</v>
      </c>
      <c r="DC15" s="97">
        <v>14</v>
      </c>
      <c r="DD15" s="97">
        <v>12</v>
      </c>
      <c r="DE15" s="97">
        <v>16</v>
      </c>
      <c r="DF15" s="97">
        <v>12</v>
      </c>
      <c r="DG15" s="99">
        <v>77</v>
      </c>
      <c r="DH15" s="100">
        <v>99</v>
      </c>
      <c r="DI15" s="101">
        <v>1</v>
      </c>
      <c r="DJ15" s="102">
        <v>0</v>
      </c>
      <c r="DK15" s="103">
        <v>1</v>
      </c>
      <c r="DL15" s="413">
        <v>0</v>
      </c>
      <c r="DM15" s="102">
        <v>1</v>
      </c>
      <c r="DN15" s="102">
        <v>0</v>
      </c>
      <c r="DO15" s="102">
        <v>0</v>
      </c>
      <c r="DP15" s="102">
        <v>0</v>
      </c>
      <c r="DQ15" s="102">
        <v>0</v>
      </c>
      <c r="DR15" s="103">
        <v>1</v>
      </c>
      <c r="DS15" s="104">
        <v>2</v>
      </c>
      <c r="DT15" s="101">
        <v>0</v>
      </c>
      <c r="DU15" s="102">
        <v>1</v>
      </c>
      <c r="DV15" s="103">
        <v>1</v>
      </c>
      <c r="DW15" s="413">
        <v>0</v>
      </c>
      <c r="DX15" s="102">
        <v>1</v>
      </c>
      <c r="DY15" s="102">
        <v>0</v>
      </c>
      <c r="DZ15" s="102">
        <v>0</v>
      </c>
      <c r="EA15" s="102">
        <v>0</v>
      </c>
      <c r="EB15" s="102">
        <v>1</v>
      </c>
      <c r="EC15" s="103">
        <v>2</v>
      </c>
      <c r="ED15" s="104">
        <v>3</v>
      </c>
      <c r="EE15" s="101">
        <v>1</v>
      </c>
      <c r="EF15" s="102">
        <v>1</v>
      </c>
      <c r="EG15" s="103">
        <v>2</v>
      </c>
      <c r="EH15" s="413">
        <v>0</v>
      </c>
      <c r="EI15" s="102">
        <v>1</v>
      </c>
      <c r="EJ15" s="102">
        <v>2</v>
      </c>
      <c r="EK15" s="102">
        <v>0</v>
      </c>
      <c r="EL15" s="102">
        <v>1</v>
      </c>
      <c r="EM15" s="102">
        <v>2</v>
      </c>
      <c r="EN15" s="103">
        <v>6</v>
      </c>
      <c r="EO15" s="104">
        <v>8</v>
      </c>
      <c r="EP15" s="101">
        <v>3</v>
      </c>
      <c r="EQ15" s="102">
        <v>3</v>
      </c>
      <c r="ER15" s="103">
        <v>6</v>
      </c>
      <c r="ES15" s="413">
        <v>0</v>
      </c>
      <c r="ET15" s="102">
        <v>4</v>
      </c>
      <c r="EU15" s="102">
        <v>4</v>
      </c>
      <c r="EV15" s="102">
        <v>2</v>
      </c>
      <c r="EW15" s="102">
        <v>1</v>
      </c>
      <c r="EX15" s="102">
        <v>1</v>
      </c>
      <c r="EY15" s="103">
        <v>12</v>
      </c>
      <c r="EZ15" s="104">
        <v>18</v>
      </c>
      <c r="FA15" s="101">
        <v>3</v>
      </c>
      <c r="FB15" s="102">
        <v>3</v>
      </c>
      <c r="FC15" s="103">
        <v>6</v>
      </c>
      <c r="FD15" s="413">
        <v>0</v>
      </c>
      <c r="FE15" s="102">
        <v>8</v>
      </c>
      <c r="FF15" s="102">
        <v>1</v>
      </c>
      <c r="FG15" s="102">
        <v>3</v>
      </c>
      <c r="FH15" s="102">
        <v>5</v>
      </c>
      <c r="FI15" s="102">
        <v>3</v>
      </c>
      <c r="FJ15" s="103">
        <v>20</v>
      </c>
      <c r="FK15" s="104">
        <v>26</v>
      </c>
      <c r="FL15" s="101">
        <v>2</v>
      </c>
      <c r="FM15" s="102">
        <v>4</v>
      </c>
      <c r="FN15" s="103">
        <v>6</v>
      </c>
      <c r="FO15" s="413">
        <v>0</v>
      </c>
      <c r="FP15" s="102">
        <v>8</v>
      </c>
      <c r="FQ15" s="102">
        <v>7</v>
      </c>
      <c r="FR15" s="102">
        <v>7</v>
      </c>
      <c r="FS15" s="102">
        <v>9</v>
      </c>
      <c r="FT15" s="102">
        <v>5</v>
      </c>
      <c r="FU15" s="103">
        <v>36</v>
      </c>
      <c r="FV15" s="104">
        <v>42</v>
      </c>
      <c r="FW15" s="101">
        <v>0</v>
      </c>
      <c r="FX15" s="102">
        <v>0</v>
      </c>
      <c r="FY15" s="103">
        <v>0</v>
      </c>
      <c r="FZ15" s="413">
        <v>0</v>
      </c>
      <c r="GA15" s="102">
        <v>0</v>
      </c>
      <c r="GB15" s="102">
        <v>0</v>
      </c>
      <c r="GC15" s="102">
        <v>0</v>
      </c>
      <c r="GD15" s="102">
        <v>0</v>
      </c>
      <c r="GE15" s="102">
        <v>0</v>
      </c>
      <c r="GF15" s="103">
        <v>0</v>
      </c>
      <c r="GG15" s="104">
        <v>0</v>
      </c>
      <c r="GH15" s="101">
        <v>10</v>
      </c>
      <c r="GI15" s="102">
        <v>12</v>
      </c>
      <c r="GJ15" s="103">
        <v>22</v>
      </c>
      <c r="GK15" s="413">
        <v>0</v>
      </c>
      <c r="GL15" s="102">
        <v>23</v>
      </c>
      <c r="GM15" s="102">
        <v>14</v>
      </c>
      <c r="GN15" s="102">
        <v>12</v>
      </c>
      <c r="GO15" s="102">
        <v>16</v>
      </c>
      <c r="GP15" s="102">
        <v>12</v>
      </c>
      <c r="GQ15" s="103">
        <v>77</v>
      </c>
      <c r="GR15" s="104">
        <v>99</v>
      </c>
      <c r="GS15" s="105">
        <v>95</v>
      </c>
      <c r="GT15" s="97">
        <v>80</v>
      </c>
      <c r="GU15" s="98">
        <v>175</v>
      </c>
      <c r="GV15" s="413">
        <v>0</v>
      </c>
      <c r="GW15" s="97">
        <v>170</v>
      </c>
      <c r="GX15" s="97">
        <v>100</v>
      </c>
      <c r="GY15" s="97">
        <v>73</v>
      </c>
      <c r="GZ15" s="97">
        <v>77</v>
      </c>
      <c r="HA15" s="97">
        <v>32</v>
      </c>
      <c r="HB15" s="99">
        <v>452</v>
      </c>
      <c r="HC15" s="100">
        <v>627</v>
      </c>
      <c r="HD15" s="101">
        <v>1</v>
      </c>
      <c r="HE15" s="102">
        <v>1</v>
      </c>
      <c r="HF15" s="103">
        <v>2</v>
      </c>
      <c r="HG15" s="413">
        <v>0</v>
      </c>
      <c r="HH15" s="102">
        <v>2</v>
      </c>
      <c r="HI15" s="102">
        <v>0</v>
      </c>
      <c r="HJ15" s="102">
        <v>1</v>
      </c>
      <c r="HK15" s="102">
        <v>0</v>
      </c>
      <c r="HL15" s="102">
        <v>0</v>
      </c>
      <c r="HM15" s="103">
        <v>3</v>
      </c>
      <c r="HN15" s="104">
        <v>5</v>
      </c>
      <c r="HO15" s="101">
        <v>2</v>
      </c>
      <c r="HP15" s="102">
        <v>4</v>
      </c>
      <c r="HQ15" s="103">
        <v>6</v>
      </c>
      <c r="HR15" s="413">
        <v>0</v>
      </c>
      <c r="HS15" s="102">
        <v>9</v>
      </c>
      <c r="HT15" s="102">
        <v>7</v>
      </c>
      <c r="HU15" s="102">
        <v>5</v>
      </c>
      <c r="HV15" s="102">
        <v>6</v>
      </c>
      <c r="HW15" s="102">
        <v>3</v>
      </c>
      <c r="HX15" s="103">
        <v>30</v>
      </c>
      <c r="HY15" s="104">
        <v>36</v>
      </c>
      <c r="HZ15" s="101">
        <v>5</v>
      </c>
      <c r="IA15" s="102">
        <v>8</v>
      </c>
      <c r="IB15" s="103">
        <v>13</v>
      </c>
      <c r="IC15" s="413">
        <v>0</v>
      </c>
      <c r="ID15" s="102">
        <v>10</v>
      </c>
      <c r="IE15" s="102">
        <v>12</v>
      </c>
      <c r="IF15" s="102">
        <v>7</v>
      </c>
      <c r="IG15" s="102">
        <v>4</v>
      </c>
      <c r="IH15" s="102">
        <v>3</v>
      </c>
      <c r="II15" s="103">
        <v>36</v>
      </c>
      <c r="IJ15" s="104">
        <v>49</v>
      </c>
      <c r="IK15" s="101">
        <v>15</v>
      </c>
      <c r="IL15" s="102">
        <v>12</v>
      </c>
      <c r="IM15" s="103">
        <v>27</v>
      </c>
      <c r="IN15" s="413">
        <v>0</v>
      </c>
      <c r="IO15" s="102">
        <v>30</v>
      </c>
      <c r="IP15" s="102">
        <v>13</v>
      </c>
      <c r="IQ15" s="102">
        <v>7</v>
      </c>
      <c r="IR15" s="102">
        <v>9</v>
      </c>
      <c r="IS15" s="102">
        <v>4</v>
      </c>
      <c r="IT15" s="103">
        <v>63</v>
      </c>
      <c r="IU15" s="104">
        <v>90</v>
      </c>
      <c r="IV15" s="101">
        <v>43</v>
      </c>
      <c r="IW15" s="102">
        <v>29</v>
      </c>
      <c r="IX15" s="103">
        <v>72</v>
      </c>
      <c r="IY15" s="413">
        <v>0</v>
      </c>
      <c r="IZ15" s="102">
        <v>50</v>
      </c>
      <c r="JA15" s="102">
        <v>21</v>
      </c>
      <c r="JB15" s="102">
        <v>24</v>
      </c>
      <c r="JC15" s="102">
        <v>24</v>
      </c>
      <c r="JD15" s="102">
        <v>8</v>
      </c>
      <c r="JE15" s="103">
        <v>127</v>
      </c>
      <c r="JF15" s="104">
        <v>199</v>
      </c>
      <c r="JG15" s="101">
        <v>29</v>
      </c>
      <c r="JH15" s="102">
        <v>26</v>
      </c>
      <c r="JI15" s="103">
        <v>55</v>
      </c>
      <c r="JJ15" s="413">
        <v>0</v>
      </c>
      <c r="JK15" s="102">
        <v>69</v>
      </c>
      <c r="JL15" s="102">
        <v>47</v>
      </c>
      <c r="JM15" s="102">
        <v>29</v>
      </c>
      <c r="JN15" s="102">
        <v>34</v>
      </c>
      <c r="JO15" s="102">
        <v>14</v>
      </c>
      <c r="JP15" s="103">
        <v>193</v>
      </c>
      <c r="JQ15" s="104">
        <v>248</v>
      </c>
      <c r="JR15" s="101">
        <v>0</v>
      </c>
      <c r="JS15" s="102">
        <v>0</v>
      </c>
      <c r="JT15" s="103">
        <v>0</v>
      </c>
      <c r="JU15" s="413">
        <v>0</v>
      </c>
      <c r="JV15" s="102">
        <v>0</v>
      </c>
      <c r="JW15" s="102">
        <v>0</v>
      </c>
      <c r="JX15" s="102">
        <v>0</v>
      </c>
      <c r="JY15" s="102">
        <v>0</v>
      </c>
      <c r="JZ15" s="102">
        <v>0</v>
      </c>
      <c r="KA15" s="103">
        <v>0</v>
      </c>
      <c r="KB15" s="104">
        <v>0</v>
      </c>
      <c r="KC15" s="101">
        <v>95</v>
      </c>
      <c r="KD15" s="102">
        <v>80</v>
      </c>
      <c r="KE15" s="103">
        <v>175</v>
      </c>
      <c r="KF15" s="413">
        <v>0</v>
      </c>
      <c r="KG15" s="102">
        <v>170</v>
      </c>
      <c r="KH15" s="102">
        <v>100</v>
      </c>
      <c r="KI15" s="102">
        <v>73</v>
      </c>
      <c r="KJ15" s="102">
        <v>77</v>
      </c>
      <c r="KK15" s="102">
        <v>32</v>
      </c>
      <c r="KL15" s="103">
        <v>452</v>
      </c>
      <c r="KM15" s="104">
        <v>627</v>
      </c>
    </row>
    <row r="16" spans="2:299" s="70" customFormat="1" ht="21" customHeight="1" x14ac:dyDescent="0.2">
      <c r="B16" s="106" t="s">
        <v>12</v>
      </c>
      <c r="C16" s="96">
        <v>176</v>
      </c>
      <c r="D16" s="97">
        <v>162</v>
      </c>
      <c r="E16" s="98">
        <v>338</v>
      </c>
      <c r="F16" s="413">
        <v>0</v>
      </c>
      <c r="G16" s="97">
        <v>160</v>
      </c>
      <c r="H16" s="97">
        <v>153</v>
      </c>
      <c r="I16" s="97">
        <v>86</v>
      </c>
      <c r="J16" s="97">
        <v>89</v>
      </c>
      <c r="K16" s="97">
        <v>34</v>
      </c>
      <c r="L16" s="99">
        <v>522</v>
      </c>
      <c r="M16" s="100">
        <v>860</v>
      </c>
      <c r="N16" s="107">
        <v>6</v>
      </c>
      <c r="O16" s="102">
        <v>1</v>
      </c>
      <c r="P16" s="103">
        <v>7</v>
      </c>
      <c r="Q16" s="413">
        <v>0</v>
      </c>
      <c r="R16" s="102">
        <v>0</v>
      </c>
      <c r="S16" s="102">
        <v>5</v>
      </c>
      <c r="T16" s="102">
        <v>0</v>
      </c>
      <c r="U16" s="102">
        <v>2</v>
      </c>
      <c r="V16" s="102">
        <v>1</v>
      </c>
      <c r="W16" s="103">
        <v>8</v>
      </c>
      <c r="X16" s="104">
        <v>15</v>
      </c>
      <c r="Y16" s="101">
        <v>13</v>
      </c>
      <c r="Z16" s="102">
        <v>8</v>
      </c>
      <c r="AA16" s="103">
        <v>21</v>
      </c>
      <c r="AB16" s="413">
        <v>0</v>
      </c>
      <c r="AC16" s="102">
        <v>2</v>
      </c>
      <c r="AD16" s="102">
        <v>5</v>
      </c>
      <c r="AE16" s="102">
        <v>4</v>
      </c>
      <c r="AF16" s="102">
        <v>1</v>
      </c>
      <c r="AG16" s="102">
        <v>0</v>
      </c>
      <c r="AH16" s="103">
        <v>12</v>
      </c>
      <c r="AI16" s="104">
        <v>33</v>
      </c>
      <c r="AJ16" s="107">
        <v>9</v>
      </c>
      <c r="AK16" s="102">
        <v>14</v>
      </c>
      <c r="AL16" s="103">
        <v>23</v>
      </c>
      <c r="AM16" s="413">
        <v>0</v>
      </c>
      <c r="AN16" s="102">
        <v>13</v>
      </c>
      <c r="AO16" s="102">
        <v>12</v>
      </c>
      <c r="AP16" s="102">
        <v>9</v>
      </c>
      <c r="AQ16" s="102">
        <v>9</v>
      </c>
      <c r="AR16" s="102">
        <v>3</v>
      </c>
      <c r="AS16" s="103">
        <v>46</v>
      </c>
      <c r="AT16" s="104">
        <v>69</v>
      </c>
      <c r="AU16" s="101">
        <v>35</v>
      </c>
      <c r="AV16" s="102">
        <v>29</v>
      </c>
      <c r="AW16" s="103">
        <v>64</v>
      </c>
      <c r="AX16" s="413">
        <v>0</v>
      </c>
      <c r="AY16" s="102">
        <v>27</v>
      </c>
      <c r="AZ16" s="102">
        <v>30</v>
      </c>
      <c r="BA16" s="102">
        <v>20</v>
      </c>
      <c r="BB16" s="102">
        <v>13</v>
      </c>
      <c r="BC16" s="102">
        <v>9</v>
      </c>
      <c r="BD16" s="103">
        <v>99</v>
      </c>
      <c r="BE16" s="104">
        <v>163</v>
      </c>
      <c r="BF16" s="107">
        <v>66</v>
      </c>
      <c r="BG16" s="102">
        <v>55</v>
      </c>
      <c r="BH16" s="103">
        <v>121</v>
      </c>
      <c r="BI16" s="413">
        <v>0</v>
      </c>
      <c r="BJ16" s="102">
        <v>61</v>
      </c>
      <c r="BK16" s="102">
        <v>38</v>
      </c>
      <c r="BL16" s="102">
        <v>20</v>
      </c>
      <c r="BM16" s="102">
        <v>21</v>
      </c>
      <c r="BN16" s="102">
        <v>9</v>
      </c>
      <c r="BO16" s="103">
        <v>149</v>
      </c>
      <c r="BP16" s="104">
        <v>270</v>
      </c>
      <c r="BQ16" s="101">
        <v>47</v>
      </c>
      <c r="BR16" s="102">
        <v>55</v>
      </c>
      <c r="BS16" s="103">
        <v>102</v>
      </c>
      <c r="BT16" s="413">
        <v>0</v>
      </c>
      <c r="BU16" s="102">
        <v>57</v>
      </c>
      <c r="BV16" s="102">
        <v>63</v>
      </c>
      <c r="BW16" s="102">
        <v>33</v>
      </c>
      <c r="BX16" s="102">
        <v>43</v>
      </c>
      <c r="BY16" s="102">
        <v>12</v>
      </c>
      <c r="BZ16" s="103">
        <v>208</v>
      </c>
      <c r="CA16" s="104">
        <v>310</v>
      </c>
      <c r="CB16" s="101">
        <v>0</v>
      </c>
      <c r="CC16" s="102">
        <v>0</v>
      </c>
      <c r="CD16" s="103">
        <v>0</v>
      </c>
      <c r="CE16" s="413">
        <v>0</v>
      </c>
      <c r="CF16" s="102">
        <v>0</v>
      </c>
      <c r="CG16" s="102">
        <v>0</v>
      </c>
      <c r="CH16" s="102">
        <v>0</v>
      </c>
      <c r="CI16" s="102">
        <v>0</v>
      </c>
      <c r="CJ16" s="102">
        <v>0</v>
      </c>
      <c r="CK16" s="103">
        <v>0</v>
      </c>
      <c r="CL16" s="104">
        <v>0</v>
      </c>
      <c r="CM16" s="101">
        <v>176</v>
      </c>
      <c r="CN16" s="102">
        <v>162</v>
      </c>
      <c r="CO16" s="103">
        <v>338</v>
      </c>
      <c r="CP16" s="413">
        <v>0</v>
      </c>
      <c r="CQ16" s="102">
        <v>160</v>
      </c>
      <c r="CR16" s="102">
        <v>153</v>
      </c>
      <c r="CS16" s="102">
        <v>86</v>
      </c>
      <c r="CT16" s="102">
        <v>89</v>
      </c>
      <c r="CU16" s="102">
        <v>34</v>
      </c>
      <c r="CV16" s="103">
        <v>522</v>
      </c>
      <c r="CW16" s="104">
        <v>860</v>
      </c>
      <c r="CX16" s="105">
        <v>25</v>
      </c>
      <c r="CY16" s="97">
        <v>19</v>
      </c>
      <c r="CZ16" s="98">
        <v>44</v>
      </c>
      <c r="DA16" s="413">
        <v>0</v>
      </c>
      <c r="DB16" s="97">
        <v>19</v>
      </c>
      <c r="DC16" s="97">
        <v>22</v>
      </c>
      <c r="DD16" s="97">
        <v>13</v>
      </c>
      <c r="DE16" s="97">
        <v>12</v>
      </c>
      <c r="DF16" s="97">
        <v>7</v>
      </c>
      <c r="DG16" s="99">
        <v>73</v>
      </c>
      <c r="DH16" s="100">
        <v>117</v>
      </c>
      <c r="DI16" s="107">
        <v>0</v>
      </c>
      <c r="DJ16" s="102">
        <v>0</v>
      </c>
      <c r="DK16" s="103">
        <v>0</v>
      </c>
      <c r="DL16" s="413">
        <v>0</v>
      </c>
      <c r="DM16" s="102">
        <v>0</v>
      </c>
      <c r="DN16" s="102">
        <v>0</v>
      </c>
      <c r="DO16" s="102">
        <v>1</v>
      </c>
      <c r="DP16" s="102">
        <v>0</v>
      </c>
      <c r="DQ16" s="102">
        <v>0</v>
      </c>
      <c r="DR16" s="103">
        <v>1</v>
      </c>
      <c r="DS16" s="104">
        <v>1</v>
      </c>
      <c r="DT16" s="101">
        <v>2</v>
      </c>
      <c r="DU16" s="102">
        <v>1</v>
      </c>
      <c r="DV16" s="103">
        <v>3</v>
      </c>
      <c r="DW16" s="413">
        <v>0</v>
      </c>
      <c r="DX16" s="102">
        <v>0</v>
      </c>
      <c r="DY16" s="102">
        <v>2</v>
      </c>
      <c r="DZ16" s="102">
        <v>0</v>
      </c>
      <c r="EA16" s="102">
        <v>0</v>
      </c>
      <c r="EB16" s="102">
        <v>0</v>
      </c>
      <c r="EC16" s="103">
        <v>2</v>
      </c>
      <c r="ED16" s="104">
        <v>5</v>
      </c>
      <c r="EE16" s="107">
        <v>2</v>
      </c>
      <c r="EF16" s="102">
        <v>3</v>
      </c>
      <c r="EG16" s="103">
        <v>5</v>
      </c>
      <c r="EH16" s="413">
        <v>0</v>
      </c>
      <c r="EI16" s="102">
        <v>1</v>
      </c>
      <c r="EJ16" s="102">
        <v>2</v>
      </c>
      <c r="EK16" s="102">
        <v>0</v>
      </c>
      <c r="EL16" s="102">
        <v>2</v>
      </c>
      <c r="EM16" s="102">
        <v>0</v>
      </c>
      <c r="EN16" s="103">
        <v>5</v>
      </c>
      <c r="EO16" s="104">
        <v>10</v>
      </c>
      <c r="EP16" s="101">
        <v>5</v>
      </c>
      <c r="EQ16" s="102">
        <v>3</v>
      </c>
      <c r="ER16" s="103">
        <v>8</v>
      </c>
      <c r="ES16" s="413">
        <v>0</v>
      </c>
      <c r="ET16" s="102">
        <v>4</v>
      </c>
      <c r="EU16" s="102">
        <v>3</v>
      </c>
      <c r="EV16" s="102">
        <v>1</v>
      </c>
      <c r="EW16" s="102">
        <v>0</v>
      </c>
      <c r="EX16" s="102">
        <v>0</v>
      </c>
      <c r="EY16" s="103">
        <v>8</v>
      </c>
      <c r="EZ16" s="104">
        <v>16</v>
      </c>
      <c r="FA16" s="107">
        <v>6</v>
      </c>
      <c r="FB16" s="102">
        <v>8</v>
      </c>
      <c r="FC16" s="103">
        <v>14</v>
      </c>
      <c r="FD16" s="413">
        <v>0</v>
      </c>
      <c r="FE16" s="102">
        <v>9</v>
      </c>
      <c r="FF16" s="102">
        <v>6</v>
      </c>
      <c r="FG16" s="102">
        <v>2</v>
      </c>
      <c r="FH16" s="102">
        <v>3</v>
      </c>
      <c r="FI16" s="102">
        <v>2</v>
      </c>
      <c r="FJ16" s="103">
        <v>22</v>
      </c>
      <c r="FK16" s="104">
        <v>36</v>
      </c>
      <c r="FL16" s="101">
        <v>10</v>
      </c>
      <c r="FM16" s="102">
        <v>4</v>
      </c>
      <c r="FN16" s="103">
        <v>14</v>
      </c>
      <c r="FO16" s="413">
        <v>0</v>
      </c>
      <c r="FP16" s="102">
        <v>5</v>
      </c>
      <c r="FQ16" s="102">
        <v>9</v>
      </c>
      <c r="FR16" s="102">
        <v>9</v>
      </c>
      <c r="FS16" s="102">
        <v>7</v>
      </c>
      <c r="FT16" s="102">
        <v>5</v>
      </c>
      <c r="FU16" s="103">
        <v>35</v>
      </c>
      <c r="FV16" s="104">
        <v>49</v>
      </c>
      <c r="FW16" s="101">
        <v>0</v>
      </c>
      <c r="FX16" s="102">
        <v>0</v>
      </c>
      <c r="FY16" s="103">
        <v>0</v>
      </c>
      <c r="FZ16" s="413">
        <v>0</v>
      </c>
      <c r="GA16" s="102">
        <v>0</v>
      </c>
      <c r="GB16" s="102">
        <v>0</v>
      </c>
      <c r="GC16" s="102">
        <v>0</v>
      </c>
      <c r="GD16" s="102">
        <v>0</v>
      </c>
      <c r="GE16" s="102">
        <v>0</v>
      </c>
      <c r="GF16" s="103">
        <v>0</v>
      </c>
      <c r="GG16" s="104">
        <v>0</v>
      </c>
      <c r="GH16" s="101">
        <v>25</v>
      </c>
      <c r="GI16" s="102">
        <v>19</v>
      </c>
      <c r="GJ16" s="103">
        <v>44</v>
      </c>
      <c r="GK16" s="413">
        <v>0</v>
      </c>
      <c r="GL16" s="102">
        <v>19</v>
      </c>
      <c r="GM16" s="102">
        <v>22</v>
      </c>
      <c r="GN16" s="102">
        <v>13</v>
      </c>
      <c r="GO16" s="102">
        <v>12</v>
      </c>
      <c r="GP16" s="102">
        <v>7</v>
      </c>
      <c r="GQ16" s="103">
        <v>73</v>
      </c>
      <c r="GR16" s="104">
        <v>117</v>
      </c>
      <c r="GS16" s="105">
        <v>201</v>
      </c>
      <c r="GT16" s="97">
        <v>181</v>
      </c>
      <c r="GU16" s="98">
        <v>382</v>
      </c>
      <c r="GV16" s="413">
        <v>0</v>
      </c>
      <c r="GW16" s="97">
        <v>179</v>
      </c>
      <c r="GX16" s="97">
        <v>175</v>
      </c>
      <c r="GY16" s="97">
        <v>99</v>
      </c>
      <c r="GZ16" s="97">
        <v>101</v>
      </c>
      <c r="HA16" s="97">
        <v>41</v>
      </c>
      <c r="HB16" s="99">
        <v>595</v>
      </c>
      <c r="HC16" s="100">
        <v>977</v>
      </c>
      <c r="HD16" s="107">
        <v>6</v>
      </c>
      <c r="HE16" s="102">
        <v>1</v>
      </c>
      <c r="HF16" s="103">
        <v>7</v>
      </c>
      <c r="HG16" s="413">
        <v>0</v>
      </c>
      <c r="HH16" s="102">
        <v>0</v>
      </c>
      <c r="HI16" s="102">
        <v>5</v>
      </c>
      <c r="HJ16" s="102">
        <v>1</v>
      </c>
      <c r="HK16" s="102">
        <v>2</v>
      </c>
      <c r="HL16" s="102">
        <v>1</v>
      </c>
      <c r="HM16" s="103">
        <v>9</v>
      </c>
      <c r="HN16" s="104">
        <v>16</v>
      </c>
      <c r="HO16" s="101">
        <v>15</v>
      </c>
      <c r="HP16" s="102">
        <v>9</v>
      </c>
      <c r="HQ16" s="103">
        <v>24</v>
      </c>
      <c r="HR16" s="413">
        <v>0</v>
      </c>
      <c r="HS16" s="102">
        <v>2</v>
      </c>
      <c r="HT16" s="102">
        <v>7</v>
      </c>
      <c r="HU16" s="102">
        <v>4</v>
      </c>
      <c r="HV16" s="102">
        <v>1</v>
      </c>
      <c r="HW16" s="102">
        <v>0</v>
      </c>
      <c r="HX16" s="103">
        <v>14</v>
      </c>
      <c r="HY16" s="104">
        <v>38</v>
      </c>
      <c r="HZ16" s="107">
        <v>11</v>
      </c>
      <c r="IA16" s="102">
        <v>17</v>
      </c>
      <c r="IB16" s="103">
        <v>28</v>
      </c>
      <c r="IC16" s="413">
        <v>0</v>
      </c>
      <c r="ID16" s="102">
        <v>14</v>
      </c>
      <c r="IE16" s="102">
        <v>14</v>
      </c>
      <c r="IF16" s="102">
        <v>9</v>
      </c>
      <c r="IG16" s="102">
        <v>11</v>
      </c>
      <c r="IH16" s="102">
        <v>3</v>
      </c>
      <c r="II16" s="103">
        <v>51</v>
      </c>
      <c r="IJ16" s="104">
        <v>79</v>
      </c>
      <c r="IK16" s="101">
        <v>40</v>
      </c>
      <c r="IL16" s="102">
        <v>32</v>
      </c>
      <c r="IM16" s="103">
        <v>72</v>
      </c>
      <c r="IN16" s="413">
        <v>0</v>
      </c>
      <c r="IO16" s="102">
        <v>31</v>
      </c>
      <c r="IP16" s="102">
        <v>33</v>
      </c>
      <c r="IQ16" s="102">
        <v>21</v>
      </c>
      <c r="IR16" s="102">
        <v>13</v>
      </c>
      <c r="IS16" s="102">
        <v>9</v>
      </c>
      <c r="IT16" s="103">
        <v>107</v>
      </c>
      <c r="IU16" s="104">
        <v>179</v>
      </c>
      <c r="IV16" s="107">
        <v>72</v>
      </c>
      <c r="IW16" s="102">
        <v>63</v>
      </c>
      <c r="IX16" s="103">
        <v>135</v>
      </c>
      <c r="IY16" s="413">
        <v>0</v>
      </c>
      <c r="IZ16" s="102">
        <v>70</v>
      </c>
      <c r="JA16" s="102">
        <v>44</v>
      </c>
      <c r="JB16" s="102">
        <v>22</v>
      </c>
      <c r="JC16" s="102">
        <v>24</v>
      </c>
      <c r="JD16" s="102">
        <v>11</v>
      </c>
      <c r="JE16" s="103">
        <v>171</v>
      </c>
      <c r="JF16" s="104">
        <v>306</v>
      </c>
      <c r="JG16" s="101">
        <v>57</v>
      </c>
      <c r="JH16" s="102">
        <v>59</v>
      </c>
      <c r="JI16" s="103">
        <v>116</v>
      </c>
      <c r="JJ16" s="413">
        <v>0</v>
      </c>
      <c r="JK16" s="102">
        <v>62</v>
      </c>
      <c r="JL16" s="102">
        <v>72</v>
      </c>
      <c r="JM16" s="102">
        <v>42</v>
      </c>
      <c r="JN16" s="102">
        <v>50</v>
      </c>
      <c r="JO16" s="102">
        <v>17</v>
      </c>
      <c r="JP16" s="103">
        <v>243</v>
      </c>
      <c r="JQ16" s="104">
        <v>359</v>
      </c>
      <c r="JR16" s="101">
        <v>0</v>
      </c>
      <c r="JS16" s="102">
        <v>0</v>
      </c>
      <c r="JT16" s="103">
        <v>0</v>
      </c>
      <c r="JU16" s="413">
        <v>0</v>
      </c>
      <c r="JV16" s="102">
        <v>0</v>
      </c>
      <c r="JW16" s="102">
        <v>0</v>
      </c>
      <c r="JX16" s="102">
        <v>0</v>
      </c>
      <c r="JY16" s="102">
        <v>0</v>
      </c>
      <c r="JZ16" s="102">
        <v>0</v>
      </c>
      <c r="KA16" s="103">
        <v>0</v>
      </c>
      <c r="KB16" s="104">
        <v>0</v>
      </c>
      <c r="KC16" s="101">
        <v>201</v>
      </c>
      <c r="KD16" s="102">
        <v>181</v>
      </c>
      <c r="KE16" s="103">
        <v>382</v>
      </c>
      <c r="KF16" s="413">
        <v>0</v>
      </c>
      <c r="KG16" s="102">
        <v>179</v>
      </c>
      <c r="KH16" s="102">
        <v>175</v>
      </c>
      <c r="KI16" s="102">
        <v>99</v>
      </c>
      <c r="KJ16" s="102">
        <v>101</v>
      </c>
      <c r="KK16" s="102">
        <v>41</v>
      </c>
      <c r="KL16" s="103">
        <v>595</v>
      </c>
      <c r="KM16" s="104">
        <v>977</v>
      </c>
    </row>
    <row r="17" spans="2:299" s="70" customFormat="1" ht="21" customHeight="1" x14ac:dyDescent="0.2">
      <c r="B17" s="106" t="s">
        <v>13</v>
      </c>
      <c r="C17" s="96">
        <v>48</v>
      </c>
      <c r="D17" s="97">
        <v>41</v>
      </c>
      <c r="E17" s="98">
        <v>89</v>
      </c>
      <c r="F17" s="413">
        <v>0</v>
      </c>
      <c r="G17" s="97">
        <v>73</v>
      </c>
      <c r="H17" s="97">
        <v>77</v>
      </c>
      <c r="I17" s="97">
        <v>37</v>
      </c>
      <c r="J17" s="97">
        <v>38</v>
      </c>
      <c r="K17" s="97">
        <v>25</v>
      </c>
      <c r="L17" s="99">
        <v>250</v>
      </c>
      <c r="M17" s="100">
        <v>339</v>
      </c>
      <c r="N17" s="101">
        <v>0</v>
      </c>
      <c r="O17" s="102">
        <v>0</v>
      </c>
      <c r="P17" s="103">
        <v>0</v>
      </c>
      <c r="Q17" s="413">
        <v>0</v>
      </c>
      <c r="R17" s="102">
        <v>3</v>
      </c>
      <c r="S17" s="102">
        <v>0</v>
      </c>
      <c r="T17" s="102">
        <v>0</v>
      </c>
      <c r="U17" s="102">
        <v>0</v>
      </c>
      <c r="V17" s="102">
        <v>0</v>
      </c>
      <c r="W17" s="103">
        <v>3</v>
      </c>
      <c r="X17" s="104">
        <v>3</v>
      </c>
      <c r="Y17" s="101">
        <v>1</v>
      </c>
      <c r="Z17" s="102">
        <v>0</v>
      </c>
      <c r="AA17" s="103">
        <v>1</v>
      </c>
      <c r="AB17" s="413">
        <v>0</v>
      </c>
      <c r="AC17" s="102">
        <v>1</v>
      </c>
      <c r="AD17" s="102">
        <v>0</v>
      </c>
      <c r="AE17" s="102">
        <v>1</v>
      </c>
      <c r="AF17" s="102">
        <v>1</v>
      </c>
      <c r="AG17" s="102">
        <v>1</v>
      </c>
      <c r="AH17" s="103">
        <v>4</v>
      </c>
      <c r="AI17" s="104">
        <v>5</v>
      </c>
      <c r="AJ17" s="101">
        <v>3</v>
      </c>
      <c r="AK17" s="102">
        <v>1</v>
      </c>
      <c r="AL17" s="103">
        <v>4</v>
      </c>
      <c r="AM17" s="413">
        <v>0</v>
      </c>
      <c r="AN17" s="102">
        <v>5</v>
      </c>
      <c r="AO17" s="102">
        <v>5</v>
      </c>
      <c r="AP17" s="102">
        <v>3</v>
      </c>
      <c r="AQ17" s="102">
        <v>0</v>
      </c>
      <c r="AR17" s="102">
        <v>1</v>
      </c>
      <c r="AS17" s="103">
        <v>14</v>
      </c>
      <c r="AT17" s="104">
        <v>18</v>
      </c>
      <c r="AU17" s="101">
        <v>9</v>
      </c>
      <c r="AV17" s="102">
        <v>8</v>
      </c>
      <c r="AW17" s="103">
        <v>17</v>
      </c>
      <c r="AX17" s="413">
        <v>0</v>
      </c>
      <c r="AY17" s="102">
        <v>10</v>
      </c>
      <c r="AZ17" s="102">
        <v>10</v>
      </c>
      <c r="BA17" s="102">
        <v>7</v>
      </c>
      <c r="BB17" s="102">
        <v>9</v>
      </c>
      <c r="BC17" s="102">
        <v>5</v>
      </c>
      <c r="BD17" s="103">
        <v>41</v>
      </c>
      <c r="BE17" s="104">
        <v>58</v>
      </c>
      <c r="BF17" s="101">
        <v>17</v>
      </c>
      <c r="BG17" s="102">
        <v>15</v>
      </c>
      <c r="BH17" s="103">
        <v>32</v>
      </c>
      <c r="BI17" s="413">
        <v>0</v>
      </c>
      <c r="BJ17" s="102">
        <v>26</v>
      </c>
      <c r="BK17" s="102">
        <v>25</v>
      </c>
      <c r="BL17" s="102">
        <v>9</v>
      </c>
      <c r="BM17" s="102">
        <v>13</v>
      </c>
      <c r="BN17" s="102">
        <v>5</v>
      </c>
      <c r="BO17" s="103">
        <v>78</v>
      </c>
      <c r="BP17" s="104">
        <v>110</v>
      </c>
      <c r="BQ17" s="101">
        <v>18</v>
      </c>
      <c r="BR17" s="102">
        <v>17</v>
      </c>
      <c r="BS17" s="103">
        <v>35</v>
      </c>
      <c r="BT17" s="413">
        <v>0</v>
      </c>
      <c r="BU17" s="102">
        <v>28</v>
      </c>
      <c r="BV17" s="102">
        <v>37</v>
      </c>
      <c r="BW17" s="102">
        <v>17</v>
      </c>
      <c r="BX17" s="102">
        <v>15</v>
      </c>
      <c r="BY17" s="102">
        <v>13</v>
      </c>
      <c r="BZ17" s="103">
        <v>110</v>
      </c>
      <c r="CA17" s="104">
        <v>145</v>
      </c>
      <c r="CB17" s="101">
        <v>0</v>
      </c>
      <c r="CC17" s="102">
        <v>0</v>
      </c>
      <c r="CD17" s="103">
        <v>0</v>
      </c>
      <c r="CE17" s="413">
        <v>0</v>
      </c>
      <c r="CF17" s="102">
        <v>0</v>
      </c>
      <c r="CG17" s="102">
        <v>0</v>
      </c>
      <c r="CH17" s="102">
        <v>0</v>
      </c>
      <c r="CI17" s="102">
        <v>0</v>
      </c>
      <c r="CJ17" s="102">
        <v>0</v>
      </c>
      <c r="CK17" s="103">
        <v>0</v>
      </c>
      <c r="CL17" s="104">
        <v>0</v>
      </c>
      <c r="CM17" s="101">
        <v>48</v>
      </c>
      <c r="CN17" s="102">
        <v>41</v>
      </c>
      <c r="CO17" s="103">
        <v>89</v>
      </c>
      <c r="CP17" s="413">
        <v>0</v>
      </c>
      <c r="CQ17" s="102">
        <v>73</v>
      </c>
      <c r="CR17" s="102">
        <v>77</v>
      </c>
      <c r="CS17" s="102">
        <v>37</v>
      </c>
      <c r="CT17" s="102">
        <v>38</v>
      </c>
      <c r="CU17" s="102">
        <v>25</v>
      </c>
      <c r="CV17" s="103">
        <v>250</v>
      </c>
      <c r="CW17" s="104">
        <v>339</v>
      </c>
      <c r="CX17" s="105">
        <v>7</v>
      </c>
      <c r="CY17" s="97">
        <v>6</v>
      </c>
      <c r="CZ17" s="98">
        <v>13</v>
      </c>
      <c r="DA17" s="413">
        <v>0</v>
      </c>
      <c r="DB17" s="97">
        <v>16</v>
      </c>
      <c r="DC17" s="97">
        <v>10</v>
      </c>
      <c r="DD17" s="97">
        <v>4</v>
      </c>
      <c r="DE17" s="97">
        <v>11</v>
      </c>
      <c r="DF17" s="97">
        <v>3</v>
      </c>
      <c r="DG17" s="99">
        <v>44</v>
      </c>
      <c r="DH17" s="100">
        <v>57</v>
      </c>
      <c r="DI17" s="101">
        <v>0</v>
      </c>
      <c r="DJ17" s="102">
        <v>0</v>
      </c>
      <c r="DK17" s="103">
        <v>0</v>
      </c>
      <c r="DL17" s="413">
        <v>0</v>
      </c>
      <c r="DM17" s="102">
        <v>0</v>
      </c>
      <c r="DN17" s="102">
        <v>0</v>
      </c>
      <c r="DO17" s="102">
        <v>0</v>
      </c>
      <c r="DP17" s="102">
        <v>0</v>
      </c>
      <c r="DQ17" s="102">
        <v>0</v>
      </c>
      <c r="DR17" s="103">
        <v>0</v>
      </c>
      <c r="DS17" s="104">
        <v>0</v>
      </c>
      <c r="DT17" s="101">
        <v>1</v>
      </c>
      <c r="DU17" s="102">
        <v>0</v>
      </c>
      <c r="DV17" s="103">
        <v>1</v>
      </c>
      <c r="DW17" s="413">
        <v>0</v>
      </c>
      <c r="DX17" s="102">
        <v>0</v>
      </c>
      <c r="DY17" s="102">
        <v>0</v>
      </c>
      <c r="DZ17" s="102">
        <v>0</v>
      </c>
      <c r="EA17" s="102">
        <v>0</v>
      </c>
      <c r="EB17" s="102">
        <v>0</v>
      </c>
      <c r="EC17" s="103">
        <v>0</v>
      </c>
      <c r="ED17" s="104">
        <v>1</v>
      </c>
      <c r="EE17" s="101">
        <v>0</v>
      </c>
      <c r="EF17" s="102">
        <v>1</v>
      </c>
      <c r="EG17" s="103">
        <v>1</v>
      </c>
      <c r="EH17" s="413">
        <v>0</v>
      </c>
      <c r="EI17" s="102">
        <v>3</v>
      </c>
      <c r="EJ17" s="102">
        <v>0</v>
      </c>
      <c r="EK17" s="102">
        <v>0</v>
      </c>
      <c r="EL17" s="102">
        <v>0</v>
      </c>
      <c r="EM17" s="102">
        <v>0</v>
      </c>
      <c r="EN17" s="103">
        <v>3</v>
      </c>
      <c r="EO17" s="104">
        <v>4</v>
      </c>
      <c r="EP17" s="101">
        <v>1</v>
      </c>
      <c r="EQ17" s="102">
        <v>2</v>
      </c>
      <c r="ER17" s="103">
        <v>3</v>
      </c>
      <c r="ES17" s="413">
        <v>0</v>
      </c>
      <c r="ET17" s="102">
        <v>1</v>
      </c>
      <c r="EU17" s="102">
        <v>3</v>
      </c>
      <c r="EV17" s="102">
        <v>2</v>
      </c>
      <c r="EW17" s="102">
        <v>2</v>
      </c>
      <c r="EX17" s="102">
        <v>1</v>
      </c>
      <c r="EY17" s="103">
        <v>9</v>
      </c>
      <c r="EZ17" s="104">
        <v>12</v>
      </c>
      <c r="FA17" s="101">
        <v>4</v>
      </c>
      <c r="FB17" s="102">
        <v>3</v>
      </c>
      <c r="FC17" s="103">
        <v>7</v>
      </c>
      <c r="FD17" s="413">
        <v>0</v>
      </c>
      <c r="FE17" s="102">
        <v>4</v>
      </c>
      <c r="FF17" s="102">
        <v>3</v>
      </c>
      <c r="FG17" s="102">
        <v>0</v>
      </c>
      <c r="FH17" s="102">
        <v>2</v>
      </c>
      <c r="FI17" s="102">
        <v>0</v>
      </c>
      <c r="FJ17" s="103">
        <v>9</v>
      </c>
      <c r="FK17" s="104">
        <v>16</v>
      </c>
      <c r="FL17" s="101">
        <v>1</v>
      </c>
      <c r="FM17" s="102">
        <v>0</v>
      </c>
      <c r="FN17" s="103">
        <v>1</v>
      </c>
      <c r="FO17" s="413">
        <v>0</v>
      </c>
      <c r="FP17" s="102">
        <v>8</v>
      </c>
      <c r="FQ17" s="102">
        <v>4</v>
      </c>
      <c r="FR17" s="102">
        <v>2</v>
      </c>
      <c r="FS17" s="102">
        <v>7</v>
      </c>
      <c r="FT17" s="102">
        <v>2</v>
      </c>
      <c r="FU17" s="103">
        <v>23</v>
      </c>
      <c r="FV17" s="104">
        <v>24</v>
      </c>
      <c r="FW17" s="101">
        <v>0</v>
      </c>
      <c r="FX17" s="102">
        <v>0</v>
      </c>
      <c r="FY17" s="103">
        <v>0</v>
      </c>
      <c r="FZ17" s="413">
        <v>0</v>
      </c>
      <c r="GA17" s="102">
        <v>0</v>
      </c>
      <c r="GB17" s="102">
        <v>0</v>
      </c>
      <c r="GC17" s="102">
        <v>0</v>
      </c>
      <c r="GD17" s="102">
        <v>0</v>
      </c>
      <c r="GE17" s="102">
        <v>0</v>
      </c>
      <c r="GF17" s="103">
        <v>0</v>
      </c>
      <c r="GG17" s="104">
        <v>0</v>
      </c>
      <c r="GH17" s="101">
        <v>7</v>
      </c>
      <c r="GI17" s="102">
        <v>6</v>
      </c>
      <c r="GJ17" s="103">
        <v>13</v>
      </c>
      <c r="GK17" s="413">
        <v>0</v>
      </c>
      <c r="GL17" s="102">
        <v>16</v>
      </c>
      <c r="GM17" s="102">
        <v>10</v>
      </c>
      <c r="GN17" s="102">
        <v>4</v>
      </c>
      <c r="GO17" s="102">
        <v>11</v>
      </c>
      <c r="GP17" s="102">
        <v>3</v>
      </c>
      <c r="GQ17" s="103">
        <v>44</v>
      </c>
      <c r="GR17" s="104">
        <v>57</v>
      </c>
      <c r="GS17" s="105">
        <v>55</v>
      </c>
      <c r="GT17" s="97">
        <v>47</v>
      </c>
      <c r="GU17" s="98">
        <v>102</v>
      </c>
      <c r="GV17" s="413">
        <v>0</v>
      </c>
      <c r="GW17" s="97">
        <v>89</v>
      </c>
      <c r="GX17" s="97">
        <v>87</v>
      </c>
      <c r="GY17" s="97">
        <v>41</v>
      </c>
      <c r="GZ17" s="97">
        <v>49</v>
      </c>
      <c r="HA17" s="97">
        <v>28</v>
      </c>
      <c r="HB17" s="99">
        <v>294</v>
      </c>
      <c r="HC17" s="100">
        <v>396</v>
      </c>
      <c r="HD17" s="101">
        <v>0</v>
      </c>
      <c r="HE17" s="102">
        <v>0</v>
      </c>
      <c r="HF17" s="103">
        <v>0</v>
      </c>
      <c r="HG17" s="413">
        <v>0</v>
      </c>
      <c r="HH17" s="102">
        <v>3</v>
      </c>
      <c r="HI17" s="102">
        <v>0</v>
      </c>
      <c r="HJ17" s="102">
        <v>0</v>
      </c>
      <c r="HK17" s="102">
        <v>0</v>
      </c>
      <c r="HL17" s="102">
        <v>0</v>
      </c>
      <c r="HM17" s="103">
        <v>3</v>
      </c>
      <c r="HN17" s="104">
        <v>3</v>
      </c>
      <c r="HO17" s="101">
        <v>2</v>
      </c>
      <c r="HP17" s="102">
        <v>0</v>
      </c>
      <c r="HQ17" s="103">
        <v>2</v>
      </c>
      <c r="HR17" s="413">
        <v>0</v>
      </c>
      <c r="HS17" s="102">
        <v>1</v>
      </c>
      <c r="HT17" s="102">
        <v>0</v>
      </c>
      <c r="HU17" s="102">
        <v>1</v>
      </c>
      <c r="HV17" s="102">
        <v>1</v>
      </c>
      <c r="HW17" s="102">
        <v>1</v>
      </c>
      <c r="HX17" s="103">
        <v>4</v>
      </c>
      <c r="HY17" s="104">
        <v>6</v>
      </c>
      <c r="HZ17" s="101">
        <v>3</v>
      </c>
      <c r="IA17" s="102">
        <v>2</v>
      </c>
      <c r="IB17" s="103">
        <v>5</v>
      </c>
      <c r="IC17" s="413">
        <v>0</v>
      </c>
      <c r="ID17" s="102">
        <v>8</v>
      </c>
      <c r="IE17" s="102">
        <v>5</v>
      </c>
      <c r="IF17" s="102">
        <v>3</v>
      </c>
      <c r="IG17" s="102">
        <v>0</v>
      </c>
      <c r="IH17" s="102">
        <v>1</v>
      </c>
      <c r="II17" s="103">
        <v>17</v>
      </c>
      <c r="IJ17" s="104">
        <v>22</v>
      </c>
      <c r="IK17" s="101">
        <v>10</v>
      </c>
      <c r="IL17" s="102">
        <v>10</v>
      </c>
      <c r="IM17" s="103">
        <v>20</v>
      </c>
      <c r="IN17" s="413">
        <v>0</v>
      </c>
      <c r="IO17" s="102">
        <v>11</v>
      </c>
      <c r="IP17" s="102">
        <v>13</v>
      </c>
      <c r="IQ17" s="102">
        <v>9</v>
      </c>
      <c r="IR17" s="102">
        <v>11</v>
      </c>
      <c r="IS17" s="102">
        <v>6</v>
      </c>
      <c r="IT17" s="103">
        <v>50</v>
      </c>
      <c r="IU17" s="104">
        <v>70</v>
      </c>
      <c r="IV17" s="101">
        <v>21</v>
      </c>
      <c r="IW17" s="102">
        <v>18</v>
      </c>
      <c r="IX17" s="103">
        <v>39</v>
      </c>
      <c r="IY17" s="413">
        <v>0</v>
      </c>
      <c r="IZ17" s="102">
        <v>30</v>
      </c>
      <c r="JA17" s="102">
        <v>28</v>
      </c>
      <c r="JB17" s="102">
        <v>9</v>
      </c>
      <c r="JC17" s="102">
        <v>15</v>
      </c>
      <c r="JD17" s="102">
        <v>5</v>
      </c>
      <c r="JE17" s="103">
        <v>87</v>
      </c>
      <c r="JF17" s="104">
        <v>126</v>
      </c>
      <c r="JG17" s="101">
        <v>19</v>
      </c>
      <c r="JH17" s="102">
        <v>17</v>
      </c>
      <c r="JI17" s="103">
        <v>36</v>
      </c>
      <c r="JJ17" s="413">
        <v>0</v>
      </c>
      <c r="JK17" s="102">
        <v>36</v>
      </c>
      <c r="JL17" s="102">
        <v>41</v>
      </c>
      <c r="JM17" s="102">
        <v>19</v>
      </c>
      <c r="JN17" s="102">
        <v>22</v>
      </c>
      <c r="JO17" s="102">
        <v>15</v>
      </c>
      <c r="JP17" s="103">
        <v>133</v>
      </c>
      <c r="JQ17" s="104">
        <v>169</v>
      </c>
      <c r="JR17" s="101">
        <v>0</v>
      </c>
      <c r="JS17" s="102">
        <v>0</v>
      </c>
      <c r="JT17" s="103">
        <v>0</v>
      </c>
      <c r="JU17" s="413">
        <v>0</v>
      </c>
      <c r="JV17" s="102">
        <v>0</v>
      </c>
      <c r="JW17" s="102">
        <v>0</v>
      </c>
      <c r="JX17" s="102">
        <v>0</v>
      </c>
      <c r="JY17" s="102">
        <v>0</v>
      </c>
      <c r="JZ17" s="102">
        <v>0</v>
      </c>
      <c r="KA17" s="103">
        <v>0</v>
      </c>
      <c r="KB17" s="104">
        <v>0</v>
      </c>
      <c r="KC17" s="101">
        <v>55</v>
      </c>
      <c r="KD17" s="102">
        <v>47</v>
      </c>
      <c r="KE17" s="103">
        <v>102</v>
      </c>
      <c r="KF17" s="413">
        <v>0</v>
      </c>
      <c r="KG17" s="102">
        <v>89</v>
      </c>
      <c r="KH17" s="102">
        <v>87</v>
      </c>
      <c r="KI17" s="102">
        <v>41</v>
      </c>
      <c r="KJ17" s="102">
        <v>49</v>
      </c>
      <c r="KK17" s="102">
        <v>28</v>
      </c>
      <c r="KL17" s="103">
        <v>294</v>
      </c>
      <c r="KM17" s="104">
        <v>396</v>
      </c>
    </row>
    <row r="18" spans="2:299" s="70" customFormat="1" ht="21" customHeight="1" x14ac:dyDescent="0.2">
      <c r="B18" s="106" t="s">
        <v>15</v>
      </c>
      <c r="C18" s="96">
        <v>16</v>
      </c>
      <c r="D18" s="97">
        <v>21</v>
      </c>
      <c r="E18" s="98">
        <v>37</v>
      </c>
      <c r="F18" s="413">
        <v>0</v>
      </c>
      <c r="G18" s="97">
        <v>42</v>
      </c>
      <c r="H18" s="97">
        <v>30</v>
      </c>
      <c r="I18" s="97">
        <v>18</v>
      </c>
      <c r="J18" s="97">
        <v>26</v>
      </c>
      <c r="K18" s="97">
        <v>6</v>
      </c>
      <c r="L18" s="99">
        <v>122</v>
      </c>
      <c r="M18" s="100">
        <v>159</v>
      </c>
      <c r="N18" s="101">
        <v>0</v>
      </c>
      <c r="O18" s="102">
        <v>0</v>
      </c>
      <c r="P18" s="103">
        <v>0</v>
      </c>
      <c r="Q18" s="413">
        <v>0</v>
      </c>
      <c r="R18" s="102">
        <v>1</v>
      </c>
      <c r="S18" s="102">
        <v>0</v>
      </c>
      <c r="T18" s="102">
        <v>0</v>
      </c>
      <c r="U18" s="102">
        <v>0</v>
      </c>
      <c r="V18" s="102">
        <v>0</v>
      </c>
      <c r="W18" s="103">
        <v>1</v>
      </c>
      <c r="X18" s="104">
        <v>1</v>
      </c>
      <c r="Y18" s="101">
        <v>0</v>
      </c>
      <c r="Z18" s="102">
        <v>2</v>
      </c>
      <c r="AA18" s="103">
        <v>2</v>
      </c>
      <c r="AB18" s="413">
        <v>0</v>
      </c>
      <c r="AC18" s="102">
        <v>3</v>
      </c>
      <c r="AD18" s="102">
        <v>0</v>
      </c>
      <c r="AE18" s="102">
        <v>1</v>
      </c>
      <c r="AF18" s="102">
        <v>2</v>
      </c>
      <c r="AG18" s="102">
        <v>1</v>
      </c>
      <c r="AH18" s="103">
        <v>7</v>
      </c>
      <c r="AI18" s="104">
        <v>9</v>
      </c>
      <c r="AJ18" s="101">
        <v>4</v>
      </c>
      <c r="AK18" s="102">
        <v>2</v>
      </c>
      <c r="AL18" s="103">
        <v>6</v>
      </c>
      <c r="AM18" s="413">
        <v>0</v>
      </c>
      <c r="AN18" s="102">
        <v>5</v>
      </c>
      <c r="AO18" s="102">
        <v>7</v>
      </c>
      <c r="AP18" s="102">
        <v>2</v>
      </c>
      <c r="AQ18" s="102">
        <v>4</v>
      </c>
      <c r="AR18" s="102">
        <v>1</v>
      </c>
      <c r="AS18" s="103">
        <v>19</v>
      </c>
      <c r="AT18" s="104">
        <v>25</v>
      </c>
      <c r="AU18" s="101">
        <v>4</v>
      </c>
      <c r="AV18" s="102">
        <v>3</v>
      </c>
      <c r="AW18" s="103">
        <v>7</v>
      </c>
      <c r="AX18" s="413">
        <v>0</v>
      </c>
      <c r="AY18" s="102">
        <v>15</v>
      </c>
      <c r="AZ18" s="102">
        <v>4</v>
      </c>
      <c r="BA18" s="102">
        <v>2</v>
      </c>
      <c r="BB18" s="102">
        <v>2</v>
      </c>
      <c r="BC18" s="102">
        <v>1</v>
      </c>
      <c r="BD18" s="103">
        <v>24</v>
      </c>
      <c r="BE18" s="104">
        <v>31</v>
      </c>
      <c r="BF18" s="101">
        <v>4</v>
      </c>
      <c r="BG18" s="102">
        <v>7</v>
      </c>
      <c r="BH18" s="103">
        <v>11</v>
      </c>
      <c r="BI18" s="413">
        <v>0</v>
      </c>
      <c r="BJ18" s="102">
        <v>8</v>
      </c>
      <c r="BK18" s="102">
        <v>6</v>
      </c>
      <c r="BL18" s="102">
        <v>6</v>
      </c>
      <c r="BM18" s="102">
        <v>7</v>
      </c>
      <c r="BN18" s="102">
        <v>1</v>
      </c>
      <c r="BO18" s="103">
        <v>28</v>
      </c>
      <c r="BP18" s="104">
        <v>39</v>
      </c>
      <c r="BQ18" s="101">
        <v>4</v>
      </c>
      <c r="BR18" s="102">
        <v>7</v>
      </c>
      <c r="BS18" s="103">
        <v>11</v>
      </c>
      <c r="BT18" s="413">
        <v>0</v>
      </c>
      <c r="BU18" s="102">
        <v>10</v>
      </c>
      <c r="BV18" s="102">
        <v>13</v>
      </c>
      <c r="BW18" s="102">
        <v>7</v>
      </c>
      <c r="BX18" s="102">
        <v>11</v>
      </c>
      <c r="BY18" s="102">
        <v>2</v>
      </c>
      <c r="BZ18" s="103">
        <v>43</v>
      </c>
      <c r="CA18" s="104">
        <v>54</v>
      </c>
      <c r="CB18" s="101">
        <v>0</v>
      </c>
      <c r="CC18" s="102">
        <v>0</v>
      </c>
      <c r="CD18" s="103">
        <v>0</v>
      </c>
      <c r="CE18" s="413">
        <v>0</v>
      </c>
      <c r="CF18" s="102">
        <v>0</v>
      </c>
      <c r="CG18" s="102">
        <v>0</v>
      </c>
      <c r="CH18" s="102">
        <v>0</v>
      </c>
      <c r="CI18" s="102">
        <v>0</v>
      </c>
      <c r="CJ18" s="102">
        <v>0</v>
      </c>
      <c r="CK18" s="103">
        <v>0</v>
      </c>
      <c r="CL18" s="104">
        <v>0</v>
      </c>
      <c r="CM18" s="101">
        <v>16</v>
      </c>
      <c r="CN18" s="102">
        <v>21</v>
      </c>
      <c r="CO18" s="103">
        <v>37</v>
      </c>
      <c r="CP18" s="413">
        <v>0</v>
      </c>
      <c r="CQ18" s="102">
        <v>42</v>
      </c>
      <c r="CR18" s="102">
        <v>30</v>
      </c>
      <c r="CS18" s="102">
        <v>18</v>
      </c>
      <c r="CT18" s="102">
        <v>26</v>
      </c>
      <c r="CU18" s="102">
        <v>6</v>
      </c>
      <c r="CV18" s="103">
        <v>122</v>
      </c>
      <c r="CW18" s="104">
        <v>159</v>
      </c>
      <c r="CX18" s="105">
        <v>2</v>
      </c>
      <c r="CY18" s="97">
        <v>9</v>
      </c>
      <c r="CZ18" s="98">
        <v>11</v>
      </c>
      <c r="DA18" s="413">
        <v>0</v>
      </c>
      <c r="DB18" s="97">
        <v>7</v>
      </c>
      <c r="DC18" s="97">
        <v>8</v>
      </c>
      <c r="DD18" s="97">
        <v>2</v>
      </c>
      <c r="DE18" s="97">
        <v>2</v>
      </c>
      <c r="DF18" s="97">
        <v>3</v>
      </c>
      <c r="DG18" s="99">
        <v>22</v>
      </c>
      <c r="DH18" s="100">
        <v>33</v>
      </c>
      <c r="DI18" s="101">
        <v>0</v>
      </c>
      <c r="DJ18" s="102">
        <v>1</v>
      </c>
      <c r="DK18" s="103">
        <v>1</v>
      </c>
      <c r="DL18" s="413">
        <v>0</v>
      </c>
      <c r="DM18" s="102">
        <v>1</v>
      </c>
      <c r="DN18" s="102">
        <v>0</v>
      </c>
      <c r="DO18" s="102">
        <v>0</v>
      </c>
      <c r="DP18" s="102">
        <v>0</v>
      </c>
      <c r="DQ18" s="102">
        <v>0</v>
      </c>
      <c r="DR18" s="103">
        <v>1</v>
      </c>
      <c r="DS18" s="104">
        <v>2</v>
      </c>
      <c r="DT18" s="101">
        <v>0</v>
      </c>
      <c r="DU18" s="102">
        <v>0</v>
      </c>
      <c r="DV18" s="103">
        <v>0</v>
      </c>
      <c r="DW18" s="413">
        <v>0</v>
      </c>
      <c r="DX18" s="102">
        <v>1</v>
      </c>
      <c r="DY18" s="102">
        <v>0</v>
      </c>
      <c r="DZ18" s="102">
        <v>0</v>
      </c>
      <c r="EA18" s="102">
        <v>0</v>
      </c>
      <c r="EB18" s="102">
        <v>0</v>
      </c>
      <c r="EC18" s="103">
        <v>1</v>
      </c>
      <c r="ED18" s="104">
        <v>1</v>
      </c>
      <c r="EE18" s="101">
        <v>1</v>
      </c>
      <c r="EF18" s="102">
        <v>2</v>
      </c>
      <c r="EG18" s="103">
        <v>3</v>
      </c>
      <c r="EH18" s="413">
        <v>0</v>
      </c>
      <c r="EI18" s="102">
        <v>0</v>
      </c>
      <c r="EJ18" s="102">
        <v>0</v>
      </c>
      <c r="EK18" s="102">
        <v>0</v>
      </c>
      <c r="EL18" s="102">
        <v>0</v>
      </c>
      <c r="EM18" s="102">
        <v>1</v>
      </c>
      <c r="EN18" s="103">
        <v>1</v>
      </c>
      <c r="EO18" s="104">
        <v>4</v>
      </c>
      <c r="EP18" s="101">
        <v>1</v>
      </c>
      <c r="EQ18" s="102">
        <v>3</v>
      </c>
      <c r="ER18" s="103">
        <v>4</v>
      </c>
      <c r="ES18" s="413">
        <v>0</v>
      </c>
      <c r="ET18" s="102">
        <v>1</v>
      </c>
      <c r="EU18" s="102">
        <v>1</v>
      </c>
      <c r="EV18" s="102">
        <v>0</v>
      </c>
      <c r="EW18" s="102">
        <v>0</v>
      </c>
      <c r="EX18" s="102">
        <v>0</v>
      </c>
      <c r="EY18" s="103">
        <v>2</v>
      </c>
      <c r="EZ18" s="104">
        <v>6</v>
      </c>
      <c r="FA18" s="101">
        <v>0</v>
      </c>
      <c r="FB18" s="102">
        <v>2</v>
      </c>
      <c r="FC18" s="103">
        <v>2</v>
      </c>
      <c r="FD18" s="413">
        <v>0</v>
      </c>
      <c r="FE18" s="102">
        <v>2</v>
      </c>
      <c r="FF18" s="102">
        <v>2</v>
      </c>
      <c r="FG18" s="102">
        <v>0</v>
      </c>
      <c r="FH18" s="102">
        <v>0</v>
      </c>
      <c r="FI18" s="102">
        <v>2</v>
      </c>
      <c r="FJ18" s="103">
        <v>6</v>
      </c>
      <c r="FK18" s="104">
        <v>8</v>
      </c>
      <c r="FL18" s="101">
        <v>0</v>
      </c>
      <c r="FM18" s="102">
        <v>1</v>
      </c>
      <c r="FN18" s="103">
        <v>1</v>
      </c>
      <c r="FO18" s="413">
        <v>0</v>
      </c>
      <c r="FP18" s="102">
        <v>2</v>
      </c>
      <c r="FQ18" s="102">
        <v>5</v>
      </c>
      <c r="FR18" s="102">
        <v>2</v>
      </c>
      <c r="FS18" s="102">
        <v>2</v>
      </c>
      <c r="FT18" s="102">
        <v>0</v>
      </c>
      <c r="FU18" s="103">
        <v>11</v>
      </c>
      <c r="FV18" s="104">
        <v>12</v>
      </c>
      <c r="FW18" s="101">
        <v>0</v>
      </c>
      <c r="FX18" s="102">
        <v>0</v>
      </c>
      <c r="FY18" s="103">
        <v>0</v>
      </c>
      <c r="FZ18" s="413">
        <v>0</v>
      </c>
      <c r="GA18" s="102">
        <v>0</v>
      </c>
      <c r="GB18" s="102">
        <v>0</v>
      </c>
      <c r="GC18" s="102">
        <v>0</v>
      </c>
      <c r="GD18" s="102">
        <v>0</v>
      </c>
      <c r="GE18" s="102">
        <v>0</v>
      </c>
      <c r="GF18" s="103">
        <v>0</v>
      </c>
      <c r="GG18" s="104">
        <v>0</v>
      </c>
      <c r="GH18" s="101">
        <v>2</v>
      </c>
      <c r="GI18" s="102">
        <v>9</v>
      </c>
      <c r="GJ18" s="103">
        <v>11</v>
      </c>
      <c r="GK18" s="413">
        <v>0</v>
      </c>
      <c r="GL18" s="102">
        <v>7</v>
      </c>
      <c r="GM18" s="102">
        <v>8</v>
      </c>
      <c r="GN18" s="102">
        <v>2</v>
      </c>
      <c r="GO18" s="102">
        <v>2</v>
      </c>
      <c r="GP18" s="102">
        <v>3</v>
      </c>
      <c r="GQ18" s="103">
        <v>22</v>
      </c>
      <c r="GR18" s="104">
        <v>33</v>
      </c>
      <c r="GS18" s="105">
        <v>18</v>
      </c>
      <c r="GT18" s="97">
        <v>30</v>
      </c>
      <c r="GU18" s="98">
        <v>48</v>
      </c>
      <c r="GV18" s="413">
        <v>0</v>
      </c>
      <c r="GW18" s="97">
        <v>49</v>
      </c>
      <c r="GX18" s="97">
        <v>38</v>
      </c>
      <c r="GY18" s="97">
        <v>20</v>
      </c>
      <c r="GZ18" s="97">
        <v>28</v>
      </c>
      <c r="HA18" s="97">
        <v>9</v>
      </c>
      <c r="HB18" s="99">
        <v>144</v>
      </c>
      <c r="HC18" s="100">
        <v>192</v>
      </c>
      <c r="HD18" s="101">
        <v>0</v>
      </c>
      <c r="HE18" s="102">
        <v>1</v>
      </c>
      <c r="HF18" s="103">
        <v>1</v>
      </c>
      <c r="HG18" s="413">
        <v>0</v>
      </c>
      <c r="HH18" s="102">
        <v>2</v>
      </c>
      <c r="HI18" s="102">
        <v>0</v>
      </c>
      <c r="HJ18" s="102">
        <v>0</v>
      </c>
      <c r="HK18" s="102">
        <v>0</v>
      </c>
      <c r="HL18" s="102">
        <v>0</v>
      </c>
      <c r="HM18" s="103">
        <v>2</v>
      </c>
      <c r="HN18" s="104">
        <v>3</v>
      </c>
      <c r="HO18" s="101">
        <v>0</v>
      </c>
      <c r="HP18" s="102">
        <v>2</v>
      </c>
      <c r="HQ18" s="103">
        <v>2</v>
      </c>
      <c r="HR18" s="413">
        <v>0</v>
      </c>
      <c r="HS18" s="102">
        <v>4</v>
      </c>
      <c r="HT18" s="102">
        <v>0</v>
      </c>
      <c r="HU18" s="102">
        <v>1</v>
      </c>
      <c r="HV18" s="102">
        <v>2</v>
      </c>
      <c r="HW18" s="102">
        <v>1</v>
      </c>
      <c r="HX18" s="103">
        <v>8</v>
      </c>
      <c r="HY18" s="104">
        <v>10</v>
      </c>
      <c r="HZ18" s="101">
        <v>5</v>
      </c>
      <c r="IA18" s="102">
        <v>4</v>
      </c>
      <c r="IB18" s="103">
        <v>9</v>
      </c>
      <c r="IC18" s="413">
        <v>0</v>
      </c>
      <c r="ID18" s="102">
        <v>5</v>
      </c>
      <c r="IE18" s="102">
        <v>7</v>
      </c>
      <c r="IF18" s="102">
        <v>2</v>
      </c>
      <c r="IG18" s="102">
        <v>4</v>
      </c>
      <c r="IH18" s="102">
        <v>2</v>
      </c>
      <c r="II18" s="103">
        <v>20</v>
      </c>
      <c r="IJ18" s="104">
        <v>29</v>
      </c>
      <c r="IK18" s="101">
        <v>5</v>
      </c>
      <c r="IL18" s="102">
        <v>6</v>
      </c>
      <c r="IM18" s="103">
        <v>11</v>
      </c>
      <c r="IN18" s="413">
        <v>0</v>
      </c>
      <c r="IO18" s="102">
        <v>16</v>
      </c>
      <c r="IP18" s="102">
        <v>5</v>
      </c>
      <c r="IQ18" s="102">
        <v>2</v>
      </c>
      <c r="IR18" s="102">
        <v>2</v>
      </c>
      <c r="IS18" s="102">
        <v>1</v>
      </c>
      <c r="IT18" s="103">
        <v>26</v>
      </c>
      <c r="IU18" s="104">
        <v>37</v>
      </c>
      <c r="IV18" s="101">
        <v>4</v>
      </c>
      <c r="IW18" s="102">
        <v>9</v>
      </c>
      <c r="IX18" s="103">
        <v>13</v>
      </c>
      <c r="IY18" s="413">
        <v>0</v>
      </c>
      <c r="IZ18" s="102">
        <v>10</v>
      </c>
      <c r="JA18" s="102">
        <v>8</v>
      </c>
      <c r="JB18" s="102">
        <v>6</v>
      </c>
      <c r="JC18" s="102">
        <v>7</v>
      </c>
      <c r="JD18" s="102">
        <v>3</v>
      </c>
      <c r="JE18" s="103">
        <v>34</v>
      </c>
      <c r="JF18" s="104">
        <v>47</v>
      </c>
      <c r="JG18" s="101">
        <v>4</v>
      </c>
      <c r="JH18" s="102">
        <v>8</v>
      </c>
      <c r="JI18" s="103">
        <v>12</v>
      </c>
      <c r="JJ18" s="413">
        <v>0</v>
      </c>
      <c r="JK18" s="102">
        <v>12</v>
      </c>
      <c r="JL18" s="102">
        <v>18</v>
      </c>
      <c r="JM18" s="102">
        <v>9</v>
      </c>
      <c r="JN18" s="102">
        <v>13</v>
      </c>
      <c r="JO18" s="102">
        <v>2</v>
      </c>
      <c r="JP18" s="103">
        <v>54</v>
      </c>
      <c r="JQ18" s="104">
        <v>66</v>
      </c>
      <c r="JR18" s="101">
        <v>0</v>
      </c>
      <c r="JS18" s="102">
        <v>0</v>
      </c>
      <c r="JT18" s="103">
        <v>0</v>
      </c>
      <c r="JU18" s="413">
        <v>0</v>
      </c>
      <c r="JV18" s="102">
        <v>0</v>
      </c>
      <c r="JW18" s="102">
        <v>0</v>
      </c>
      <c r="JX18" s="102">
        <v>0</v>
      </c>
      <c r="JY18" s="102">
        <v>0</v>
      </c>
      <c r="JZ18" s="102">
        <v>0</v>
      </c>
      <c r="KA18" s="103">
        <v>0</v>
      </c>
      <c r="KB18" s="104">
        <v>0</v>
      </c>
      <c r="KC18" s="101">
        <v>18</v>
      </c>
      <c r="KD18" s="102">
        <v>30</v>
      </c>
      <c r="KE18" s="103">
        <v>48</v>
      </c>
      <c r="KF18" s="413">
        <v>0</v>
      </c>
      <c r="KG18" s="102">
        <v>49</v>
      </c>
      <c r="KH18" s="102">
        <v>38</v>
      </c>
      <c r="KI18" s="102">
        <v>20</v>
      </c>
      <c r="KJ18" s="102">
        <v>28</v>
      </c>
      <c r="KK18" s="102">
        <v>9</v>
      </c>
      <c r="KL18" s="103">
        <v>144</v>
      </c>
      <c r="KM18" s="104">
        <v>192</v>
      </c>
    </row>
    <row r="19" spans="2:299" s="70" customFormat="1" ht="21" customHeight="1" x14ac:dyDescent="0.2">
      <c r="B19" s="106" t="s">
        <v>16</v>
      </c>
      <c r="C19" s="96">
        <v>45</v>
      </c>
      <c r="D19" s="97">
        <v>56</v>
      </c>
      <c r="E19" s="98">
        <v>101</v>
      </c>
      <c r="F19" s="413">
        <v>0</v>
      </c>
      <c r="G19" s="97">
        <v>89</v>
      </c>
      <c r="H19" s="97">
        <v>98</v>
      </c>
      <c r="I19" s="97">
        <v>53</v>
      </c>
      <c r="J19" s="97">
        <v>47</v>
      </c>
      <c r="K19" s="97">
        <v>17</v>
      </c>
      <c r="L19" s="99">
        <v>304</v>
      </c>
      <c r="M19" s="100">
        <v>405</v>
      </c>
      <c r="N19" s="101">
        <v>1</v>
      </c>
      <c r="O19" s="102">
        <v>1</v>
      </c>
      <c r="P19" s="103">
        <v>2</v>
      </c>
      <c r="Q19" s="413">
        <v>0</v>
      </c>
      <c r="R19" s="102">
        <v>1</v>
      </c>
      <c r="S19" s="102">
        <v>1</v>
      </c>
      <c r="T19" s="102">
        <v>0</v>
      </c>
      <c r="U19" s="102">
        <v>2</v>
      </c>
      <c r="V19" s="102">
        <v>0</v>
      </c>
      <c r="W19" s="103">
        <v>4</v>
      </c>
      <c r="X19" s="104">
        <v>6</v>
      </c>
      <c r="Y19" s="101">
        <v>1</v>
      </c>
      <c r="Z19" s="102">
        <v>4</v>
      </c>
      <c r="AA19" s="103">
        <v>5</v>
      </c>
      <c r="AB19" s="413">
        <v>0</v>
      </c>
      <c r="AC19" s="102">
        <v>2</v>
      </c>
      <c r="AD19" s="102">
        <v>10</v>
      </c>
      <c r="AE19" s="102">
        <v>5</v>
      </c>
      <c r="AF19" s="102">
        <v>1</v>
      </c>
      <c r="AG19" s="102">
        <v>2</v>
      </c>
      <c r="AH19" s="103">
        <v>20</v>
      </c>
      <c r="AI19" s="104">
        <v>25</v>
      </c>
      <c r="AJ19" s="101">
        <v>7</v>
      </c>
      <c r="AK19" s="102">
        <v>7</v>
      </c>
      <c r="AL19" s="103">
        <v>14</v>
      </c>
      <c r="AM19" s="413">
        <v>0</v>
      </c>
      <c r="AN19" s="102">
        <v>8</v>
      </c>
      <c r="AO19" s="102">
        <v>3</v>
      </c>
      <c r="AP19" s="102">
        <v>7</v>
      </c>
      <c r="AQ19" s="102">
        <v>4</v>
      </c>
      <c r="AR19" s="102">
        <v>4</v>
      </c>
      <c r="AS19" s="103">
        <v>26</v>
      </c>
      <c r="AT19" s="104">
        <v>40</v>
      </c>
      <c r="AU19" s="101">
        <v>12</v>
      </c>
      <c r="AV19" s="102">
        <v>14</v>
      </c>
      <c r="AW19" s="103">
        <v>26</v>
      </c>
      <c r="AX19" s="413">
        <v>0</v>
      </c>
      <c r="AY19" s="102">
        <v>24</v>
      </c>
      <c r="AZ19" s="102">
        <v>22</v>
      </c>
      <c r="BA19" s="102">
        <v>8</v>
      </c>
      <c r="BB19" s="102">
        <v>7</v>
      </c>
      <c r="BC19" s="102">
        <v>6</v>
      </c>
      <c r="BD19" s="103">
        <v>67</v>
      </c>
      <c r="BE19" s="104">
        <v>93</v>
      </c>
      <c r="BF19" s="101">
        <v>11</v>
      </c>
      <c r="BG19" s="102">
        <v>19</v>
      </c>
      <c r="BH19" s="103">
        <v>30</v>
      </c>
      <c r="BI19" s="413">
        <v>0</v>
      </c>
      <c r="BJ19" s="102">
        <v>29</v>
      </c>
      <c r="BK19" s="102">
        <v>27</v>
      </c>
      <c r="BL19" s="102">
        <v>12</v>
      </c>
      <c r="BM19" s="102">
        <v>7</v>
      </c>
      <c r="BN19" s="102">
        <v>1</v>
      </c>
      <c r="BO19" s="103">
        <v>76</v>
      </c>
      <c r="BP19" s="104">
        <v>106</v>
      </c>
      <c r="BQ19" s="101">
        <v>13</v>
      </c>
      <c r="BR19" s="102">
        <v>11</v>
      </c>
      <c r="BS19" s="103">
        <v>24</v>
      </c>
      <c r="BT19" s="413">
        <v>0</v>
      </c>
      <c r="BU19" s="102">
        <v>25</v>
      </c>
      <c r="BV19" s="102">
        <v>35</v>
      </c>
      <c r="BW19" s="102">
        <v>21</v>
      </c>
      <c r="BX19" s="102">
        <v>26</v>
      </c>
      <c r="BY19" s="102">
        <v>4</v>
      </c>
      <c r="BZ19" s="103">
        <v>111</v>
      </c>
      <c r="CA19" s="104">
        <v>135</v>
      </c>
      <c r="CB19" s="101">
        <v>0</v>
      </c>
      <c r="CC19" s="102">
        <v>0</v>
      </c>
      <c r="CD19" s="103">
        <v>0</v>
      </c>
      <c r="CE19" s="413">
        <v>0</v>
      </c>
      <c r="CF19" s="102">
        <v>0</v>
      </c>
      <c r="CG19" s="102">
        <v>0</v>
      </c>
      <c r="CH19" s="102">
        <v>0</v>
      </c>
      <c r="CI19" s="102">
        <v>0</v>
      </c>
      <c r="CJ19" s="102">
        <v>0</v>
      </c>
      <c r="CK19" s="103">
        <v>0</v>
      </c>
      <c r="CL19" s="104">
        <v>0</v>
      </c>
      <c r="CM19" s="101">
        <v>45</v>
      </c>
      <c r="CN19" s="102">
        <v>56</v>
      </c>
      <c r="CO19" s="103">
        <v>101</v>
      </c>
      <c r="CP19" s="413">
        <v>0</v>
      </c>
      <c r="CQ19" s="102">
        <v>89</v>
      </c>
      <c r="CR19" s="102">
        <v>98</v>
      </c>
      <c r="CS19" s="102">
        <v>53</v>
      </c>
      <c r="CT19" s="102">
        <v>47</v>
      </c>
      <c r="CU19" s="102">
        <v>17</v>
      </c>
      <c r="CV19" s="103">
        <v>304</v>
      </c>
      <c r="CW19" s="104">
        <v>405</v>
      </c>
      <c r="CX19" s="105">
        <v>12</v>
      </c>
      <c r="CY19" s="97">
        <v>10</v>
      </c>
      <c r="CZ19" s="98">
        <v>22</v>
      </c>
      <c r="DA19" s="413">
        <v>0</v>
      </c>
      <c r="DB19" s="97">
        <v>7</v>
      </c>
      <c r="DC19" s="97">
        <v>5</v>
      </c>
      <c r="DD19" s="97">
        <v>7</v>
      </c>
      <c r="DE19" s="97">
        <v>7</v>
      </c>
      <c r="DF19" s="97">
        <v>6</v>
      </c>
      <c r="DG19" s="99">
        <v>32</v>
      </c>
      <c r="DH19" s="100">
        <v>54</v>
      </c>
      <c r="DI19" s="101">
        <v>2</v>
      </c>
      <c r="DJ19" s="102">
        <v>1</v>
      </c>
      <c r="DK19" s="103">
        <v>3</v>
      </c>
      <c r="DL19" s="413">
        <v>0</v>
      </c>
      <c r="DM19" s="102">
        <v>0</v>
      </c>
      <c r="DN19" s="102">
        <v>0</v>
      </c>
      <c r="DO19" s="102">
        <v>1</v>
      </c>
      <c r="DP19" s="102">
        <v>0</v>
      </c>
      <c r="DQ19" s="102">
        <v>0</v>
      </c>
      <c r="DR19" s="103">
        <v>1</v>
      </c>
      <c r="DS19" s="104">
        <v>4</v>
      </c>
      <c r="DT19" s="101">
        <v>0</v>
      </c>
      <c r="DU19" s="102">
        <v>0</v>
      </c>
      <c r="DV19" s="103">
        <v>0</v>
      </c>
      <c r="DW19" s="413">
        <v>0</v>
      </c>
      <c r="DX19" s="102">
        <v>0</v>
      </c>
      <c r="DY19" s="102">
        <v>1</v>
      </c>
      <c r="DZ19" s="102">
        <v>0</v>
      </c>
      <c r="EA19" s="102">
        <v>0</v>
      </c>
      <c r="EB19" s="102">
        <v>0</v>
      </c>
      <c r="EC19" s="103">
        <v>1</v>
      </c>
      <c r="ED19" s="104">
        <v>1</v>
      </c>
      <c r="EE19" s="101">
        <v>1</v>
      </c>
      <c r="EF19" s="102">
        <v>2</v>
      </c>
      <c r="EG19" s="103">
        <v>3</v>
      </c>
      <c r="EH19" s="413">
        <v>0</v>
      </c>
      <c r="EI19" s="102">
        <v>1</v>
      </c>
      <c r="EJ19" s="102">
        <v>0</v>
      </c>
      <c r="EK19" s="102">
        <v>2</v>
      </c>
      <c r="EL19" s="102">
        <v>0</v>
      </c>
      <c r="EM19" s="102">
        <v>2</v>
      </c>
      <c r="EN19" s="103">
        <v>5</v>
      </c>
      <c r="EO19" s="104">
        <v>8</v>
      </c>
      <c r="EP19" s="101">
        <v>4</v>
      </c>
      <c r="EQ19" s="102">
        <v>4</v>
      </c>
      <c r="ER19" s="103">
        <v>8</v>
      </c>
      <c r="ES19" s="413">
        <v>0</v>
      </c>
      <c r="ET19" s="102">
        <v>3</v>
      </c>
      <c r="EU19" s="102">
        <v>1</v>
      </c>
      <c r="EV19" s="102">
        <v>0</v>
      </c>
      <c r="EW19" s="102">
        <v>1</v>
      </c>
      <c r="EX19" s="102">
        <v>1</v>
      </c>
      <c r="EY19" s="103">
        <v>6</v>
      </c>
      <c r="EZ19" s="104">
        <v>14</v>
      </c>
      <c r="FA19" s="101">
        <v>4</v>
      </c>
      <c r="FB19" s="102">
        <v>2</v>
      </c>
      <c r="FC19" s="103">
        <v>6</v>
      </c>
      <c r="FD19" s="413">
        <v>0</v>
      </c>
      <c r="FE19" s="102">
        <v>1</v>
      </c>
      <c r="FF19" s="102">
        <v>1</v>
      </c>
      <c r="FG19" s="102">
        <v>2</v>
      </c>
      <c r="FH19" s="102">
        <v>1</v>
      </c>
      <c r="FI19" s="102">
        <v>1</v>
      </c>
      <c r="FJ19" s="103">
        <v>6</v>
      </c>
      <c r="FK19" s="104">
        <v>12</v>
      </c>
      <c r="FL19" s="101">
        <v>1</v>
      </c>
      <c r="FM19" s="102">
        <v>1</v>
      </c>
      <c r="FN19" s="103">
        <v>2</v>
      </c>
      <c r="FO19" s="413">
        <v>0</v>
      </c>
      <c r="FP19" s="102">
        <v>2</v>
      </c>
      <c r="FQ19" s="102">
        <v>2</v>
      </c>
      <c r="FR19" s="102">
        <v>2</v>
      </c>
      <c r="FS19" s="102">
        <v>5</v>
      </c>
      <c r="FT19" s="102">
        <v>2</v>
      </c>
      <c r="FU19" s="103">
        <v>13</v>
      </c>
      <c r="FV19" s="104">
        <v>15</v>
      </c>
      <c r="FW19" s="101">
        <v>0</v>
      </c>
      <c r="FX19" s="102">
        <v>0</v>
      </c>
      <c r="FY19" s="103">
        <v>0</v>
      </c>
      <c r="FZ19" s="413">
        <v>0</v>
      </c>
      <c r="GA19" s="102">
        <v>0</v>
      </c>
      <c r="GB19" s="102">
        <v>0</v>
      </c>
      <c r="GC19" s="102">
        <v>0</v>
      </c>
      <c r="GD19" s="102">
        <v>0</v>
      </c>
      <c r="GE19" s="102">
        <v>0</v>
      </c>
      <c r="GF19" s="103">
        <v>0</v>
      </c>
      <c r="GG19" s="104">
        <v>0</v>
      </c>
      <c r="GH19" s="101">
        <v>12</v>
      </c>
      <c r="GI19" s="102">
        <v>10</v>
      </c>
      <c r="GJ19" s="103">
        <v>22</v>
      </c>
      <c r="GK19" s="413">
        <v>0</v>
      </c>
      <c r="GL19" s="102">
        <v>7</v>
      </c>
      <c r="GM19" s="102">
        <v>5</v>
      </c>
      <c r="GN19" s="102">
        <v>7</v>
      </c>
      <c r="GO19" s="102">
        <v>7</v>
      </c>
      <c r="GP19" s="102">
        <v>6</v>
      </c>
      <c r="GQ19" s="103">
        <v>32</v>
      </c>
      <c r="GR19" s="104">
        <v>54</v>
      </c>
      <c r="GS19" s="105">
        <v>57</v>
      </c>
      <c r="GT19" s="97">
        <v>66</v>
      </c>
      <c r="GU19" s="98">
        <v>123</v>
      </c>
      <c r="GV19" s="413">
        <v>0</v>
      </c>
      <c r="GW19" s="97">
        <v>96</v>
      </c>
      <c r="GX19" s="97">
        <v>103</v>
      </c>
      <c r="GY19" s="97">
        <v>60</v>
      </c>
      <c r="GZ19" s="97">
        <v>54</v>
      </c>
      <c r="HA19" s="97">
        <v>23</v>
      </c>
      <c r="HB19" s="99">
        <v>336</v>
      </c>
      <c r="HC19" s="100">
        <v>459</v>
      </c>
      <c r="HD19" s="101">
        <v>3</v>
      </c>
      <c r="HE19" s="102">
        <v>2</v>
      </c>
      <c r="HF19" s="103">
        <v>5</v>
      </c>
      <c r="HG19" s="413">
        <v>0</v>
      </c>
      <c r="HH19" s="102">
        <v>1</v>
      </c>
      <c r="HI19" s="102">
        <v>1</v>
      </c>
      <c r="HJ19" s="102">
        <v>1</v>
      </c>
      <c r="HK19" s="102">
        <v>2</v>
      </c>
      <c r="HL19" s="102">
        <v>0</v>
      </c>
      <c r="HM19" s="103">
        <v>5</v>
      </c>
      <c r="HN19" s="104">
        <v>10</v>
      </c>
      <c r="HO19" s="101">
        <v>1</v>
      </c>
      <c r="HP19" s="102">
        <v>4</v>
      </c>
      <c r="HQ19" s="103">
        <v>5</v>
      </c>
      <c r="HR19" s="413">
        <v>0</v>
      </c>
      <c r="HS19" s="102">
        <v>2</v>
      </c>
      <c r="HT19" s="102">
        <v>11</v>
      </c>
      <c r="HU19" s="102">
        <v>5</v>
      </c>
      <c r="HV19" s="102">
        <v>1</v>
      </c>
      <c r="HW19" s="102">
        <v>2</v>
      </c>
      <c r="HX19" s="103">
        <v>21</v>
      </c>
      <c r="HY19" s="104">
        <v>26</v>
      </c>
      <c r="HZ19" s="101">
        <v>8</v>
      </c>
      <c r="IA19" s="102">
        <v>9</v>
      </c>
      <c r="IB19" s="103">
        <v>17</v>
      </c>
      <c r="IC19" s="413">
        <v>0</v>
      </c>
      <c r="ID19" s="102">
        <v>9</v>
      </c>
      <c r="IE19" s="102">
        <v>3</v>
      </c>
      <c r="IF19" s="102">
        <v>9</v>
      </c>
      <c r="IG19" s="102">
        <v>4</v>
      </c>
      <c r="IH19" s="102">
        <v>6</v>
      </c>
      <c r="II19" s="103">
        <v>31</v>
      </c>
      <c r="IJ19" s="104">
        <v>48</v>
      </c>
      <c r="IK19" s="101">
        <v>16</v>
      </c>
      <c r="IL19" s="102">
        <v>18</v>
      </c>
      <c r="IM19" s="103">
        <v>34</v>
      </c>
      <c r="IN19" s="413">
        <v>0</v>
      </c>
      <c r="IO19" s="102">
        <v>27</v>
      </c>
      <c r="IP19" s="102">
        <v>23</v>
      </c>
      <c r="IQ19" s="102">
        <v>8</v>
      </c>
      <c r="IR19" s="102">
        <v>8</v>
      </c>
      <c r="IS19" s="102">
        <v>7</v>
      </c>
      <c r="IT19" s="103">
        <v>73</v>
      </c>
      <c r="IU19" s="104">
        <v>107</v>
      </c>
      <c r="IV19" s="101">
        <v>15</v>
      </c>
      <c r="IW19" s="102">
        <v>21</v>
      </c>
      <c r="IX19" s="103">
        <v>36</v>
      </c>
      <c r="IY19" s="413">
        <v>0</v>
      </c>
      <c r="IZ19" s="102">
        <v>30</v>
      </c>
      <c r="JA19" s="102">
        <v>28</v>
      </c>
      <c r="JB19" s="102">
        <v>14</v>
      </c>
      <c r="JC19" s="102">
        <v>8</v>
      </c>
      <c r="JD19" s="102">
        <v>2</v>
      </c>
      <c r="JE19" s="103">
        <v>82</v>
      </c>
      <c r="JF19" s="104">
        <v>118</v>
      </c>
      <c r="JG19" s="101">
        <v>14</v>
      </c>
      <c r="JH19" s="102">
        <v>12</v>
      </c>
      <c r="JI19" s="103">
        <v>26</v>
      </c>
      <c r="JJ19" s="413">
        <v>0</v>
      </c>
      <c r="JK19" s="102">
        <v>27</v>
      </c>
      <c r="JL19" s="102">
        <v>37</v>
      </c>
      <c r="JM19" s="102">
        <v>23</v>
      </c>
      <c r="JN19" s="102">
        <v>31</v>
      </c>
      <c r="JO19" s="102">
        <v>6</v>
      </c>
      <c r="JP19" s="103">
        <v>124</v>
      </c>
      <c r="JQ19" s="104">
        <v>150</v>
      </c>
      <c r="JR19" s="101">
        <v>0</v>
      </c>
      <c r="JS19" s="102">
        <v>0</v>
      </c>
      <c r="JT19" s="103">
        <v>0</v>
      </c>
      <c r="JU19" s="413">
        <v>0</v>
      </c>
      <c r="JV19" s="102">
        <v>0</v>
      </c>
      <c r="JW19" s="102">
        <v>0</v>
      </c>
      <c r="JX19" s="102">
        <v>0</v>
      </c>
      <c r="JY19" s="102">
        <v>0</v>
      </c>
      <c r="JZ19" s="102">
        <v>0</v>
      </c>
      <c r="KA19" s="103">
        <v>0</v>
      </c>
      <c r="KB19" s="104">
        <v>0</v>
      </c>
      <c r="KC19" s="101">
        <v>57</v>
      </c>
      <c r="KD19" s="102">
        <v>66</v>
      </c>
      <c r="KE19" s="103">
        <v>123</v>
      </c>
      <c r="KF19" s="413">
        <v>0</v>
      </c>
      <c r="KG19" s="102">
        <v>96</v>
      </c>
      <c r="KH19" s="102">
        <v>103</v>
      </c>
      <c r="KI19" s="102">
        <v>60</v>
      </c>
      <c r="KJ19" s="102">
        <v>54</v>
      </c>
      <c r="KK19" s="102">
        <v>23</v>
      </c>
      <c r="KL19" s="103">
        <v>336</v>
      </c>
      <c r="KM19" s="104">
        <v>459</v>
      </c>
    </row>
    <row r="20" spans="2:299" s="70" customFormat="1" ht="21" customHeight="1" x14ac:dyDescent="0.2">
      <c r="B20" s="106" t="s">
        <v>17</v>
      </c>
      <c r="C20" s="96">
        <v>72</v>
      </c>
      <c r="D20" s="97">
        <v>64</v>
      </c>
      <c r="E20" s="98">
        <v>136</v>
      </c>
      <c r="F20" s="413">
        <v>0</v>
      </c>
      <c r="G20" s="97">
        <v>101</v>
      </c>
      <c r="H20" s="97">
        <v>125</v>
      </c>
      <c r="I20" s="97">
        <v>70</v>
      </c>
      <c r="J20" s="97">
        <v>37</v>
      </c>
      <c r="K20" s="97">
        <v>24</v>
      </c>
      <c r="L20" s="99">
        <v>357</v>
      </c>
      <c r="M20" s="100">
        <v>493</v>
      </c>
      <c r="N20" s="101">
        <v>1</v>
      </c>
      <c r="O20" s="102">
        <v>2</v>
      </c>
      <c r="P20" s="103">
        <v>3</v>
      </c>
      <c r="Q20" s="413">
        <v>0</v>
      </c>
      <c r="R20" s="102">
        <v>0</v>
      </c>
      <c r="S20" s="102">
        <v>0</v>
      </c>
      <c r="T20" s="102">
        <v>3</v>
      </c>
      <c r="U20" s="102">
        <v>0</v>
      </c>
      <c r="V20" s="102">
        <v>0</v>
      </c>
      <c r="W20" s="103">
        <v>3</v>
      </c>
      <c r="X20" s="104">
        <v>6</v>
      </c>
      <c r="Y20" s="101">
        <v>2</v>
      </c>
      <c r="Z20" s="102">
        <v>2</v>
      </c>
      <c r="AA20" s="103">
        <v>4</v>
      </c>
      <c r="AB20" s="413">
        <v>0</v>
      </c>
      <c r="AC20" s="102">
        <v>5</v>
      </c>
      <c r="AD20" s="102">
        <v>4</v>
      </c>
      <c r="AE20" s="102">
        <v>3</v>
      </c>
      <c r="AF20" s="102">
        <v>0</v>
      </c>
      <c r="AG20" s="102">
        <v>2</v>
      </c>
      <c r="AH20" s="103">
        <v>14</v>
      </c>
      <c r="AI20" s="104">
        <v>18</v>
      </c>
      <c r="AJ20" s="101">
        <v>6</v>
      </c>
      <c r="AK20" s="102">
        <v>10</v>
      </c>
      <c r="AL20" s="103">
        <v>16</v>
      </c>
      <c r="AM20" s="413">
        <v>0</v>
      </c>
      <c r="AN20" s="102">
        <v>11</v>
      </c>
      <c r="AO20" s="102">
        <v>10</v>
      </c>
      <c r="AP20" s="102">
        <v>7</v>
      </c>
      <c r="AQ20" s="102">
        <v>1</v>
      </c>
      <c r="AR20" s="102">
        <v>2</v>
      </c>
      <c r="AS20" s="103">
        <v>31</v>
      </c>
      <c r="AT20" s="104">
        <v>47</v>
      </c>
      <c r="AU20" s="101">
        <v>20</v>
      </c>
      <c r="AV20" s="102">
        <v>19</v>
      </c>
      <c r="AW20" s="103">
        <v>39</v>
      </c>
      <c r="AX20" s="413">
        <v>0</v>
      </c>
      <c r="AY20" s="102">
        <v>25</v>
      </c>
      <c r="AZ20" s="102">
        <v>29</v>
      </c>
      <c r="BA20" s="102">
        <v>11</v>
      </c>
      <c r="BB20" s="102">
        <v>9</v>
      </c>
      <c r="BC20" s="102">
        <v>2</v>
      </c>
      <c r="BD20" s="103">
        <v>76</v>
      </c>
      <c r="BE20" s="104">
        <v>115</v>
      </c>
      <c r="BF20" s="101">
        <v>27</v>
      </c>
      <c r="BG20" s="102">
        <v>12</v>
      </c>
      <c r="BH20" s="103">
        <v>39</v>
      </c>
      <c r="BI20" s="413">
        <v>0</v>
      </c>
      <c r="BJ20" s="102">
        <v>34</v>
      </c>
      <c r="BK20" s="102">
        <v>41</v>
      </c>
      <c r="BL20" s="102">
        <v>23</v>
      </c>
      <c r="BM20" s="102">
        <v>10</v>
      </c>
      <c r="BN20" s="102">
        <v>8</v>
      </c>
      <c r="BO20" s="103">
        <v>116</v>
      </c>
      <c r="BP20" s="104">
        <v>155</v>
      </c>
      <c r="BQ20" s="101">
        <v>16</v>
      </c>
      <c r="BR20" s="102">
        <v>19</v>
      </c>
      <c r="BS20" s="103">
        <v>35</v>
      </c>
      <c r="BT20" s="413">
        <v>0</v>
      </c>
      <c r="BU20" s="102">
        <v>26</v>
      </c>
      <c r="BV20" s="102">
        <v>41</v>
      </c>
      <c r="BW20" s="102">
        <v>23</v>
      </c>
      <c r="BX20" s="102">
        <v>17</v>
      </c>
      <c r="BY20" s="102">
        <v>10</v>
      </c>
      <c r="BZ20" s="103">
        <v>117</v>
      </c>
      <c r="CA20" s="104">
        <v>152</v>
      </c>
      <c r="CB20" s="101">
        <v>0</v>
      </c>
      <c r="CC20" s="102">
        <v>0</v>
      </c>
      <c r="CD20" s="103">
        <v>0</v>
      </c>
      <c r="CE20" s="413">
        <v>0</v>
      </c>
      <c r="CF20" s="102">
        <v>0</v>
      </c>
      <c r="CG20" s="102">
        <v>0</v>
      </c>
      <c r="CH20" s="102">
        <v>0</v>
      </c>
      <c r="CI20" s="102">
        <v>0</v>
      </c>
      <c r="CJ20" s="102">
        <v>0</v>
      </c>
      <c r="CK20" s="103">
        <v>0</v>
      </c>
      <c r="CL20" s="104">
        <v>0</v>
      </c>
      <c r="CM20" s="101">
        <v>72</v>
      </c>
      <c r="CN20" s="102">
        <v>64</v>
      </c>
      <c r="CO20" s="103">
        <v>136</v>
      </c>
      <c r="CP20" s="413">
        <v>0</v>
      </c>
      <c r="CQ20" s="102">
        <v>101</v>
      </c>
      <c r="CR20" s="102">
        <v>125</v>
      </c>
      <c r="CS20" s="102">
        <v>70</v>
      </c>
      <c r="CT20" s="102">
        <v>37</v>
      </c>
      <c r="CU20" s="102">
        <v>24</v>
      </c>
      <c r="CV20" s="103">
        <v>357</v>
      </c>
      <c r="CW20" s="104">
        <v>493</v>
      </c>
      <c r="CX20" s="105">
        <v>7</v>
      </c>
      <c r="CY20" s="97">
        <v>10</v>
      </c>
      <c r="CZ20" s="98">
        <v>17</v>
      </c>
      <c r="DA20" s="413">
        <v>0</v>
      </c>
      <c r="DB20" s="97">
        <v>10</v>
      </c>
      <c r="DC20" s="97">
        <v>23</v>
      </c>
      <c r="DD20" s="97">
        <v>6</v>
      </c>
      <c r="DE20" s="97">
        <v>6</v>
      </c>
      <c r="DF20" s="97">
        <v>8</v>
      </c>
      <c r="DG20" s="99">
        <v>53</v>
      </c>
      <c r="DH20" s="100">
        <v>70</v>
      </c>
      <c r="DI20" s="101">
        <v>0</v>
      </c>
      <c r="DJ20" s="102">
        <v>0</v>
      </c>
      <c r="DK20" s="103">
        <v>0</v>
      </c>
      <c r="DL20" s="413">
        <v>0</v>
      </c>
      <c r="DM20" s="102">
        <v>0</v>
      </c>
      <c r="DN20" s="102">
        <v>2</v>
      </c>
      <c r="DO20" s="102">
        <v>0</v>
      </c>
      <c r="DP20" s="102">
        <v>1</v>
      </c>
      <c r="DQ20" s="102">
        <v>0</v>
      </c>
      <c r="DR20" s="103">
        <v>3</v>
      </c>
      <c r="DS20" s="104">
        <v>3</v>
      </c>
      <c r="DT20" s="101">
        <v>0</v>
      </c>
      <c r="DU20" s="102">
        <v>0</v>
      </c>
      <c r="DV20" s="103">
        <v>0</v>
      </c>
      <c r="DW20" s="413">
        <v>0</v>
      </c>
      <c r="DX20" s="102">
        <v>0</v>
      </c>
      <c r="DY20" s="102">
        <v>0</v>
      </c>
      <c r="DZ20" s="102">
        <v>0</v>
      </c>
      <c r="EA20" s="102">
        <v>0</v>
      </c>
      <c r="EB20" s="102">
        <v>0</v>
      </c>
      <c r="EC20" s="103">
        <v>0</v>
      </c>
      <c r="ED20" s="104">
        <v>0</v>
      </c>
      <c r="EE20" s="101">
        <v>5</v>
      </c>
      <c r="EF20" s="102">
        <v>1</v>
      </c>
      <c r="EG20" s="103">
        <v>6</v>
      </c>
      <c r="EH20" s="413">
        <v>0</v>
      </c>
      <c r="EI20" s="102">
        <v>1</v>
      </c>
      <c r="EJ20" s="102">
        <v>2</v>
      </c>
      <c r="EK20" s="102">
        <v>0</v>
      </c>
      <c r="EL20" s="102">
        <v>0</v>
      </c>
      <c r="EM20" s="102">
        <v>2</v>
      </c>
      <c r="EN20" s="103">
        <v>5</v>
      </c>
      <c r="EO20" s="104">
        <v>11</v>
      </c>
      <c r="EP20" s="101">
        <v>2</v>
      </c>
      <c r="EQ20" s="102">
        <v>5</v>
      </c>
      <c r="ER20" s="103">
        <v>7</v>
      </c>
      <c r="ES20" s="413">
        <v>0</v>
      </c>
      <c r="ET20" s="102">
        <v>3</v>
      </c>
      <c r="EU20" s="102">
        <v>4</v>
      </c>
      <c r="EV20" s="102">
        <v>0</v>
      </c>
      <c r="EW20" s="102">
        <v>0</v>
      </c>
      <c r="EX20" s="102">
        <v>1</v>
      </c>
      <c r="EY20" s="103">
        <v>8</v>
      </c>
      <c r="EZ20" s="104">
        <v>15</v>
      </c>
      <c r="FA20" s="101">
        <v>0</v>
      </c>
      <c r="FB20" s="102">
        <v>2</v>
      </c>
      <c r="FC20" s="103">
        <v>2</v>
      </c>
      <c r="FD20" s="413">
        <v>0</v>
      </c>
      <c r="FE20" s="102">
        <v>2</v>
      </c>
      <c r="FF20" s="102">
        <v>8</v>
      </c>
      <c r="FG20" s="102">
        <v>3</v>
      </c>
      <c r="FH20" s="102">
        <v>3</v>
      </c>
      <c r="FI20" s="102">
        <v>0</v>
      </c>
      <c r="FJ20" s="103">
        <v>16</v>
      </c>
      <c r="FK20" s="104">
        <v>18</v>
      </c>
      <c r="FL20" s="101">
        <v>0</v>
      </c>
      <c r="FM20" s="102">
        <v>2</v>
      </c>
      <c r="FN20" s="103">
        <v>2</v>
      </c>
      <c r="FO20" s="413">
        <v>0</v>
      </c>
      <c r="FP20" s="102">
        <v>4</v>
      </c>
      <c r="FQ20" s="102">
        <v>7</v>
      </c>
      <c r="FR20" s="102">
        <v>3</v>
      </c>
      <c r="FS20" s="102">
        <v>2</v>
      </c>
      <c r="FT20" s="102">
        <v>5</v>
      </c>
      <c r="FU20" s="103">
        <v>21</v>
      </c>
      <c r="FV20" s="104">
        <v>23</v>
      </c>
      <c r="FW20" s="101">
        <v>0</v>
      </c>
      <c r="FX20" s="102">
        <v>0</v>
      </c>
      <c r="FY20" s="103">
        <v>0</v>
      </c>
      <c r="FZ20" s="413">
        <v>0</v>
      </c>
      <c r="GA20" s="102">
        <v>0</v>
      </c>
      <c r="GB20" s="102">
        <v>0</v>
      </c>
      <c r="GC20" s="102">
        <v>0</v>
      </c>
      <c r="GD20" s="102">
        <v>0</v>
      </c>
      <c r="GE20" s="102">
        <v>0</v>
      </c>
      <c r="GF20" s="103">
        <v>0</v>
      </c>
      <c r="GG20" s="104">
        <v>0</v>
      </c>
      <c r="GH20" s="101">
        <v>7</v>
      </c>
      <c r="GI20" s="102">
        <v>10</v>
      </c>
      <c r="GJ20" s="103">
        <v>17</v>
      </c>
      <c r="GK20" s="413">
        <v>0</v>
      </c>
      <c r="GL20" s="102">
        <v>10</v>
      </c>
      <c r="GM20" s="102">
        <v>23</v>
      </c>
      <c r="GN20" s="102">
        <v>6</v>
      </c>
      <c r="GO20" s="102">
        <v>6</v>
      </c>
      <c r="GP20" s="102">
        <v>8</v>
      </c>
      <c r="GQ20" s="103">
        <v>53</v>
      </c>
      <c r="GR20" s="104">
        <v>70</v>
      </c>
      <c r="GS20" s="105">
        <v>79</v>
      </c>
      <c r="GT20" s="97">
        <v>74</v>
      </c>
      <c r="GU20" s="98">
        <v>153</v>
      </c>
      <c r="GV20" s="413">
        <v>0</v>
      </c>
      <c r="GW20" s="97">
        <v>111</v>
      </c>
      <c r="GX20" s="97">
        <v>148</v>
      </c>
      <c r="GY20" s="97">
        <v>76</v>
      </c>
      <c r="GZ20" s="97">
        <v>43</v>
      </c>
      <c r="HA20" s="97">
        <v>32</v>
      </c>
      <c r="HB20" s="99">
        <v>410</v>
      </c>
      <c r="HC20" s="100">
        <v>563</v>
      </c>
      <c r="HD20" s="101">
        <v>1</v>
      </c>
      <c r="HE20" s="102">
        <v>2</v>
      </c>
      <c r="HF20" s="103">
        <v>3</v>
      </c>
      <c r="HG20" s="413">
        <v>0</v>
      </c>
      <c r="HH20" s="102">
        <v>0</v>
      </c>
      <c r="HI20" s="102">
        <v>2</v>
      </c>
      <c r="HJ20" s="102">
        <v>3</v>
      </c>
      <c r="HK20" s="102">
        <v>1</v>
      </c>
      <c r="HL20" s="102">
        <v>0</v>
      </c>
      <c r="HM20" s="103">
        <v>6</v>
      </c>
      <c r="HN20" s="104">
        <v>9</v>
      </c>
      <c r="HO20" s="101">
        <v>2</v>
      </c>
      <c r="HP20" s="102">
        <v>2</v>
      </c>
      <c r="HQ20" s="103">
        <v>4</v>
      </c>
      <c r="HR20" s="413">
        <v>0</v>
      </c>
      <c r="HS20" s="102">
        <v>5</v>
      </c>
      <c r="HT20" s="102">
        <v>4</v>
      </c>
      <c r="HU20" s="102">
        <v>3</v>
      </c>
      <c r="HV20" s="102">
        <v>0</v>
      </c>
      <c r="HW20" s="102">
        <v>2</v>
      </c>
      <c r="HX20" s="103">
        <v>14</v>
      </c>
      <c r="HY20" s="104">
        <v>18</v>
      </c>
      <c r="HZ20" s="101">
        <v>11</v>
      </c>
      <c r="IA20" s="102">
        <v>11</v>
      </c>
      <c r="IB20" s="103">
        <v>22</v>
      </c>
      <c r="IC20" s="413">
        <v>0</v>
      </c>
      <c r="ID20" s="102">
        <v>12</v>
      </c>
      <c r="IE20" s="102">
        <v>12</v>
      </c>
      <c r="IF20" s="102">
        <v>7</v>
      </c>
      <c r="IG20" s="102">
        <v>1</v>
      </c>
      <c r="IH20" s="102">
        <v>4</v>
      </c>
      <c r="II20" s="103">
        <v>36</v>
      </c>
      <c r="IJ20" s="104">
        <v>58</v>
      </c>
      <c r="IK20" s="101">
        <v>22</v>
      </c>
      <c r="IL20" s="102">
        <v>24</v>
      </c>
      <c r="IM20" s="103">
        <v>46</v>
      </c>
      <c r="IN20" s="413">
        <v>0</v>
      </c>
      <c r="IO20" s="102">
        <v>28</v>
      </c>
      <c r="IP20" s="102">
        <v>33</v>
      </c>
      <c r="IQ20" s="102">
        <v>11</v>
      </c>
      <c r="IR20" s="102">
        <v>9</v>
      </c>
      <c r="IS20" s="102">
        <v>3</v>
      </c>
      <c r="IT20" s="103">
        <v>84</v>
      </c>
      <c r="IU20" s="104">
        <v>130</v>
      </c>
      <c r="IV20" s="101">
        <v>27</v>
      </c>
      <c r="IW20" s="102">
        <v>14</v>
      </c>
      <c r="IX20" s="103">
        <v>41</v>
      </c>
      <c r="IY20" s="413">
        <v>0</v>
      </c>
      <c r="IZ20" s="102">
        <v>36</v>
      </c>
      <c r="JA20" s="102">
        <v>49</v>
      </c>
      <c r="JB20" s="102">
        <v>26</v>
      </c>
      <c r="JC20" s="102">
        <v>13</v>
      </c>
      <c r="JD20" s="102">
        <v>8</v>
      </c>
      <c r="JE20" s="103">
        <v>132</v>
      </c>
      <c r="JF20" s="104">
        <v>173</v>
      </c>
      <c r="JG20" s="101">
        <v>16</v>
      </c>
      <c r="JH20" s="102">
        <v>21</v>
      </c>
      <c r="JI20" s="103">
        <v>37</v>
      </c>
      <c r="JJ20" s="413">
        <v>0</v>
      </c>
      <c r="JK20" s="102">
        <v>30</v>
      </c>
      <c r="JL20" s="102">
        <v>48</v>
      </c>
      <c r="JM20" s="102">
        <v>26</v>
      </c>
      <c r="JN20" s="102">
        <v>19</v>
      </c>
      <c r="JO20" s="102">
        <v>15</v>
      </c>
      <c r="JP20" s="103">
        <v>138</v>
      </c>
      <c r="JQ20" s="104">
        <v>175</v>
      </c>
      <c r="JR20" s="101">
        <v>0</v>
      </c>
      <c r="JS20" s="102">
        <v>0</v>
      </c>
      <c r="JT20" s="103">
        <v>0</v>
      </c>
      <c r="JU20" s="413">
        <v>0</v>
      </c>
      <c r="JV20" s="102">
        <v>0</v>
      </c>
      <c r="JW20" s="102">
        <v>0</v>
      </c>
      <c r="JX20" s="102">
        <v>0</v>
      </c>
      <c r="JY20" s="102">
        <v>0</v>
      </c>
      <c r="JZ20" s="102">
        <v>0</v>
      </c>
      <c r="KA20" s="103">
        <v>0</v>
      </c>
      <c r="KB20" s="104">
        <v>0</v>
      </c>
      <c r="KC20" s="101">
        <v>79</v>
      </c>
      <c r="KD20" s="102">
        <v>74</v>
      </c>
      <c r="KE20" s="103">
        <v>153</v>
      </c>
      <c r="KF20" s="413">
        <v>0</v>
      </c>
      <c r="KG20" s="102">
        <v>111</v>
      </c>
      <c r="KH20" s="102">
        <v>148</v>
      </c>
      <c r="KI20" s="102">
        <v>76</v>
      </c>
      <c r="KJ20" s="102">
        <v>43</v>
      </c>
      <c r="KK20" s="102">
        <v>32</v>
      </c>
      <c r="KL20" s="103">
        <v>410</v>
      </c>
      <c r="KM20" s="104">
        <v>563</v>
      </c>
    </row>
    <row r="21" spans="2:299" s="70" customFormat="1" ht="21" customHeight="1" x14ac:dyDescent="0.2">
      <c r="B21" s="106" t="s">
        <v>18</v>
      </c>
      <c r="C21" s="96">
        <v>76</v>
      </c>
      <c r="D21" s="97">
        <v>78</v>
      </c>
      <c r="E21" s="98">
        <v>154</v>
      </c>
      <c r="F21" s="413">
        <v>0</v>
      </c>
      <c r="G21" s="97">
        <v>161</v>
      </c>
      <c r="H21" s="97">
        <v>113</v>
      </c>
      <c r="I21" s="97">
        <v>95</v>
      </c>
      <c r="J21" s="97">
        <v>57</v>
      </c>
      <c r="K21" s="97">
        <v>41</v>
      </c>
      <c r="L21" s="99">
        <v>467</v>
      </c>
      <c r="M21" s="100">
        <v>621</v>
      </c>
      <c r="N21" s="101">
        <v>2</v>
      </c>
      <c r="O21" s="102">
        <v>0</v>
      </c>
      <c r="P21" s="103">
        <v>2</v>
      </c>
      <c r="Q21" s="413">
        <v>0</v>
      </c>
      <c r="R21" s="102">
        <v>4</v>
      </c>
      <c r="S21" s="102">
        <v>0</v>
      </c>
      <c r="T21" s="102">
        <v>2</v>
      </c>
      <c r="U21" s="102">
        <v>2</v>
      </c>
      <c r="V21" s="102">
        <v>2</v>
      </c>
      <c r="W21" s="103">
        <v>10</v>
      </c>
      <c r="X21" s="104">
        <v>12</v>
      </c>
      <c r="Y21" s="101">
        <v>5</v>
      </c>
      <c r="Z21" s="102">
        <v>3</v>
      </c>
      <c r="AA21" s="103">
        <v>8</v>
      </c>
      <c r="AB21" s="413">
        <v>0</v>
      </c>
      <c r="AC21" s="102">
        <v>11</v>
      </c>
      <c r="AD21" s="102">
        <v>6</v>
      </c>
      <c r="AE21" s="102">
        <v>3</v>
      </c>
      <c r="AF21" s="102">
        <v>4</v>
      </c>
      <c r="AG21" s="102">
        <v>4</v>
      </c>
      <c r="AH21" s="103">
        <v>28</v>
      </c>
      <c r="AI21" s="104">
        <v>36</v>
      </c>
      <c r="AJ21" s="101">
        <v>6</v>
      </c>
      <c r="AK21" s="102">
        <v>13</v>
      </c>
      <c r="AL21" s="103">
        <v>19</v>
      </c>
      <c r="AM21" s="413">
        <v>0</v>
      </c>
      <c r="AN21" s="102">
        <v>14</v>
      </c>
      <c r="AO21" s="102">
        <v>8</v>
      </c>
      <c r="AP21" s="102">
        <v>7</v>
      </c>
      <c r="AQ21" s="102">
        <v>4</v>
      </c>
      <c r="AR21" s="102">
        <v>4</v>
      </c>
      <c r="AS21" s="103">
        <v>37</v>
      </c>
      <c r="AT21" s="104">
        <v>56</v>
      </c>
      <c r="AU21" s="101">
        <v>19</v>
      </c>
      <c r="AV21" s="102">
        <v>7</v>
      </c>
      <c r="AW21" s="103">
        <v>26</v>
      </c>
      <c r="AX21" s="413">
        <v>0</v>
      </c>
      <c r="AY21" s="102">
        <v>31</v>
      </c>
      <c r="AZ21" s="102">
        <v>22</v>
      </c>
      <c r="BA21" s="102">
        <v>12</v>
      </c>
      <c r="BB21" s="102">
        <v>11</v>
      </c>
      <c r="BC21" s="102">
        <v>8</v>
      </c>
      <c r="BD21" s="103">
        <v>84</v>
      </c>
      <c r="BE21" s="104">
        <v>110</v>
      </c>
      <c r="BF21" s="101">
        <v>28</v>
      </c>
      <c r="BG21" s="102">
        <v>23</v>
      </c>
      <c r="BH21" s="103">
        <v>51</v>
      </c>
      <c r="BI21" s="413">
        <v>0</v>
      </c>
      <c r="BJ21" s="102">
        <v>58</v>
      </c>
      <c r="BK21" s="102">
        <v>32</v>
      </c>
      <c r="BL21" s="102">
        <v>37</v>
      </c>
      <c r="BM21" s="102">
        <v>16</v>
      </c>
      <c r="BN21" s="102">
        <v>9</v>
      </c>
      <c r="BO21" s="103">
        <v>152</v>
      </c>
      <c r="BP21" s="104">
        <v>203</v>
      </c>
      <c r="BQ21" s="101">
        <v>16</v>
      </c>
      <c r="BR21" s="102">
        <v>32</v>
      </c>
      <c r="BS21" s="103">
        <v>48</v>
      </c>
      <c r="BT21" s="413">
        <v>0</v>
      </c>
      <c r="BU21" s="102">
        <v>43</v>
      </c>
      <c r="BV21" s="102">
        <v>45</v>
      </c>
      <c r="BW21" s="102">
        <v>34</v>
      </c>
      <c r="BX21" s="102">
        <v>20</v>
      </c>
      <c r="BY21" s="102">
        <v>14</v>
      </c>
      <c r="BZ21" s="103">
        <v>156</v>
      </c>
      <c r="CA21" s="104">
        <v>204</v>
      </c>
      <c r="CB21" s="101">
        <v>0</v>
      </c>
      <c r="CC21" s="102">
        <v>0</v>
      </c>
      <c r="CD21" s="103">
        <v>0</v>
      </c>
      <c r="CE21" s="413">
        <v>0</v>
      </c>
      <c r="CF21" s="102">
        <v>0</v>
      </c>
      <c r="CG21" s="102">
        <v>0</v>
      </c>
      <c r="CH21" s="102">
        <v>0</v>
      </c>
      <c r="CI21" s="102">
        <v>0</v>
      </c>
      <c r="CJ21" s="102">
        <v>0</v>
      </c>
      <c r="CK21" s="103">
        <v>0</v>
      </c>
      <c r="CL21" s="104">
        <v>0</v>
      </c>
      <c r="CM21" s="101">
        <v>76</v>
      </c>
      <c r="CN21" s="102">
        <v>78</v>
      </c>
      <c r="CO21" s="103">
        <v>154</v>
      </c>
      <c r="CP21" s="413">
        <v>0</v>
      </c>
      <c r="CQ21" s="102">
        <v>161</v>
      </c>
      <c r="CR21" s="102">
        <v>113</v>
      </c>
      <c r="CS21" s="102">
        <v>95</v>
      </c>
      <c r="CT21" s="102">
        <v>57</v>
      </c>
      <c r="CU21" s="102">
        <v>41</v>
      </c>
      <c r="CV21" s="103">
        <v>467</v>
      </c>
      <c r="CW21" s="104">
        <v>621</v>
      </c>
      <c r="CX21" s="105">
        <v>10</v>
      </c>
      <c r="CY21" s="97">
        <v>21</v>
      </c>
      <c r="CZ21" s="98">
        <v>31</v>
      </c>
      <c r="DA21" s="413">
        <v>0</v>
      </c>
      <c r="DB21" s="97">
        <v>24</v>
      </c>
      <c r="DC21" s="97">
        <v>16</v>
      </c>
      <c r="DD21" s="97">
        <v>13</v>
      </c>
      <c r="DE21" s="97">
        <v>10</v>
      </c>
      <c r="DF21" s="97">
        <v>10</v>
      </c>
      <c r="DG21" s="99">
        <v>73</v>
      </c>
      <c r="DH21" s="100">
        <v>104</v>
      </c>
      <c r="DI21" s="101">
        <v>1</v>
      </c>
      <c r="DJ21" s="102">
        <v>0</v>
      </c>
      <c r="DK21" s="103">
        <v>1</v>
      </c>
      <c r="DL21" s="413">
        <v>0</v>
      </c>
      <c r="DM21" s="102">
        <v>0</v>
      </c>
      <c r="DN21" s="102">
        <v>0</v>
      </c>
      <c r="DO21" s="102">
        <v>1</v>
      </c>
      <c r="DP21" s="102">
        <v>0</v>
      </c>
      <c r="DQ21" s="102">
        <v>2</v>
      </c>
      <c r="DR21" s="103">
        <v>3</v>
      </c>
      <c r="DS21" s="104">
        <v>4</v>
      </c>
      <c r="DT21" s="101">
        <v>0</v>
      </c>
      <c r="DU21" s="102">
        <v>3</v>
      </c>
      <c r="DV21" s="103">
        <v>3</v>
      </c>
      <c r="DW21" s="413">
        <v>0</v>
      </c>
      <c r="DX21" s="102">
        <v>2</v>
      </c>
      <c r="DY21" s="102">
        <v>1</v>
      </c>
      <c r="DZ21" s="102">
        <v>1</v>
      </c>
      <c r="EA21" s="102">
        <v>0</v>
      </c>
      <c r="EB21" s="102">
        <v>0</v>
      </c>
      <c r="EC21" s="103">
        <v>4</v>
      </c>
      <c r="ED21" s="104">
        <v>7</v>
      </c>
      <c r="EE21" s="101">
        <v>2</v>
      </c>
      <c r="EF21" s="102">
        <v>6</v>
      </c>
      <c r="EG21" s="103">
        <v>8</v>
      </c>
      <c r="EH21" s="413">
        <v>0</v>
      </c>
      <c r="EI21" s="102">
        <v>3</v>
      </c>
      <c r="EJ21" s="102">
        <v>0</v>
      </c>
      <c r="EK21" s="102">
        <v>0</v>
      </c>
      <c r="EL21" s="102">
        <v>0</v>
      </c>
      <c r="EM21" s="102">
        <v>0</v>
      </c>
      <c r="EN21" s="103">
        <v>3</v>
      </c>
      <c r="EO21" s="104">
        <v>11</v>
      </c>
      <c r="EP21" s="101">
        <v>2</v>
      </c>
      <c r="EQ21" s="102">
        <v>6</v>
      </c>
      <c r="ER21" s="103">
        <v>8</v>
      </c>
      <c r="ES21" s="413">
        <v>0</v>
      </c>
      <c r="ET21" s="102">
        <v>9</v>
      </c>
      <c r="EU21" s="102">
        <v>2</v>
      </c>
      <c r="EV21" s="102">
        <v>3</v>
      </c>
      <c r="EW21" s="102">
        <v>1</v>
      </c>
      <c r="EX21" s="102">
        <v>0</v>
      </c>
      <c r="EY21" s="103">
        <v>15</v>
      </c>
      <c r="EZ21" s="104">
        <v>23</v>
      </c>
      <c r="FA21" s="101">
        <v>2</v>
      </c>
      <c r="FB21" s="102">
        <v>4</v>
      </c>
      <c r="FC21" s="103">
        <v>6</v>
      </c>
      <c r="FD21" s="413">
        <v>0</v>
      </c>
      <c r="FE21" s="102">
        <v>2</v>
      </c>
      <c r="FF21" s="102">
        <v>9</v>
      </c>
      <c r="FG21" s="102">
        <v>2</v>
      </c>
      <c r="FH21" s="102">
        <v>1</v>
      </c>
      <c r="FI21" s="102">
        <v>2</v>
      </c>
      <c r="FJ21" s="103">
        <v>16</v>
      </c>
      <c r="FK21" s="104">
        <v>22</v>
      </c>
      <c r="FL21" s="101">
        <v>3</v>
      </c>
      <c r="FM21" s="102">
        <v>2</v>
      </c>
      <c r="FN21" s="103">
        <v>5</v>
      </c>
      <c r="FO21" s="413">
        <v>0</v>
      </c>
      <c r="FP21" s="102">
        <v>8</v>
      </c>
      <c r="FQ21" s="102">
        <v>4</v>
      </c>
      <c r="FR21" s="102">
        <v>6</v>
      </c>
      <c r="FS21" s="102">
        <v>8</v>
      </c>
      <c r="FT21" s="102">
        <v>6</v>
      </c>
      <c r="FU21" s="103">
        <v>32</v>
      </c>
      <c r="FV21" s="104">
        <v>37</v>
      </c>
      <c r="FW21" s="101">
        <v>0</v>
      </c>
      <c r="FX21" s="102">
        <v>0</v>
      </c>
      <c r="FY21" s="103">
        <v>0</v>
      </c>
      <c r="FZ21" s="413">
        <v>0</v>
      </c>
      <c r="GA21" s="102">
        <v>0</v>
      </c>
      <c r="GB21" s="102">
        <v>0</v>
      </c>
      <c r="GC21" s="102">
        <v>0</v>
      </c>
      <c r="GD21" s="102">
        <v>0</v>
      </c>
      <c r="GE21" s="102">
        <v>0</v>
      </c>
      <c r="GF21" s="103">
        <v>0</v>
      </c>
      <c r="GG21" s="104">
        <v>0</v>
      </c>
      <c r="GH21" s="101">
        <v>10</v>
      </c>
      <c r="GI21" s="102">
        <v>21</v>
      </c>
      <c r="GJ21" s="103">
        <v>31</v>
      </c>
      <c r="GK21" s="413">
        <v>0</v>
      </c>
      <c r="GL21" s="102">
        <v>24</v>
      </c>
      <c r="GM21" s="102">
        <v>16</v>
      </c>
      <c r="GN21" s="102">
        <v>13</v>
      </c>
      <c r="GO21" s="102">
        <v>10</v>
      </c>
      <c r="GP21" s="102">
        <v>10</v>
      </c>
      <c r="GQ21" s="103">
        <v>73</v>
      </c>
      <c r="GR21" s="104">
        <v>104</v>
      </c>
      <c r="GS21" s="105">
        <v>86</v>
      </c>
      <c r="GT21" s="97">
        <v>99</v>
      </c>
      <c r="GU21" s="98">
        <v>185</v>
      </c>
      <c r="GV21" s="413">
        <v>0</v>
      </c>
      <c r="GW21" s="97">
        <v>185</v>
      </c>
      <c r="GX21" s="97">
        <v>129</v>
      </c>
      <c r="GY21" s="97">
        <v>108</v>
      </c>
      <c r="GZ21" s="97">
        <v>67</v>
      </c>
      <c r="HA21" s="97">
        <v>51</v>
      </c>
      <c r="HB21" s="99">
        <v>540</v>
      </c>
      <c r="HC21" s="100">
        <v>725</v>
      </c>
      <c r="HD21" s="101">
        <v>3</v>
      </c>
      <c r="HE21" s="102">
        <v>0</v>
      </c>
      <c r="HF21" s="103">
        <v>3</v>
      </c>
      <c r="HG21" s="413">
        <v>0</v>
      </c>
      <c r="HH21" s="102">
        <v>4</v>
      </c>
      <c r="HI21" s="102">
        <v>0</v>
      </c>
      <c r="HJ21" s="102">
        <v>3</v>
      </c>
      <c r="HK21" s="102">
        <v>2</v>
      </c>
      <c r="HL21" s="102">
        <v>4</v>
      </c>
      <c r="HM21" s="103">
        <v>13</v>
      </c>
      <c r="HN21" s="104">
        <v>16</v>
      </c>
      <c r="HO21" s="101">
        <v>5</v>
      </c>
      <c r="HP21" s="102">
        <v>6</v>
      </c>
      <c r="HQ21" s="103">
        <v>11</v>
      </c>
      <c r="HR21" s="413">
        <v>0</v>
      </c>
      <c r="HS21" s="102">
        <v>13</v>
      </c>
      <c r="HT21" s="102">
        <v>7</v>
      </c>
      <c r="HU21" s="102">
        <v>4</v>
      </c>
      <c r="HV21" s="102">
        <v>4</v>
      </c>
      <c r="HW21" s="102">
        <v>4</v>
      </c>
      <c r="HX21" s="103">
        <v>32</v>
      </c>
      <c r="HY21" s="104">
        <v>43</v>
      </c>
      <c r="HZ21" s="101">
        <v>8</v>
      </c>
      <c r="IA21" s="102">
        <v>19</v>
      </c>
      <c r="IB21" s="103">
        <v>27</v>
      </c>
      <c r="IC21" s="413">
        <v>0</v>
      </c>
      <c r="ID21" s="102">
        <v>17</v>
      </c>
      <c r="IE21" s="102">
        <v>8</v>
      </c>
      <c r="IF21" s="102">
        <v>7</v>
      </c>
      <c r="IG21" s="102">
        <v>4</v>
      </c>
      <c r="IH21" s="102">
        <v>4</v>
      </c>
      <c r="II21" s="103">
        <v>40</v>
      </c>
      <c r="IJ21" s="104">
        <v>67</v>
      </c>
      <c r="IK21" s="101">
        <v>21</v>
      </c>
      <c r="IL21" s="102">
        <v>13</v>
      </c>
      <c r="IM21" s="103">
        <v>34</v>
      </c>
      <c r="IN21" s="413">
        <v>0</v>
      </c>
      <c r="IO21" s="102">
        <v>40</v>
      </c>
      <c r="IP21" s="102">
        <v>24</v>
      </c>
      <c r="IQ21" s="102">
        <v>15</v>
      </c>
      <c r="IR21" s="102">
        <v>12</v>
      </c>
      <c r="IS21" s="102">
        <v>8</v>
      </c>
      <c r="IT21" s="103">
        <v>99</v>
      </c>
      <c r="IU21" s="104">
        <v>133</v>
      </c>
      <c r="IV21" s="101">
        <v>30</v>
      </c>
      <c r="IW21" s="102">
        <v>27</v>
      </c>
      <c r="IX21" s="103">
        <v>57</v>
      </c>
      <c r="IY21" s="413">
        <v>0</v>
      </c>
      <c r="IZ21" s="102">
        <v>60</v>
      </c>
      <c r="JA21" s="102">
        <v>41</v>
      </c>
      <c r="JB21" s="102">
        <v>39</v>
      </c>
      <c r="JC21" s="102">
        <v>17</v>
      </c>
      <c r="JD21" s="102">
        <v>11</v>
      </c>
      <c r="JE21" s="103">
        <v>168</v>
      </c>
      <c r="JF21" s="104">
        <v>225</v>
      </c>
      <c r="JG21" s="101">
        <v>19</v>
      </c>
      <c r="JH21" s="102">
        <v>34</v>
      </c>
      <c r="JI21" s="103">
        <v>53</v>
      </c>
      <c r="JJ21" s="413">
        <v>0</v>
      </c>
      <c r="JK21" s="102">
        <v>51</v>
      </c>
      <c r="JL21" s="102">
        <v>49</v>
      </c>
      <c r="JM21" s="102">
        <v>40</v>
      </c>
      <c r="JN21" s="102">
        <v>28</v>
      </c>
      <c r="JO21" s="102">
        <v>20</v>
      </c>
      <c r="JP21" s="103">
        <v>188</v>
      </c>
      <c r="JQ21" s="104">
        <v>241</v>
      </c>
      <c r="JR21" s="101">
        <v>0</v>
      </c>
      <c r="JS21" s="102">
        <v>0</v>
      </c>
      <c r="JT21" s="103">
        <v>0</v>
      </c>
      <c r="JU21" s="413">
        <v>0</v>
      </c>
      <c r="JV21" s="102">
        <v>0</v>
      </c>
      <c r="JW21" s="102">
        <v>0</v>
      </c>
      <c r="JX21" s="102">
        <v>0</v>
      </c>
      <c r="JY21" s="102">
        <v>0</v>
      </c>
      <c r="JZ21" s="102">
        <v>0</v>
      </c>
      <c r="KA21" s="103">
        <v>0</v>
      </c>
      <c r="KB21" s="104">
        <v>0</v>
      </c>
      <c r="KC21" s="101">
        <v>86</v>
      </c>
      <c r="KD21" s="102">
        <v>99</v>
      </c>
      <c r="KE21" s="103">
        <v>185</v>
      </c>
      <c r="KF21" s="413">
        <v>0</v>
      </c>
      <c r="KG21" s="102">
        <v>185</v>
      </c>
      <c r="KH21" s="102">
        <v>129</v>
      </c>
      <c r="KI21" s="102">
        <v>108</v>
      </c>
      <c r="KJ21" s="102">
        <v>67</v>
      </c>
      <c r="KK21" s="102">
        <v>51</v>
      </c>
      <c r="KL21" s="103">
        <v>540</v>
      </c>
      <c r="KM21" s="104">
        <v>725</v>
      </c>
    </row>
    <row r="22" spans="2:299" s="70" customFormat="1" ht="21" customHeight="1" x14ac:dyDescent="0.2">
      <c r="B22" s="106" t="s">
        <v>19</v>
      </c>
      <c r="C22" s="96">
        <v>43</v>
      </c>
      <c r="D22" s="97">
        <v>40</v>
      </c>
      <c r="E22" s="98">
        <v>83</v>
      </c>
      <c r="F22" s="413">
        <v>0</v>
      </c>
      <c r="G22" s="97">
        <v>68</v>
      </c>
      <c r="H22" s="97">
        <v>57</v>
      </c>
      <c r="I22" s="97">
        <v>23</v>
      </c>
      <c r="J22" s="97">
        <v>15</v>
      </c>
      <c r="K22" s="97">
        <v>23</v>
      </c>
      <c r="L22" s="99">
        <v>186</v>
      </c>
      <c r="M22" s="100">
        <v>269</v>
      </c>
      <c r="N22" s="107">
        <v>0</v>
      </c>
      <c r="O22" s="102">
        <v>0</v>
      </c>
      <c r="P22" s="103">
        <v>0</v>
      </c>
      <c r="Q22" s="413">
        <v>0</v>
      </c>
      <c r="R22" s="102">
        <v>1</v>
      </c>
      <c r="S22" s="102">
        <v>1</v>
      </c>
      <c r="T22" s="102">
        <v>1</v>
      </c>
      <c r="U22" s="102">
        <v>1</v>
      </c>
      <c r="V22" s="102">
        <v>0</v>
      </c>
      <c r="W22" s="103">
        <v>4</v>
      </c>
      <c r="X22" s="104">
        <v>4</v>
      </c>
      <c r="Y22" s="101">
        <v>2</v>
      </c>
      <c r="Z22" s="102">
        <v>2</v>
      </c>
      <c r="AA22" s="103">
        <v>4</v>
      </c>
      <c r="AB22" s="413">
        <v>0</v>
      </c>
      <c r="AC22" s="102">
        <v>1</v>
      </c>
      <c r="AD22" s="102">
        <v>6</v>
      </c>
      <c r="AE22" s="102">
        <v>0</v>
      </c>
      <c r="AF22" s="102">
        <v>0</v>
      </c>
      <c r="AG22" s="102">
        <v>1</v>
      </c>
      <c r="AH22" s="103">
        <v>8</v>
      </c>
      <c r="AI22" s="104">
        <v>12</v>
      </c>
      <c r="AJ22" s="107">
        <v>2</v>
      </c>
      <c r="AK22" s="102">
        <v>5</v>
      </c>
      <c r="AL22" s="103">
        <v>7</v>
      </c>
      <c r="AM22" s="413">
        <v>0</v>
      </c>
      <c r="AN22" s="102">
        <v>3</v>
      </c>
      <c r="AO22" s="102">
        <v>4</v>
      </c>
      <c r="AP22" s="102">
        <v>1</v>
      </c>
      <c r="AQ22" s="102">
        <v>0</v>
      </c>
      <c r="AR22" s="102">
        <v>1</v>
      </c>
      <c r="AS22" s="103">
        <v>9</v>
      </c>
      <c r="AT22" s="104">
        <v>16</v>
      </c>
      <c r="AU22" s="101">
        <v>8</v>
      </c>
      <c r="AV22" s="102">
        <v>6</v>
      </c>
      <c r="AW22" s="103">
        <v>14</v>
      </c>
      <c r="AX22" s="413">
        <v>0</v>
      </c>
      <c r="AY22" s="102">
        <v>11</v>
      </c>
      <c r="AZ22" s="102">
        <v>12</v>
      </c>
      <c r="BA22" s="102">
        <v>3</v>
      </c>
      <c r="BB22" s="102">
        <v>4</v>
      </c>
      <c r="BC22" s="102">
        <v>8</v>
      </c>
      <c r="BD22" s="103">
        <v>38</v>
      </c>
      <c r="BE22" s="104">
        <v>52</v>
      </c>
      <c r="BF22" s="107">
        <v>14</v>
      </c>
      <c r="BG22" s="102">
        <v>12</v>
      </c>
      <c r="BH22" s="103">
        <v>26</v>
      </c>
      <c r="BI22" s="413">
        <v>0</v>
      </c>
      <c r="BJ22" s="102">
        <v>27</v>
      </c>
      <c r="BK22" s="102">
        <v>11</v>
      </c>
      <c r="BL22" s="102">
        <v>9</v>
      </c>
      <c r="BM22" s="102">
        <v>7</v>
      </c>
      <c r="BN22" s="102">
        <v>9</v>
      </c>
      <c r="BO22" s="103">
        <v>63</v>
      </c>
      <c r="BP22" s="104">
        <v>89</v>
      </c>
      <c r="BQ22" s="101">
        <v>17</v>
      </c>
      <c r="BR22" s="102">
        <v>15</v>
      </c>
      <c r="BS22" s="103">
        <v>32</v>
      </c>
      <c r="BT22" s="413">
        <v>0</v>
      </c>
      <c r="BU22" s="102">
        <v>25</v>
      </c>
      <c r="BV22" s="102">
        <v>23</v>
      </c>
      <c r="BW22" s="102">
        <v>9</v>
      </c>
      <c r="BX22" s="102">
        <v>3</v>
      </c>
      <c r="BY22" s="102">
        <v>4</v>
      </c>
      <c r="BZ22" s="103">
        <v>64</v>
      </c>
      <c r="CA22" s="104">
        <v>96</v>
      </c>
      <c r="CB22" s="101">
        <v>0</v>
      </c>
      <c r="CC22" s="102">
        <v>0</v>
      </c>
      <c r="CD22" s="103">
        <v>0</v>
      </c>
      <c r="CE22" s="413">
        <v>0</v>
      </c>
      <c r="CF22" s="102">
        <v>0</v>
      </c>
      <c r="CG22" s="102">
        <v>0</v>
      </c>
      <c r="CH22" s="102">
        <v>0</v>
      </c>
      <c r="CI22" s="102">
        <v>0</v>
      </c>
      <c r="CJ22" s="102">
        <v>0</v>
      </c>
      <c r="CK22" s="103">
        <v>0</v>
      </c>
      <c r="CL22" s="104">
        <v>0</v>
      </c>
      <c r="CM22" s="101">
        <v>43</v>
      </c>
      <c r="CN22" s="102">
        <v>40</v>
      </c>
      <c r="CO22" s="103">
        <v>83</v>
      </c>
      <c r="CP22" s="413">
        <v>0</v>
      </c>
      <c r="CQ22" s="102">
        <v>68</v>
      </c>
      <c r="CR22" s="102">
        <v>57</v>
      </c>
      <c r="CS22" s="102">
        <v>23</v>
      </c>
      <c r="CT22" s="102">
        <v>15</v>
      </c>
      <c r="CU22" s="102">
        <v>23</v>
      </c>
      <c r="CV22" s="103">
        <v>186</v>
      </c>
      <c r="CW22" s="104">
        <v>269</v>
      </c>
      <c r="CX22" s="105">
        <v>4</v>
      </c>
      <c r="CY22" s="97">
        <v>3</v>
      </c>
      <c r="CZ22" s="98">
        <v>7</v>
      </c>
      <c r="DA22" s="413">
        <v>0</v>
      </c>
      <c r="DB22" s="97">
        <v>13</v>
      </c>
      <c r="DC22" s="97">
        <v>5</v>
      </c>
      <c r="DD22" s="97">
        <v>7</v>
      </c>
      <c r="DE22" s="97">
        <v>5</v>
      </c>
      <c r="DF22" s="97">
        <v>1</v>
      </c>
      <c r="DG22" s="99">
        <v>31</v>
      </c>
      <c r="DH22" s="100">
        <v>38</v>
      </c>
      <c r="DI22" s="107">
        <v>1</v>
      </c>
      <c r="DJ22" s="102">
        <v>0</v>
      </c>
      <c r="DK22" s="103">
        <v>1</v>
      </c>
      <c r="DL22" s="413">
        <v>0</v>
      </c>
      <c r="DM22" s="102">
        <v>0</v>
      </c>
      <c r="DN22" s="102">
        <v>0</v>
      </c>
      <c r="DO22" s="102">
        <v>0</v>
      </c>
      <c r="DP22" s="102">
        <v>0</v>
      </c>
      <c r="DQ22" s="102">
        <v>0</v>
      </c>
      <c r="DR22" s="103">
        <v>0</v>
      </c>
      <c r="DS22" s="104">
        <v>1</v>
      </c>
      <c r="DT22" s="101">
        <v>0</v>
      </c>
      <c r="DU22" s="102">
        <v>1</v>
      </c>
      <c r="DV22" s="103">
        <v>1</v>
      </c>
      <c r="DW22" s="413">
        <v>0</v>
      </c>
      <c r="DX22" s="102">
        <v>1</v>
      </c>
      <c r="DY22" s="102">
        <v>0</v>
      </c>
      <c r="DZ22" s="102">
        <v>1</v>
      </c>
      <c r="EA22" s="102">
        <v>0</v>
      </c>
      <c r="EB22" s="102">
        <v>0</v>
      </c>
      <c r="EC22" s="103">
        <v>2</v>
      </c>
      <c r="ED22" s="104">
        <v>3</v>
      </c>
      <c r="EE22" s="107">
        <v>1</v>
      </c>
      <c r="EF22" s="102">
        <v>0</v>
      </c>
      <c r="EG22" s="103">
        <v>1</v>
      </c>
      <c r="EH22" s="413">
        <v>0</v>
      </c>
      <c r="EI22" s="102">
        <v>0</v>
      </c>
      <c r="EJ22" s="102">
        <v>0</v>
      </c>
      <c r="EK22" s="102">
        <v>0</v>
      </c>
      <c r="EL22" s="102">
        <v>1</v>
      </c>
      <c r="EM22" s="102">
        <v>0</v>
      </c>
      <c r="EN22" s="103">
        <v>1</v>
      </c>
      <c r="EO22" s="104">
        <v>2</v>
      </c>
      <c r="EP22" s="101">
        <v>2</v>
      </c>
      <c r="EQ22" s="102">
        <v>1</v>
      </c>
      <c r="ER22" s="103">
        <v>3</v>
      </c>
      <c r="ES22" s="413">
        <v>0</v>
      </c>
      <c r="ET22" s="102">
        <v>6</v>
      </c>
      <c r="EU22" s="102">
        <v>2</v>
      </c>
      <c r="EV22" s="102">
        <v>1</v>
      </c>
      <c r="EW22" s="102">
        <v>1</v>
      </c>
      <c r="EX22" s="102">
        <v>0</v>
      </c>
      <c r="EY22" s="103">
        <v>10</v>
      </c>
      <c r="EZ22" s="104">
        <v>13</v>
      </c>
      <c r="FA22" s="107">
        <v>0</v>
      </c>
      <c r="FB22" s="102">
        <v>1</v>
      </c>
      <c r="FC22" s="103">
        <v>1</v>
      </c>
      <c r="FD22" s="413">
        <v>0</v>
      </c>
      <c r="FE22" s="102">
        <v>3</v>
      </c>
      <c r="FF22" s="102">
        <v>1</v>
      </c>
      <c r="FG22" s="102">
        <v>1</v>
      </c>
      <c r="FH22" s="102">
        <v>2</v>
      </c>
      <c r="FI22" s="102">
        <v>1</v>
      </c>
      <c r="FJ22" s="103">
        <v>8</v>
      </c>
      <c r="FK22" s="104">
        <v>9</v>
      </c>
      <c r="FL22" s="101">
        <v>0</v>
      </c>
      <c r="FM22" s="102">
        <v>0</v>
      </c>
      <c r="FN22" s="103">
        <v>0</v>
      </c>
      <c r="FO22" s="413">
        <v>0</v>
      </c>
      <c r="FP22" s="102">
        <v>3</v>
      </c>
      <c r="FQ22" s="102">
        <v>2</v>
      </c>
      <c r="FR22" s="102">
        <v>4</v>
      </c>
      <c r="FS22" s="102">
        <v>1</v>
      </c>
      <c r="FT22" s="102">
        <v>0</v>
      </c>
      <c r="FU22" s="103">
        <v>10</v>
      </c>
      <c r="FV22" s="104">
        <v>10</v>
      </c>
      <c r="FW22" s="101">
        <v>0</v>
      </c>
      <c r="FX22" s="102">
        <v>0</v>
      </c>
      <c r="FY22" s="103">
        <v>0</v>
      </c>
      <c r="FZ22" s="413">
        <v>0</v>
      </c>
      <c r="GA22" s="102">
        <v>0</v>
      </c>
      <c r="GB22" s="102">
        <v>0</v>
      </c>
      <c r="GC22" s="102">
        <v>0</v>
      </c>
      <c r="GD22" s="102">
        <v>0</v>
      </c>
      <c r="GE22" s="102">
        <v>0</v>
      </c>
      <c r="GF22" s="103">
        <v>0</v>
      </c>
      <c r="GG22" s="104">
        <v>0</v>
      </c>
      <c r="GH22" s="101">
        <v>4</v>
      </c>
      <c r="GI22" s="102">
        <v>3</v>
      </c>
      <c r="GJ22" s="103">
        <v>7</v>
      </c>
      <c r="GK22" s="413">
        <v>0</v>
      </c>
      <c r="GL22" s="102">
        <v>13</v>
      </c>
      <c r="GM22" s="102">
        <v>5</v>
      </c>
      <c r="GN22" s="102">
        <v>7</v>
      </c>
      <c r="GO22" s="102">
        <v>5</v>
      </c>
      <c r="GP22" s="102">
        <v>1</v>
      </c>
      <c r="GQ22" s="103">
        <v>31</v>
      </c>
      <c r="GR22" s="104">
        <v>38</v>
      </c>
      <c r="GS22" s="105">
        <v>47</v>
      </c>
      <c r="GT22" s="97">
        <v>43</v>
      </c>
      <c r="GU22" s="98">
        <v>90</v>
      </c>
      <c r="GV22" s="413">
        <v>0</v>
      </c>
      <c r="GW22" s="97">
        <v>81</v>
      </c>
      <c r="GX22" s="97">
        <v>62</v>
      </c>
      <c r="GY22" s="97">
        <v>30</v>
      </c>
      <c r="GZ22" s="97">
        <v>20</v>
      </c>
      <c r="HA22" s="97">
        <v>24</v>
      </c>
      <c r="HB22" s="99">
        <v>217</v>
      </c>
      <c r="HC22" s="100">
        <v>307</v>
      </c>
      <c r="HD22" s="107">
        <v>1</v>
      </c>
      <c r="HE22" s="102">
        <v>0</v>
      </c>
      <c r="HF22" s="103">
        <v>1</v>
      </c>
      <c r="HG22" s="413">
        <v>0</v>
      </c>
      <c r="HH22" s="102">
        <v>1</v>
      </c>
      <c r="HI22" s="102">
        <v>1</v>
      </c>
      <c r="HJ22" s="102">
        <v>1</v>
      </c>
      <c r="HK22" s="102">
        <v>1</v>
      </c>
      <c r="HL22" s="102">
        <v>0</v>
      </c>
      <c r="HM22" s="103">
        <v>4</v>
      </c>
      <c r="HN22" s="104">
        <v>5</v>
      </c>
      <c r="HO22" s="101">
        <v>2</v>
      </c>
      <c r="HP22" s="102">
        <v>3</v>
      </c>
      <c r="HQ22" s="103">
        <v>5</v>
      </c>
      <c r="HR22" s="413">
        <v>0</v>
      </c>
      <c r="HS22" s="102">
        <v>2</v>
      </c>
      <c r="HT22" s="102">
        <v>6</v>
      </c>
      <c r="HU22" s="102">
        <v>1</v>
      </c>
      <c r="HV22" s="102">
        <v>0</v>
      </c>
      <c r="HW22" s="102">
        <v>1</v>
      </c>
      <c r="HX22" s="103">
        <v>10</v>
      </c>
      <c r="HY22" s="104">
        <v>15</v>
      </c>
      <c r="HZ22" s="107">
        <v>3</v>
      </c>
      <c r="IA22" s="102">
        <v>5</v>
      </c>
      <c r="IB22" s="103">
        <v>8</v>
      </c>
      <c r="IC22" s="413">
        <v>0</v>
      </c>
      <c r="ID22" s="102">
        <v>3</v>
      </c>
      <c r="IE22" s="102">
        <v>4</v>
      </c>
      <c r="IF22" s="102">
        <v>1</v>
      </c>
      <c r="IG22" s="102">
        <v>1</v>
      </c>
      <c r="IH22" s="102">
        <v>1</v>
      </c>
      <c r="II22" s="103">
        <v>10</v>
      </c>
      <c r="IJ22" s="104">
        <v>18</v>
      </c>
      <c r="IK22" s="101">
        <v>10</v>
      </c>
      <c r="IL22" s="102">
        <v>7</v>
      </c>
      <c r="IM22" s="103">
        <v>17</v>
      </c>
      <c r="IN22" s="413">
        <v>0</v>
      </c>
      <c r="IO22" s="102">
        <v>17</v>
      </c>
      <c r="IP22" s="102">
        <v>14</v>
      </c>
      <c r="IQ22" s="102">
        <v>4</v>
      </c>
      <c r="IR22" s="102">
        <v>5</v>
      </c>
      <c r="IS22" s="102">
        <v>8</v>
      </c>
      <c r="IT22" s="103">
        <v>48</v>
      </c>
      <c r="IU22" s="104">
        <v>65</v>
      </c>
      <c r="IV22" s="107">
        <v>14</v>
      </c>
      <c r="IW22" s="102">
        <v>13</v>
      </c>
      <c r="IX22" s="103">
        <v>27</v>
      </c>
      <c r="IY22" s="413">
        <v>0</v>
      </c>
      <c r="IZ22" s="102">
        <v>30</v>
      </c>
      <c r="JA22" s="102">
        <v>12</v>
      </c>
      <c r="JB22" s="102">
        <v>10</v>
      </c>
      <c r="JC22" s="102">
        <v>9</v>
      </c>
      <c r="JD22" s="102">
        <v>10</v>
      </c>
      <c r="JE22" s="103">
        <v>71</v>
      </c>
      <c r="JF22" s="104">
        <v>98</v>
      </c>
      <c r="JG22" s="101">
        <v>17</v>
      </c>
      <c r="JH22" s="102">
        <v>15</v>
      </c>
      <c r="JI22" s="103">
        <v>32</v>
      </c>
      <c r="JJ22" s="413">
        <v>0</v>
      </c>
      <c r="JK22" s="102">
        <v>28</v>
      </c>
      <c r="JL22" s="102">
        <v>25</v>
      </c>
      <c r="JM22" s="102">
        <v>13</v>
      </c>
      <c r="JN22" s="102">
        <v>4</v>
      </c>
      <c r="JO22" s="102">
        <v>4</v>
      </c>
      <c r="JP22" s="103">
        <v>74</v>
      </c>
      <c r="JQ22" s="104">
        <v>106</v>
      </c>
      <c r="JR22" s="101">
        <v>0</v>
      </c>
      <c r="JS22" s="102">
        <v>0</v>
      </c>
      <c r="JT22" s="103">
        <v>0</v>
      </c>
      <c r="JU22" s="413">
        <v>0</v>
      </c>
      <c r="JV22" s="102">
        <v>0</v>
      </c>
      <c r="JW22" s="102">
        <v>0</v>
      </c>
      <c r="JX22" s="102">
        <v>0</v>
      </c>
      <c r="JY22" s="102">
        <v>0</v>
      </c>
      <c r="JZ22" s="102">
        <v>0</v>
      </c>
      <c r="KA22" s="103">
        <v>0</v>
      </c>
      <c r="KB22" s="104">
        <v>0</v>
      </c>
      <c r="KC22" s="101">
        <v>47</v>
      </c>
      <c r="KD22" s="102">
        <v>43</v>
      </c>
      <c r="KE22" s="103">
        <v>90</v>
      </c>
      <c r="KF22" s="413">
        <v>0</v>
      </c>
      <c r="KG22" s="102">
        <v>81</v>
      </c>
      <c r="KH22" s="102">
        <v>62</v>
      </c>
      <c r="KI22" s="102">
        <v>30</v>
      </c>
      <c r="KJ22" s="102">
        <v>20</v>
      </c>
      <c r="KK22" s="102">
        <v>24</v>
      </c>
      <c r="KL22" s="103">
        <v>217</v>
      </c>
      <c r="KM22" s="104">
        <v>307</v>
      </c>
    </row>
    <row r="23" spans="2:299" s="70" customFormat="1" ht="21" customHeight="1" x14ac:dyDescent="0.2">
      <c r="B23" s="106" t="s">
        <v>20</v>
      </c>
      <c r="C23" s="96">
        <v>73</v>
      </c>
      <c r="D23" s="97">
        <v>58</v>
      </c>
      <c r="E23" s="98">
        <v>131</v>
      </c>
      <c r="F23" s="413">
        <v>0</v>
      </c>
      <c r="G23" s="97">
        <v>134</v>
      </c>
      <c r="H23" s="97">
        <v>92</v>
      </c>
      <c r="I23" s="97">
        <v>49</v>
      </c>
      <c r="J23" s="97">
        <v>33</v>
      </c>
      <c r="K23" s="97">
        <v>16</v>
      </c>
      <c r="L23" s="99">
        <v>324</v>
      </c>
      <c r="M23" s="100">
        <v>455</v>
      </c>
      <c r="N23" s="101">
        <v>1</v>
      </c>
      <c r="O23" s="102">
        <v>1</v>
      </c>
      <c r="P23" s="103">
        <v>2</v>
      </c>
      <c r="Q23" s="413">
        <v>0</v>
      </c>
      <c r="R23" s="102">
        <v>4</v>
      </c>
      <c r="S23" s="102">
        <v>0</v>
      </c>
      <c r="T23" s="102">
        <v>3</v>
      </c>
      <c r="U23" s="102">
        <v>0</v>
      </c>
      <c r="V23" s="102">
        <v>0</v>
      </c>
      <c r="W23" s="103">
        <v>7</v>
      </c>
      <c r="X23" s="104">
        <v>9</v>
      </c>
      <c r="Y23" s="101">
        <v>3</v>
      </c>
      <c r="Z23" s="102">
        <v>3</v>
      </c>
      <c r="AA23" s="103">
        <v>6</v>
      </c>
      <c r="AB23" s="413">
        <v>0</v>
      </c>
      <c r="AC23" s="102">
        <v>6</v>
      </c>
      <c r="AD23" s="102">
        <v>2</v>
      </c>
      <c r="AE23" s="102">
        <v>2</v>
      </c>
      <c r="AF23" s="102">
        <v>4</v>
      </c>
      <c r="AG23" s="102">
        <v>0</v>
      </c>
      <c r="AH23" s="103">
        <v>14</v>
      </c>
      <c r="AI23" s="104">
        <v>20</v>
      </c>
      <c r="AJ23" s="101">
        <v>9</v>
      </c>
      <c r="AK23" s="102">
        <v>4</v>
      </c>
      <c r="AL23" s="103">
        <v>13</v>
      </c>
      <c r="AM23" s="413">
        <v>0</v>
      </c>
      <c r="AN23" s="102">
        <v>14</v>
      </c>
      <c r="AO23" s="102">
        <v>6</v>
      </c>
      <c r="AP23" s="102">
        <v>5</v>
      </c>
      <c r="AQ23" s="102">
        <v>3</v>
      </c>
      <c r="AR23" s="102">
        <v>1</v>
      </c>
      <c r="AS23" s="103">
        <v>29</v>
      </c>
      <c r="AT23" s="104">
        <v>42</v>
      </c>
      <c r="AU23" s="101">
        <v>18</v>
      </c>
      <c r="AV23" s="102">
        <v>13</v>
      </c>
      <c r="AW23" s="103">
        <v>31</v>
      </c>
      <c r="AX23" s="413">
        <v>0</v>
      </c>
      <c r="AY23" s="102">
        <v>37</v>
      </c>
      <c r="AZ23" s="102">
        <v>20</v>
      </c>
      <c r="BA23" s="102">
        <v>8</v>
      </c>
      <c r="BB23" s="102">
        <v>6</v>
      </c>
      <c r="BC23" s="102">
        <v>7</v>
      </c>
      <c r="BD23" s="103">
        <v>78</v>
      </c>
      <c r="BE23" s="104">
        <v>109</v>
      </c>
      <c r="BF23" s="101">
        <v>22</v>
      </c>
      <c r="BG23" s="102">
        <v>18</v>
      </c>
      <c r="BH23" s="103">
        <v>40</v>
      </c>
      <c r="BI23" s="413">
        <v>0</v>
      </c>
      <c r="BJ23" s="102">
        <v>45</v>
      </c>
      <c r="BK23" s="102">
        <v>35</v>
      </c>
      <c r="BL23" s="102">
        <v>16</v>
      </c>
      <c r="BM23" s="102">
        <v>11</v>
      </c>
      <c r="BN23" s="102">
        <v>3</v>
      </c>
      <c r="BO23" s="103">
        <v>110</v>
      </c>
      <c r="BP23" s="104">
        <v>150</v>
      </c>
      <c r="BQ23" s="101">
        <v>20</v>
      </c>
      <c r="BR23" s="102">
        <v>19</v>
      </c>
      <c r="BS23" s="103">
        <v>39</v>
      </c>
      <c r="BT23" s="413">
        <v>0</v>
      </c>
      <c r="BU23" s="102">
        <v>28</v>
      </c>
      <c r="BV23" s="102">
        <v>29</v>
      </c>
      <c r="BW23" s="102">
        <v>15</v>
      </c>
      <c r="BX23" s="102">
        <v>9</v>
      </c>
      <c r="BY23" s="102">
        <v>5</v>
      </c>
      <c r="BZ23" s="103">
        <v>86</v>
      </c>
      <c r="CA23" s="104">
        <v>125</v>
      </c>
      <c r="CB23" s="101">
        <v>0</v>
      </c>
      <c r="CC23" s="102">
        <v>0</v>
      </c>
      <c r="CD23" s="103">
        <v>0</v>
      </c>
      <c r="CE23" s="413">
        <v>0</v>
      </c>
      <c r="CF23" s="102">
        <v>0</v>
      </c>
      <c r="CG23" s="102">
        <v>0</v>
      </c>
      <c r="CH23" s="102">
        <v>0</v>
      </c>
      <c r="CI23" s="102">
        <v>0</v>
      </c>
      <c r="CJ23" s="102">
        <v>0</v>
      </c>
      <c r="CK23" s="103">
        <v>0</v>
      </c>
      <c r="CL23" s="104">
        <v>0</v>
      </c>
      <c r="CM23" s="101">
        <v>73</v>
      </c>
      <c r="CN23" s="102">
        <v>58</v>
      </c>
      <c r="CO23" s="103">
        <v>131</v>
      </c>
      <c r="CP23" s="413">
        <v>0</v>
      </c>
      <c r="CQ23" s="102">
        <v>134</v>
      </c>
      <c r="CR23" s="102">
        <v>92</v>
      </c>
      <c r="CS23" s="102">
        <v>49</v>
      </c>
      <c r="CT23" s="102">
        <v>33</v>
      </c>
      <c r="CU23" s="102">
        <v>16</v>
      </c>
      <c r="CV23" s="103">
        <v>324</v>
      </c>
      <c r="CW23" s="104">
        <v>455</v>
      </c>
      <c r="CX23" s="105">
        <v>8</v>
      </c>
      <c r="CY23" s="97">
        <v>8</v>
      </c>
      <c r="CZ23" s="98">
        <v>16</v>
      </c>
      <c r="DA23" s="413">
        <v>0</v>
      </c>
      <c r="DB23" s="97">
        <v>16</v>
      </c>
      <c r="DC23" s="97">
        <v>2</v>
      </c>
      <c r="DD23" s="97">
        <v>7</v>
      </c>
      <c r="DE23" s="97">
        <v>6</v>
      </c>
      <c r="DF23" s="97">
        <v>4</v>
      </c>
      <c r="DG23" s="99">
        <v>35</v>
      </c>
      <c r="DH23" s="100">
        <v>51</v>
      </c>
      <c r="DI23" s="101">
        <v>0</v>
      </c>
      <c r="DJ23" s="102">
        <v>0</v>
      </c>
      <c r="DK23" s="103">
        <v>0</v>
      </c>
      <c r="DL23" s="413">
        <v>0</v>
      </c>
      <c r="DM23" s="102">
        <v>0</v>
      </c>
      <c r="DN23" s="102">
        <v>0</v>
      </c>
      <c r="DO23" s="102">
        <v>0</v>
      </c>
      <c r="DP23" s="102">
        <v>0</v>
      </c>
      <c r="DQ23" s="102">
        <v>0</v>
      </c>
      <c r="DR23" s="103">
        <v>0</v>
      </c>
      <c r="DS23" s="104">
        <v>0</v>
      </c>
      <c r="DT23" s="101">
        <v>1</v>
      </c>
      <c r="DU23" s="102">
        <v>0</v>
      </c>
      <c r="DV23" s="103">
        <v>1</v>
      </c>
      <c r="DW23" s="413">
        <v>0</v>
      </c>
      <c r="DX23" s="102">
        <v>0</v>
      </c>
      <c r="DY23" s="102">
        <v>0</v>
      </c>
      <c r="DZ23" s="102">
        <v>0</v>
      </c>
      <c r="EA23" s="102">
        <v>0</v>
      </c>
      <c r="EB23" s="102">
        <v>0</v>
      </c>
      <c r="EC23" s="103">
        <v>0</v>
      </c>
      <c r="ED23" s="104">
        <v>1</v>
      </c>
      <c r="EE23" s="101">
        <v>2</v>
      </c>
      <c r="EF23" s="102">
        <v>0</v>
      </c>
      <c r="EG23" s="103">
        <v>2</v>
      </c>
      <c r="EH23" s="413">
        <v>0</v>
      </c>
      <c r="EI23" s="102">
        <v>4</v>
      </c>
      <c r="EJ23" s="102">
        <v>0</v>
      </c>
      <c r="EK23" s="102">
        <v>4</v>
      </c>
      <c r="EL23" s="102">
        <v>0</v>
      </c>
      <c r="EM23" s="102">
        <v>0</v>
      </c>
      <c r="EN23" s="103">
        <v>8</v>
      </c>
      <c r="EO23" s="104">
        <v>10</v>
      </c>
      <c r="EP23" s="101">
        <v>4</v>
      </c>
      <c r="EQ23" s="102">
        <v>4</v>
      </c>
      <c r="ER23" s="103">
        <v>8</v>
      </c>
      <c r="ES23" s="413">
        <v>0</v>
      </c>
      <c r="ET23" s="102">
        <v>2</v>
      </c>
      <c r="EU23" s="102">
        <v>1</v>
      </c>
      <c r="EV23" s="102">
        <v>2</v>
      </c>
      <c r="EW23" s="102">
        <v>1</v>
      </c>
      <c r="EX23" s="102">
        <v>0</v>
      </c>
      <c r="EY23" s="103">
        <v>6</v>
      </c>
      <c r="EZ23" s="104">
        <v>14</v>
      </c>
      <c r="FA23" s="101">
        <v>1</v>
      </c>
      <c r="FB23" s="102">
        <v>3</v>
      </c>
      <c r="FC23" s="103">
        <v>4</v>
      </c>
      <c r="FD23" s="413">
        <v>0</v>
      </c>
      <c r="FE23" s="102">
        <v>3</v>
      </c>
      <c r="FF23" s="102">
        <v>0</v>
      </c>
      <c r="FG23" s="102">
        <v>0</v>
      </c>
      <c r="FH23" s="102">
        <v>3</v>
      </c>
      <c r="FI23" s="102">
        <v>2</v>
      </c>
      <c r="FJ23" s="103">
        <v>8</v>
      </c>
      <c r="FK23" s="104">
        <v>12</v>
      </c>
      <c r="FL23" s="101">
        <v>0</v>
      </c>
      <c r="FM23" s="102">
        <v>1</v>
      </c>
      <c r="FN23" s="103">
        <v>1</v>
      </c>
      <c r="FO23" s="413">
        <v>0</v>
      </c>
      <c r="FP23" s="102">
        <v>7</v>
      </c>
      <c r="FQ23" s="102">
        <v>1</v>
      </c>
      <c r="FR23" s="102">
        <v>1</v>
      </c>
      <c r="FS23" s="102">
        <v>2</v>
      </c>
      <c r="FT23" s="102">
        <v>2</v>
      </c>
      <c r="FU23" s="103">
        <v>13</v>
      </c>
      <c r="FV23" s="104">
        <v>14</v>
      </c>
      <c r="FW23" s="101">
        <v>0</v>
      </c>
      <c r="FX23" s="102">
        <v>0</v>
      </c>
      <c r="FY23" s="103">
        <v>0</v>
      </c>
      <c r="FZ23" s="413">
        <v>0</v>
      </c>
      <c r="GA23" s="102">
        <v>0</v>
      </c>
      <c r="GB23" s="102">
        <v>0</v>
      </c>
      <c r="GC23" s="102">
        <v>0</v>
      </c>
      <c r="GD23" s="102">
        <v>0</v>
      </c>
      <c r="GE23" s="102">
        <v>0</v>
      </c>
      <c r="GF23" s="103">
        <v>0</v>
      </c>
      <c r="GG23" s="104">
        <v>0</v>
      </c>
      <c r="GH23" s="101">
        <v>8</v>
      </c>
      <c r="GI23" s="102">
        <v>8</v>
      </c>
      <c r="GJ23" s="103">
        <v>16</v>
      </c>
      <c r="GK23" s="413">
        <v>0</v>
      </c>
      <c r="GL23" s="102">
        <v>16</v>
      </c>
      <c r="GM23" s="102">
        <v>2</v>
      </c>
      <c r="GN23" s="102">
        <v>7</v>
      </c>
      <c r="GO23" s="102">
        <v>6</v>
      </c>
      <c r="GP23" s="102">
        <v>4</v>
      </c>
      <c r="GQ23" s="103">
        <v>35</v>
      </c>
      <c r="GR23" s="104">
        <v>51</v>
      </c>
      <c r="GS23" s="105">
        <v>81</v>
      </c>
      <c r="GT23" s="97">
        <v>66</v>
      </c>
      <c r="GU23" s="98">
        <v>147</v>
      </c>
      <c r="GV23" s="413">
        <v>0</v>
      </c>
      <c r="GW23" s="97">
        <v>150</v>
      </c>
      <c r="GX23" s="97">
        <v>94</v>
      </c>
      <c r="GY23" s="97">
        <v>56</v>
      </c>
      <c r="GZ23" s="97">
        <v>39</v>
      </c>
      <c r="HA23" s="97">
        <v>20</v>
      </c>
      <c r="HB23" s="99">
        <v>359</v>
      </c>
      <c r="HC23" s="100">
        <v>506</v>
      </c>
      <c r="HD23" s="101">
        <v>1</v>
      </c>
      <c r="HE23" s="102">
        <v>1</v>
      </c>
      <c r="HF23" s="103">
        <v>2</v>
      </c>
      <c r="HG23" s="413">
        <v>0</v>
      </c>
      <c r="HH23" s="102">
        <v>4</v>
      </c>
      <c r="HI23" s="102">
        <v>0</v>
      </c>
      <c r="HJ23" s="102">
        <v>3</v>
      </c>
      <c r="HK23" s="102">
        <v>0</v>
      </c>
      <c r="HL23" s="102">
        <v>0</v>
      </c>
      <c r="HM23" s="103">
        <v>7</v>
      </c>
      <c r="HN23" s="104">
        <v>9</v>
      </c>
      <c r="HO23" s="101">
        <v>4</v>
      </c>
      <c r="HP23" s="102">
        <v>3</v>
      </c>
      <c r="HQ23" s="103">
        <v>7</v>
      </c>
      <c r="HR23" s="413">
        <v>0</v>
      </c>
      <c r="HS23" s="102">
        <v>6</v>
      </c>
      <c r="HT23" s="102">
        <v>2</v>
      </c>
      <c r="HU23" s="102">
        <v>2</v>
      </c>
      <c r="HV23" s="102">
        <v>4</v>
      </c>
      <c r="HW23" s="102">
        <v>0</v>
      </c>
      <c r="HX23" s="103">
        <v>14</v>
      </c>
      <c r="HY23" s="104">
        <v>21</v>
      </c>
      <c r="HZ23" s="101">
        <v>11</v>
      </c>
      <c r="IA23" s="102">
        <v>4</v>
      </c>
      <c r="IB23" s="103">
        <v>15</v>
      </c>
      <c r="IC23" s="413">
        <v>0</v>
      </c>
      <c r="ID23" s="102">
        <v>18</v>
      </c>
      <c r="IE23" s="102">
        <v>6</v>
      </c>
      <c r="IF23" s="102">
        <v>9</v>
      </c>
      <c r="IG23" s="102">
        <v>3</v>
      </c>
      <c r="IH23" s="102">
        <v>1</v>
      </c>
      <c r="II23" s="103">
        <v>37</v>
      </c>
      <c r="IJ23" s="104">
        <v>52</v>
      </c>
      <c r="IK23" s="101">
        <v>22</v>
      </c>
      <c r="IL23" s="102">
        <v>17</v>
      </c>
      <c r="IM23" s="103">
        <v>39</v>
      </c>
      <c r="IN23" s="413">
        <v>0</v>
      </c>
      <c r="IO23" s="102">
        <v>39</v>
      </c>
      <c r="IP23" s="102">
        <v>21</v>
      </c>
      <c r="IQ23" s="102">
        <v>10</v>
      </c>
      <c r="IR23" s="102">
        <v>7</v>
      </c>
      <c r="IS23" s="102">
        <v>7</v>
      </c>
      <c r="IT23" s="103">
        <v>84</v>
      </c>
      <c r="IU23" s="104">
        <v>123</v>
      </c>
      <c r="IV23" s="101">
        <v>23</v>
      </c>
      <c r="IW23" s="102">
        <v>21</v>
      </c>
      <c r="IX23" s="103">
        <v>44</v>
      </c>
      <c r="IY23" s="413">
        <v>0</v>
      </c>
      <c r="IZ23" s="102">
        <v>48</v>
      </c>
      <c r="JA23" s="102">
        <v>35</v>
      </c>
      <c r="JB23" s="102">
        <v>16</v>
      </c>
      <c r="JC23" s="102">
        <v>14</v>
      </c>
      <c r="JD23" s="102">
        <v>5</v>
      </c>
      <c r="JE23" s="103">
        <v>118</v>
      </c>
      <c r="JF23" s="104">
        <v>162</v>
      </c>
      <c r="JG23" s="101">
        <v>20</v>
      </c>
      <c r="JH23" s="102">
        <v>20</v>
      </c>
      <c r="JI23" s="103">
        <v>40</v>
      </c>
      <c r="JJ23" s="413">
        <v>0</v>
      </c>
      <c r="JK23" s="102">
        <v>35</v>
      </c>
      <c r="JL23" s="102">
        <v>30</v>
      </c>
      <c r="JM23" s="102">
        <v>16</v>
      </c>
      <c r="JN23" s="102">
        <v>11</v>
      </c>
      <c r="JO23" s="102">
        <v>7</v>
      </c>
      <c r="JP23" s="103">
        <v>99</v>
      </c>
      <c r="JQ23" s="104">
        <v>139</v>
      </c>
      <c r="JR23" s="101">
        <v>0</v>
      </c>
      <c r="JS23" s="102">
        <v>0</v>
      </c>
      <c r="JT23" s="103">
        <v>0</v>
      </c>
      <c r="JU23" s="413">
        <v>0</v>
      </c>
      <c r="JV23" s="102">
        <v>0</v>
      </c>
      <c r="JW23" s="102">
        <v>0</v>
      </c>
      <c r="JX23" s="102">
        <v>0</v>
      </c>
      <c r="JY23" s="102">
        <v>0</v>
      </c>
      <c r="JZ23" s="102">
        <v>0</v>
      </c>
      <c r="KA23" s="103">
        <v>0</v>
      </c>
      <c r="KB23" s="104">
        <v>0</v>
      </c>
      <c r="KC23" s="101">
        <v>81</v>
      </c>
      <c r="KD23" s="102">
        <v>66</v>
      </c>
      <c r="KE23" s="103">
        <v>147</v>
      </c>
      <c r="KF23" s="413">
        <v>0</v>
      </c>
      <c r="KG23" s="102">
        <v>150</v>
      </c>
      <c r="KH23" s="102">
        <v>94</v>
      </c>
      <c r="KI23" s="102">
        <v>56</v>
      </c>
      <c r="KJ23" s="102">
        <v>39</v>
      </c>
      <c r="KK23" s="102">
        <v>20</v>
      </c>
      <c r="KL23" s="103">
        <v>359</v>
      </c>
      <c r="KM23" s="104">
        <v>506</v>
      </c>
    </row>
    <row r="24" spans="2:299" s="70" customFormat="1" ht="21" customHeight="1" x14ac:dyDescent="0.2">
      <c r="B24" s="106" t="s">
        <v>21</v>
      </c>
      <c r="C24" s="96">
        <v>54</v>
      </c>
      <c r="D24" s="97">
        <v>52</v>
      </c>
      <c r="E24" s="98">
        <v>106</v>
      </c>
      <c r="F24" s="413">
        <v>0</v>
      </c>
      <c r="G24" s="97">
        <v>72</v>
      </c>
      <c r="H24" s="97">
        <v>68</v>
      </c>
      <c r="I24" s="97">
        <v>39</v>
      </c>
      <c r="J24" s="97">
        <v>23</v>
      </c>
      <c r="K24" s="97">
        <v>13</v>
      </c>
      <c r="L24" s="99">
        <v>215</v>
      </c>
      <c r="M24" s="100">
        <v>321</v>
      </c>
      <c r="N24" s="101">
        <v>2</v>
      </c>
      <c r="O24" s="102">
        <v>0</v>
      </c>
      <c r="P24" s="103">
        <v>2</v>
      </c>
      <c r="Q24" s="413">
        <v>0</v>
      </c>
      <c r="R24" s="102">
        <v>1</v>
      </c>
      <c r="S24" s="102">
        <v>3</v>
      </c>
      <c r="T24" s="102">
        <v>1</v>
      </c>
      <c r="U24" s="102">
        <v>0</v>
      </c>
      <c r="V24" s="102">
        <v>2</v>
      </c>
      <c r="W24" s="103">
        <v>7</v>
      </c>
      <c r="X24" s="104">
        <v>9</v>
      </c>
      <c r="Y24" s="101">
        <v>2</v>
      </c>
      <c r="Z24" s="102">
        <v>2</v>
      </c>
      <c r="AA24" s="103">
        <v>4</v>
      </c>
      <c r="AB24" s="413">
        <v>0</v>
      </c>
      <c r="AC24" s="102">
        <v>2</v>
      </c>
      <c r="AD24" s="102">
        <v>2</v>
      </c>
      <c r="AE24" s="102">
        <v>1</v>
      </c>
      <c r="AF24" s="102">
        <v>0</v>
      </c>
      <c r="AG24" s="102">
        <v>0</v>
      </c>
      <c r="AH24" s="103">
        <v>5</v>
      </c>
      <c r="AI24" s="104">
        <v>9</v>
      </c>
      <c r="AJ24" s="101">
        <v>6</v>
      </c>
      <c r="AK24" s="102">
        <v>7</v>
      </c>
      <c r="AL24" s="103">
        <v>13</v>
      </c>
      <c r="AM24" s="413">
        <v>0</v>
      </c>
      <c r="AN24" s="102">
        <v>6</v>
      </c>
      <c r="AO24" s="102">
        <v>10</v>
      </c>
      <c r="AP24" s="102">
        <v>5</v>
      </c>
      <c r="AQ24" s="102">
        <v>2</v>
      </c>
      <c r="AR24" s="102">
        <v>0</v>
      </c>
      <c r="AS24" s="103">
        <v>23</v>
      </c>
      <c r="AT24" s="104">
        <v>36</v>
      </c>
      <c r="AU24" s="101">
        <v>9</v>
      </c>
      <c r="AV24" s="102">
        <v>12</v>
      </c>
      <c r="AW24" s="103">
        <v>21</v>
      </c>
      <c r="AX24" s="413">
        <v>0</v>
      </c>
      <c r="AY24" s="102">
        <v>14</v>
      </c>
      <c r="AZ24" s="102">
        <v>15</v>
      </c>
      <c r="BA24" s="102">
        <v>11</v>
      </c>
      <c r="BB24" s="102">
        <v>7</v>
      </c>
      <c r="BC24" s="102">
        <v>2</v>
      </c>
      <c r="BD24" s="103">
        <v>49</v>
      </c>
      <c r="BE24" s="104">
        <v>70</v>
      </c>
      <c r="BF24" s="101">
        <v>16</v>
      </c>
      <c r="BG24" s="102">
        <v>15</v>
      </c>
      <c r="BH24" s="103">
        <v>31</v>
      </c>
      <c r="BI24" s="413">
        <v>0</v>
      </c>
      <c r="BJ24" s="102">
        <v>26</v>
      </c>
      <c r="BK24" s="102">
        <v>18</v>
      </c>
      <c r="BL24" s="102">
        <v>10</v>
      </c>
      <c r="BM24" s="102">
        <v>7</v>
      </c>
      <c r="BN24" s="102">
        <v>3</v>
      </c>
      <c r="BO24" s="103">
        <v>64</v>
      </c>
      <c r="BP24" s="104">
        <v>95</v>
      </c>
      <c r="BQ24" s="101">
        <v>19</v>
      </c>
      <c r="BR24" s="102">
        <v>16</v>
      </c>
      <c r="BS24" s="103">
        <v>35</v>
      </c>
      <c r="BT24" s="413">
        <v>0</v>
      </c>
      <c r="BU24" s="102">
        <v>23</v>
      </c>
      <c r="BV24" s="102">
        <v>20</v>
      </c>
      <c r="BW24" s="102">
        <v>11</v>
      </c>
      <c r="BX24" s="102">
        <v>7</v>
      </c>
      <c r="BY24" s="102">
        <v>6</v>
      </c>
      <c r="BZ24" s="103">
        <v>67</v>
      </c>
      <c r="CA24" s="104">
        <v>102</v>
      </c>
      <c r="CB24" s="101">
        <v>0</v>
      </c>
      <c r="CC24" s="102">
        <v>0</v>
      </c>
      <c r="CD24" s="103">
        <v>0</v>
      </c>
      <c r="CE24" s="413">
        <v>0</v>
      </c>
      <c r="CF24" s="102">
        <v>0</v>
      </c>
      <c r="CG24" s="102">
        <v>0</v>
      </c>
      <c r="CH24" s="102">
        <v>0</v>
      </c>
      <c r="CI24" s="102">
        <v>0</v>
      </c>
      <c r="CJ24" s="102">
        <v>0</v>
      </c>
      <c r="CK24" s="103">
        <v>0</v>
      </c>
      <c r="CL24" s="104">
        <v>0</v>
      </c>
      <c r="CM24" s="101">
        <v>54</v>
      </c>
      <c r="CN24" s="102">
        <v>52</v>
      </c>
      <c r="CO24" s="103">
        <v>106</v>
      </c>
      <c r="CP24" s="413">
        <v>0</v>
      </c>
      <c r="CQ24" s="102">
        <v>72</v>
      </c>
      <c r="CR24" s="102">
        <v>68</v>
      </c>
      <c r="CS24" s="102">
        <v>39</v>
      </c>
      <c r="CT24" s="102">
        <v>23</v>
      </c>
      <c r="CU24" s="102">
        <v>13</v>
      </c>
      <c r="CV24" s="103">
        <v>215</v>
      </c>
      <c r="CW24" s="104">
        <v>321</v>
      </c>
      <c r="CX24" s="105">
        <v>5</v>
      </c>
      <c r="CY24" s="97">
        <v>5</v>
      </c>
      <c r="CZ24" s="98">
        <v>10</v>
      </c>
      <c r="DA24" s="413">
        <v>0</v>
      </c>
      <c r="DB24" s="97">
        <v>11</v>
      </c>
      <c r="DC24" s="97">
        <v>9</v>
      </c>
      <c r="DD24" s="97">
        <v>3</v>
      </c>
      <c r="DE24" s="97">
        <v>8</v>
      </c>
      <c r="DF24" s="97">
        <v>4</v>
      </c>
      <c r="DG24" s="99">
        <v>35</v>
      </c>
      <c r="DH24" s="100">
        <v>45</v>
      </c>
      <c r="DI24" s="101">
        <v>0</v>
      </c>
      <c r="DJ24" s="102">
        <v>0</v>
      </c>
      <c r="DK24" s="103">
        <v>0</v>
      </c>
      <c r="DL24" s="413">
        <v>0</v>
      </c>
      <c r="DM24" s="102">
        <v>1</v>
      </c>
      <c r="DN24" s="102">
        <v>0</v>
      </c>
      <c r="DO24" s="102">
        <v>0</v>
      </c>
      <c r="DP24" s="102">
        <v>0</v>
      </c>
      <c r="DQ24" s="102">
        <v>0</v>
      </c>
      <c r="DR24" s="103">
        <v>1</v>
      </c>
      <c r="DS24" s="104">
        <v>1</v>
      </c>
      <c r="DT24" s="101">
        <v>1</v>
      </c>
      <c r="DU24" s="102">
        <v>0</v>
      </c>
      <c r="DV24" s="103">
        <v>1</v>
      </c>
      <c r="DW24" s="413">
        <v>0</v>
      </c>
      <c r="DX24" s="102">
        <v>0</v>
      </c>
      <c r="DY24" s="102">
        <v>1</v>
      </c>
      <c r="DZ24" s="102">
        <v>0</v>
      </c>
      <c r="EA24" s="102">
        <v>0</v>
      </c>
      <c r="EB24" s="102">
        <v>0</v>
      </c>
      <c r="EC24" s="103">
        <v>1</v>
      </c>
      <c r="ED24" s="104">
        <v>2</v>
      </c>
      <c r="EE24" s="101">
        <v>0</v>
      </c>
      <c r="EF24" s="102">
        <v>0</v>
      </c>
      <c r="EG24" s="103">
        <v>0</v>
      </c>
      <c r="EH24" s="413">
        <v>0</v>
      </c>
      <c r="EI24" s="102">
        <v>0</v>
      </c>
      <c r="EJ24" s="102">
        <v>0</v>
      </c>
      <c r="EK24" s="102">
        <v>0</v>
      </c>
      <c r="EL24" s="102">
        <v>0</v>
      </c>
      <c r="EM24" s="102">
        <v>0</v>
      </c>
      <c r="EN24" s="103">
        <v>0</v>
      </c>
      <c r="EO24" s="104">
        <v>0</v>
      </c>
      <c r="EP24" s="101">
        <v>1</v>
      </c>
      <c r="EQ24" s="102">
        <v>2</v>
      </c>
      <c r="ER24" s="103">
        <v>3</v>
      </c>
      <c r="ES24" s="413">
        <v>0</v>
      </c>
      <c r="ET24" s="102">
        <v>1</v>
      </c>
      <c r="EU24" s="102">
        <v>2</v>
      </c>
      <c r="EV24" s="102">
        <v>1</v>
      </c>
      <c r="EW24" s="102">
        <v>0</v>
      </c>
      <c r="EX24" s="102">
        <v>1</v>
      </c>
      <c r="EY24" s="103">
        <v>5</v>
      </c>
      <c r="EZ24" s="104">
        <v>8</v>
      </c>
      <c r="FA24" s="101">
        <v>1</v>
      </c>
      <c r="FB24" s="102">
        <v>2</v>
      </c>
      <c r="FC24" s="103">
        <v>3</v>
      </c>
      <c r="FD24" s="413">
        <v>0</v>
      </c>
      <c r="FE24" s="102">
        <v>7</v>
      </c>
      <c r="FF24" s="102">
        <v>2</v>
      </c>
      <c r="FG24" s="102">
        <v>1</v>
      </c>
      <c r="FH24" s="102">
        <v>2</v>
      </c>
      <c r="FI24" s="102">
        <v>2</v>
      </c>
      <c r="FJ24" s="103">
        <v>14</v>
      </c>
      <c r="FK24" s="104">
        <v>17</v>
      </c>
      <c r="FL24" s="101">
        <v>2</v>
      </c>
      <c r="FM24" s="102">
        <v>1</v>
      </c>
      <c r="FN24" s="103">
        <v>3</v>
      </c>
      <c r="FO24" s="413">
        <v>0</v>
      </c>
      <c r="FP24" s="102">
        <v>2</v>
      </c>
      <c r="FQ24" s="102">
        <v>4</v>
      </c>
      <c r="FR24" s="102">
        <v>1</v>
      </c>
      <c r="FS24" s="102">
        <v>6</v>
      </c>
      <c r="FT24" s="102">
        <v>1</v>
      </c>
      <c r="FU24" s="103">
        <v>14</v>
      </c>
      <c r="FV24" s="104">
        <v>17</v>
      </c>
      <c r="FW24" s="101">
        <v>0</v>
      </c>
      <c r="FX24" s="102">
        <v>0</v>
      </c>
      <c r="FY24" s="103">
        <v>0</v>
      </c>
      <c r="FZ24" s="413">
        <v>0</v>
      </c>
      <c r="GA24" s="102">
        <v>0</v>
      </c>
      <c r="GB24" s="102">
        <v>0</v>
      </c>
      <c r="GC24" s="102">
        <v>0</v>
      </c>
      <c r="GD24" s="102">
        <v>0</v>
      </c>
      <c r="GE24" s="102">
        <v>0</v>
      </c>
      <c r="GF24" s="103">
        <v>0</v>
      </c>
      <c r="GG24" s="104">
        <v>0</v>
      </c>
      <c r="GH24" s="101">
        <v>5</v>
      </c>
      <c r="GI24" s="102">
        <v>5</v>
      </c>
      <c r="GJ24" s="103">
        <v>10</v>
      </c>
      <c r="GK24" s="413">
        <v>0</v>
      </c>
      <c r="GL24" s="102">
        <v>11</v>
      </c>
      <c r="GM24" s="102">
        <v>9</v>
      </c>
      <c r="GN24" s="102">
        <v>3</v>
      </c>
      <c r="GO24" s="102">
        <v>8</v>
      </c>
      <c r="GP24" s="102">
        <v>4</v>
      </c>
      <c r="GQ24" s="103">
        <v>35</v>
      </c>
      <c r="GR24" s="104">
        <v>45</v>
      </c>
      <c r="GS24" s="105">
        <v>59</v>
      </c>
      <c r="GT24" s="97">
        <v>57</v>
      </c>
      <c r="GU24" s="98">
        <v>116</v>
      </c>
      <c r="GV24" s="413">
        <v>0</v>
      </c>
      <c r="GW24" s="97">
        <v>83</v>
      </c>
      <c r="GX24" s="97">
        <v>77</v>
      </c>
      <c r="GY24" s="97">
        <v>42</v>
      </c>
      <c r="GZ24" s="97">
        <v>31</v>
      </c>
      <c r="HA24" s="97">
        <v>17</v>
      </c>
      <c r="HB24" s="99">
        <v>250</v>
      </c>
      <c r="HC24" s="100">
        <v>366</v>
      </c>
      <c r="HD24" s="101">
        <v>2</v>
      </c>
      <c r="HE24" s="102">
        <v>0</v>
      </c>
      <c r="HF24" s="103">
        <v>2</v>
      </c>
      <c r="HG24" s="413">
        <v>0</v>
      </c>
      <c r="HH24" s="102">
        <v>2</v>
      </c>
      <c r="HI24" s="102">
        <v>3</v>
      </c>
      <c r="HJ24" s="102">
        <v>1</v>
      </c>
      <c r="HK24" s="102">
        <v>0</v>
      </c>
      <c r="HL24" s="102">
        <v>2</v>
      </c>
      <c r="HM24" s="103">
        <v>8</v>
      </c>
      <c r="HN24" s="104">
        <v>10</v>
      </c>
      <c r="HO24" s="101">
        <v>3</v>
      </c>
      <c r="HP24" s="102">
        <v>2</v>
      </c>
      <c r="HQ24" s="103">
        <v>5</v>
      </c>
      <c r="HR24" s="413">
        <v>0</v>
      </c>
      <c r="HS24" s="102">
        <v>2</v>
      </c>
      <c r="HT24" s="102">
        <v>3</v>
      </c>
      <c r="HU24" s="102">
        <v>1</v>
      </c>
      <c r="HV24" s="102">
        <v>0</v>
      </c>
      <c r="HW24" s="102">
        <v>0</v>
      </c>
      <c r="HX24" s="103">
        <v>6</v>
      </c>
      <c r="HY24" s="104">
        <v>11</v>
      </c>
      <c r="HZ24" s="101">
        <v>6</v>
      </c>
      <c r="IA24" s="102">
        <v>7</v>
      </c>
      <c r="IB24" s="103">
        <v>13</v>
      </c>
      <c r="IC24" s="413">
        <v>0</v>
      </c>
      <c r="ID24" s="102">
        <v>6</v>
      </c>
      <c r="IE24" s="102">
        <v>10</v>
      </c>
      <c r="IF24" s="102">
        <v>5</v>
      </c>
      <c r="IG24" s="102">
        <v>2</v>
      </c>
      <c r="IH24" s="102">
        <v>0</v>
      </c>
      <c r="II24" s="103">
        <v>23</v>
      </c>
      <c r="IJ24" s="104">
        <v>36</v>
      </c>
      <c r="IK24" s="101">
        <v>10</v>
      </c>
      <c r="IL24" s="102">
        <v>14</v>
      </c>
      <c r="IM24" s="103">
        <v>24</v>
      </c>
      <c r="IN24" s="413">
        <v>0</v>
      </c>
      <c r="IO24" s="102">
        <v>15</v>
      </c>
      <c r="IP24" s="102">
        <v>17</v>
      </c>
      <c r="IQ24" s="102">
        <v>12</v>
      </c>
      <c r="IR24" s="102">
        <v>7</v>
      </c>
      <c r="IS24" s="102">
        <v>3</v>
      </c>
      <c r="IT24" s="103">
        <v>54</v>
      </c>
      <c r="IU24" s="104">
        <v>78</v>
      </c>
      <c r="IV24" s="101">
        <v>17</v>
      </c>
      <c r="IW24" s="102">
        <v>17</v>
      </c>
      <c r="IX24" s="103">
        <v>34</v>
      </c>
      <c r="IY24" s="413">
        <v>0</v>
      </c>
      <c r="IZ24" s="102">
        <v>33</v>
      </c>
      <c r="JA24" s="102">
        <v>20</v>
      </c>
      <c r="JB24" s="102">
        <v>11</v>
      </c>
      <c r="JC24" s="102">
        <v>9</v>
      </c>
      <c r="JD24" s="102">
        <v>5</v>
      </c>
      <c r="JE24" s="103">
        <v>78</v>
      </c>
      <c r="JF24" s="104">
        <v>112</v>
      </c>
      <c r="JG24" s="101">
        <v>21</v>
      </c>
      <c r="JH24" s="102">
        <v>17</v>
      </c>
      <c r="JI24" s="103">
        <v>38</v>
      </c>
      <c r="JJ24" s="413">
        <v>0</v>
      </c>
      <c r="JK24" s="102">
        <v>25</v>
      </c>
      <c r="JL24" s="102">
        <v>24</v>
      </c>
      <c r="JM24" s="102">
        <v>12</v>
      </c>
      <c r="JN24" s="102">
        <v>13</v>
      </c>
      <c r="JO24" s="102">
        <v>7</v>
      </c>
      <c r="JP24" s="103">
        <v>81</v>
      </c>
      <c r="JQ24" s="104">
        <v>119</v>
      </c>
      <c r="JR24" s="101">
        <v>0</v>
      </c>
      <c r="JS24" s="102">
        <v>0</v>
      </c>
      <c r="JT24" s="103">
        <v>0</v>
      </c>
      <c r="JU24" s="413">
        <v>0</v>
      </c>
      <c r="JV24" s="102">
        <v>0</v>
      </c>
      <c r="JW24" s="102">
        <v>0</v>
      </c>
      <c r="JX24" s="102">
        <v>0</v>
      </c>
      <c r="JY24" s="102">
        <v>0</v>
      </c>
      <c r="JZ24" s="102">
        <v>0</v>
      </c>
      <c r="KA24" s="103">
        <v>0</v>
      </c>
      <c r="KB24" s="104">
        <v>0</v>
      </c>
      <c r="KC24" s="101">
        <v>59</v>
      </c>
      <c r="KD24" s="102">
        <v>57</v>
      </c>
      <c r="KE24" s="103">
        <v>116</v>
      </c>
      <c r="KF24" s="413">
        <v>0</v>
      </c>
      <c r="KG24" s="102">
        <v>83</v>
      </c>
      <c r="KH24" s="102">
        <v>77</v>
      </c>
      <c r="KI24" s="102">
        <v>42</v>
      </c>
      <c r="KJ24" s="102">
        <v>31</v>
      </c>
      <c r="KK24" s="102">
        <v>17</v>
      </c>
      <c r="KL24" s="103">
        <v>250</v>
      </c>
      <c r="KM24" s="104">
        <v>366</v>
      </c>
    </row>
    <row r="25" spans="2:299" s="70" customFormat="1" ht="21" customHeight="1" x14ac:dyDescent="0.2">
      <c r="B25" s="106" t="s">
        <v>22</v>
      </c>
      <c r="C25" s="96">
        <v>17</v>
      </c>
      <c r="D25" s="97">
        <v>15</v>
      </c>
      <c r="E25" s="98">
        <v>32</v>
      </c>
      <c r="F25" s="413">
        <v>0</v>
      </c>
      <c r="G25" s="97">
        <v>48</v>
      </c>
      <c r="H25" s="97">
        <v>29</v>
      </c>
      <c r="I25" s="97">
        <v>22</v>
      </c>
      <c r="J25" s="97">
        <v>17</v>
      </c>
      <c r="K25" s="97">
        <v>8</v>
      </c>
      <c r="L25" s="99">
        <v>124</v>
      </c>
      <c r="M25" s="100">
        <v>156</v>
      </c>
      <c r="N25" s="101">
        <v>0</v>
      </c>
      <c r="O25" s="102">
        <v>0</v>
      </c>
      <c r="P25" s="103">
        <v>0</v>
      </c>
      <c r="Q25" s="413">
        <v>0</v>
      </c>
      <c r="R25" s="102">
        <v>0</v>
      </c>
      <c r="S25" s="102">
        <v>0</v>
      </c>
      <c r="T25" s="102">
        <v>0</v>
      </c>
      <c r="U25" s="102">
        <v>0</v>
      </c>
      <c r="V25" s="102">
        <v>0</v>
      </c>
      <c r="W25" s="103">
        <v>0</v>
      </c>
      <c r="X25" s="104">
        <v>0</v>
      </c>
      <c r="Y25" s="101">
        <v>0</v>
      </c>
      <c r="Z25" s="102">
        <v>1</v>
      </c>
      <c r="AA25" s="103">
        <v>1</v>
      </c>
      <c r="AB25" s="413">
        <v>0</v>
      </c>
      <c r="AC25" s="102">
        <v>0</v>
      </c>
      <c r="AD25" s="102">
        <v>0</v>
      </c>
      <c r="AE25" s="102">
        <v>1</v>
      </c>
      <c r="AF25" s="102">
        <v>0</v>
      </c>
      <c r="AG25" s="102">
        <v>1</v>
      </c>
      <c r="AH25" s="103">
        <v>2</v>
      </c>
      <c r="AI25" s="104">
        <v>3</v>
      </c>
      <c r="AJ25" s="101">
        <v>0</v>
      </c>
      <c r="AK25" s="102">
        <v>0</v>
      </c>
      <c r="AL25" s="103">
        <v>0</v>
      </c>
      <c r="AM25" s="413">
        <v>0</v>
      </c>
      <c r="AN25" s="102">
        <v>5</v>
      </c>
      <c r="AO25" s="102">
        <v>3</v>
      </c>
      <c r="AP25" s="102">
        <v>2</v>
      </c>
      <c r="AQ25" s="102">
        <v>2</v>
      </c>
      <c r="AR25" s="102">
        <v>1</v>
      </c>
      <c r="AS25" s="103">
        <v>13</v>
      </c>
      <c r="AT25" s="104">
        <v>13</v>
      </c>
      <c r="AU25" s="101">
        <v>2</v>
      </c>
      <c r="AV25" s="102">
        <v>4</v>
      </c>
      <c r="AW25" s="103">
        <v>6</v>
      </c>
      <c r="AX25" s="413">
        <v>0</v>
      </c>
      <c r="AY25" s="102">
        <v>10</v>
      </c>
      <c r="AZ25" s="102">
        <v>4</v>
      </c>
      <c r="BA25" s="102">
        <v>3</v>
      </c>
      <c r="BB25" s="102">
        <v>1</v>
      </c>
      <c r="BC25" s="102">
        <v>2</v>
      </c>
      <c r="BD25" s="103">
        <v>20</v>
      </c>
      <c r="BE25" s="104">
        <v>26</v>
      </c>
      <c r="BF25" s="101">
        <v>10</v>
      </c>
      <c r="BG25" s="102">
        <v>6</v>
      </c>
      <c r="BH25" s="103">
        <v>16</v>
      </c>
      <c r="BI25" s="413">
        <v>0</v>
      </c>
      <c r="BJ25" s="102">
        <v>17</v>
      </c>
      <c r="BK25" s="102">
        <v>7</v>
      </c>
      <c r="BL25" s="102">
        <v>6</v>
      </c>
      <c r="BM25" s="102">
        <v>8</v>
      </c>
      <c r="BN25" s="102">
        <v>1</v>
      </c>
      <c r="BO25" s="103">
        <v>39</v>
      </c>
      <c r="BP25" s="104">
        <v>55</v>
      </c>
      <c r="BQ25" s="101">
        <v>5</v>
      </c>
      <c r="BR25" s="102">
        <v>4</v>
      </c>
      <c r="BS25" s="103">
        <v>9</v>
      </c>
      <c r="BT25" s="413">
        <v>0</v>
      </c>
      <c r="BU25" s="102">
        <v>16</v>
      </c>
      <c r="BV25" s="102">
        <v>15</v>
      </c>
      <c r="BW25" s="102">
        <v>10</v>
      </c>
      <c r="BX25" s="102">
        <v>6</v>
      </c>
      <c r="BY25" s="102">
        <v>3</v>
      </c>
      <c r="BZ25" s="103">
        <v>50</v>
      </c>
      <c r="CA25" s="104">
        <v>59</v>
      </c>
      <c r="CB25" s="101">
        <v>0</v>
      </c>
      <c r="CC25" s="102">
        <v>0</v>
      </c>
      <c r="CD25" s="103">
        <v>0</v>
      </c>
      <c r="CE25" s="413">
        <v>0</v>
      </c>
      <c r="CF25" s="102">
        <v>0</v>
      </c>
      <c r="CG25" s="102">
        <v>0</v>
      </c>
      <c r="CH25" s="102">
        <v>0</v>
      </c>
      <c r="CI25" s="102">
        <v>0</v>
      </c>
      <c r="CJ25" s="102">
        <v>0</v>
      </c>
      <c r="CK25" s="103">
        <v>0</v>
      </c>
      <c r="CL25" s="104">
        <v>0</v>
      </c>
      <c r="CM25" s="101">
        <v>17</v>
      </c>
      <c r="CN25" s="102">
        <v>15</v>
      </c>
      <c r="CO25" s="103">
        <v>32</v>
      </c>
      <c r="CP25" s="413">
        <v>0</v>
      </c>
      <c r="CQ25" s="102">
        <v>48</v>
      </c>
      <c r="CR25" s="102">
        <v>29</v>
      </c>
      <c r="CS25" s="102">
        <v>22</v>
      </c>
      <c r="CT25" s="102">
        <v>17</v>
      </c>
      <c r="CU25" s="102">
        <v>8</v>
      </c>
      <c r="CV25" s="103">
        <v>124</v>
      </c>
      <c r="CW25" s="104">
        <v>156</v>
      </c>
      <c r="CX25" s="105">
        <v>1</v>
      </c>
      <c r="CY25" s="97">
        <v>2</v>
      </c>
      <c r="CZ25" s="98">
        <v>3</v>
      </c>
      <c r="DA25" s="413">
        <v>0</v>
      </c>
      <c r="DB25" s="97">
        <v>7</v>
      </c>
      <c r="DC25" s="97">
        <v>8</v>
      </c>
      <c r="DD25" s="97">
        <v>7</v>
      </c>
      <c r="DE25" s="97">
        <v>2</v>
      </c>
      <c r="DF25" s="97">
        <v>0</v>
      </c>
      <c r="DG25" s="99">
        <v>24</v>
      </c>
      <c r="DH25" s="100">
        <v>27</v>
      </c>
      <c r="DI25" s="101">
        <v>0</v>
      </c>
      <c r="DJ25" s="102">
        <v>0</v>
      </c>
      <c r="DK25" s="103">
        <v>0</v>
      </c>
      <c r="DL25" s="413">
        <v>0</v>
      </c>
      <c r="DM25" s="102">
        <v>0</v>
      </c>
      <c r="DN25" s="102">
        <v>0</v>
      </c>
      <c r="DO25" s="102">
        <v>0</v>
      </c>
      <c r="DP25" s="102">
        <v>0</v>
      </c>
      <c r="DQ25" s="102">
        <v>0</v>
      </c>
      <c r="DR25" s="103">
        <v>0</v>
      </c>
      <c r="DS25" s="104">
        <v>0</v>
      </c>
      <c r="DT25" s="101">
        <v>0</v>
      </c>
      <c r="DU25" s="102">
        <v>1</v>
      </c>
      <c r="DV25" s="103">
        <v>1</v>
      </c>
      <c r="DW25" s="413">
        <v>0</v>
      </c>
      <c r="DX25" s="102">
        <v>0</v>
      </c>
      <c r="DY25" s="102">
        <v>0</v>
      </c>
      <c r="DZ25" s="102">
        <v>1</v>
      </c>
      <c r="EA25" s="102">
        <v>0</v>
      </c>
      <c r="EB25" s="102">
        <v>0</v>
      </c>
      <c r="EC25" s="103">
        <v>1</v>
      </c>
      <c r="ED25" s="104">
        <v>2</v>
      </c>
      <c r="EE25" s="101">
        <v>0</v>
      </c>
      <c r="EF25" s="102">
        <v>0</v>
      </c>
      <c r="EG25" s="103">
        <v>0</v>
      </c>
      <c r="EH25" s="413">
        <v>0</v>
      </c>
      <c r="EI25" s="102">
        <v>0</v>
      </c>
      <c r="EJ25" s="102">
        <v>1</v>
      </c>
      <c r="EK25" s="102">
        <v>1</v>
      </c>
      <c r="EL25" s="102">
        <v>0</v>
      </c>
      <c r="EM25" s="102">
        <v>0</v>
      </c>
      <c r="EN25" s="103">
        <v>2</v>
      </c>
      <c r="EO25" s="104">
        <v>2</v>
      </c>
      <c r="EP25" s="101">
        <v>0</v>
      </c>
      <c r="EQ25" s="102">
        <v>1</v>
      </c>
      <c r="ER25" s="103">
        <v>1</v>
      </c>
      <c r="ES25" s="413">
        <v>0</v>
      </c>
      <c r="ET25" s="102">
        <v>1</v>
      </c>
      <c r="EU25" s="102">
        <v>2</v>
      </c>
      <c r="EV25" s="102">
        <v>1</v>
      </c>
      <c r="EW25" s="102">
        <v>0</v>
      </c>
      <c r="EX25" s="102">
        <v>0</v>
      </c>
      <c r="EY25" s="103">
        <v>4</v>
      </c>
      <c r="EZ25" s="104">
        <v>5</v>
      </c>
      <c r="FA25" s="101">
        <v>1</v>
      </c>
      <c r="FB25" s="102">
        <v>0</v>
      </c>
      <c r="FC25" s="103">
        <v>1</v>
      </c>
      <c r="FD25" s="413">
        <v>0</v>
      </c>
      <c r="FE25" s="102">
        <v>2</v>
      </c>
      <c r="FF25" s="102">
        <v>3</v>
      </c>
      <c r="FG25" s="102">
        <v>0</v>
      </c>
      <c r="FH25" s="102">
        <v>0</v>
      </c>
      <c r="FI25" s="102">
        <v>0</v>
      </c>
      <c r="FJ25" s="103">
        <v>5</v>
      </c>
      <c r="FK25" s="104">
        <v>6</v>
      </c>
      <c r="FL25" s="101">
        <v>0</v>
      </c>
      <c r="FM25" s="102">
        <v>0</v>
      </c>
      <c r="FN25" s="103">
        <v>0</v>
      </c>
      <c r="FO25" s="413">
        <v>0</v>
      </c>
      <c r="FP25" s="102">
        <v>4</v>
      </c>
      <c r="FQ25" s="102">
        <v>2</v>
      </c>
      <c r="FR25" s="102">
        <v>4</v>
      </c>
      <c r="FS25" s="102">
        <v>2</v>
      </c>
      <c r="FT25" s="102">
        <v>0</v>
      </c>
      <c r="FU25" s="103">
        <v>12</v>
      </c>
      <c r="FV25" s="104">
        <v>12</v>
      </c>
      <c r="FW25" s="101">
        <v>0</v>
      </c>
      <c r="FX25" s="102">
        <v>0</v>
      </c>
      <c r="FY25" s="103">
        <v>0</v>
      </c>
      <c r="FZ25" s="413">
        <v>0</v>
      </c>
      <c r="GA25" s="102">
        <v>0</v>
      </c>
      <c r="GB25" s="102">
        <v>0</v>
      </c>
      <c r="GC25" s="102">
        <v>0</v>
      </c>
      <c r="GD25" s="102">
        <v>0</v>
      </c>
      <c r="GE25" s="102">
        <v>0</v>
      </c>
      <c r="GF25" s="103">
        <v>0</v>
      </c>
      <c r="GG25" s="104">
        <v>0</v>
      </c>
      <c r="GH25" s="101">
        <v>1</v>
      </c>
      <c r="GI25" s="102">
        <v>2</v>
      </c>
      <c r="GJ25" s="103">
        <v>3</v>
      </c>
      <c r="GK25" s="413">
        <v>0</v>
      </c>
      <c r="GL25" s="102">
        <v>7</v>
      </c>
      <c r="GM25" s="102">
        <v>8</v>
      </c>
      <c r="GN25" s="102">
        <v>7</v>
      </c>
      <c r="GO25" s="102">
        <v>2</v>
      </c>
      <c r="GP25" s="102">
        <v>0</v>
      </c>
      <c r="GQ25" s="103">
        <v>24</v>
      </c>
      <c r="GR25" s="104">
        <v>27</v>
      </c>
      <c r="GS25" s="105">
        <v>18</v>
      </c>
      <c r="GT25" s="97">
        <v>17</v>
      </c>
      <c r="GU25" s="98">
        <v>35</v>
      </c>
      <c r="GV25" s="413">
        <v>0</v>
      </c>
      <c r="GW25" s="97">
        <v>55</v>
      </c>
      <c r="GX25" s="97">
        <v>37</v>
      </c>
      <c r="GY25" s="97">
        <v>29</v>
      </c>
      <c r="GZ25" s="97">
        <v>19</v>
      </c>
      <c r="HA25" s="97">
        <v>8</v>
      </c>
      <c r="HB25" s="99">
        <v>148</v>
      </c>
      <c r="HC25" s="100">
        <v>183</v>
      </c>
      <c r="HD25" s="101">
        <v>0</v>
      </c>
      <c r="HE25" s="102">
        <v>0</v>
      </c>
      <c r="HF25" s="103">
        <v>0</v>
      </c>
      <c r="HG25" s="413">
        <v>0</v>
      </c>
      <c r="HH25" s="102">
        <v>0</v>
      </c>
      <c r="HI25" s="102">
        <v>0</v>
      </c>
      <c r="HJ25" s="102">
        <v>0</v>
      </c>
      <c r="HK25" s="102">
        <v>0</v>
      </c>
      <c r="HL25" s="102">
        <v>0</v>
      </c>
      <c r="HM25" s="103">
        <v>0</v>
      </c>
      <c r="HN25" s="104">
        <v>0</v>
      </c>
      <c r="HO25" s="101">
        <v>0</v>
      </c>
      <c r="HP25" s="102">
        <v>2</v>
      </c>
      <c r="HQ25" s="103">
        <v>2</v>
      </c>
      <c r="HR25" s="413">
        <v>0</v>
      </c>
      <c r="HS25" s="102">
        <v>0</v>
      </c>
      <c r="HT25" s="102">
        <v>0</v>
      </c>
      <c r="HU25" s="102">
        <v>2</v>
      </c>
      <c r="HV25" s="102">
        <v>0</v>
      </c>
      <c r="HW25" s="102">
        <v>1</v>
      </c>
      <c r="HX25" s="103">
        <v>3</v>
      </c>
      <c r="HY25" s="104">
        <v>5</v>
      </c>
      <c r="HZ25" s="101">
        <v>0</v>
      </c>
      <c r="IA25" s="102">
        <v>0</v>
      </c>
      <c r="IB25" s="103">
        <v>0</v>
      </c>
      <c r="IC25" s="413">
        <v>0</v>
      </c>
      <c r="ID25" s="102">
        <v>5</v>
      </c>
      <c r="IE25" s="102">
        <v>4</v>
      </c>
      <c r="IF25" s="102">
        <v>3</v>
      </c>
      <c r="IG25" s="102">
        <v>2</v>
      </c>
      <c r="IH25" s="102">
        <v>1</v>
      </c>
      <c r="II25" s="103">
        <v>15</v>
      </c>
      <c r="IJ25" s="104">
        <v>15</v>
      </c>
      <c r="IK25" s="101">
        <v>2</v>
      </c>
      <c r="IL25" s="102">
        <v>5</v>
      </c>
      <c r="IM25" s="103">
        <v>7</v>
      </c>
      <c r="IN25" s="413">
        <v>0</v>
      </c>
      <c r="IO25" s="102">
        <v>11</v>
      </c>
      <c r="IP25" s="102">
        <v>6</v>
      </c>
      <c r="IQ25" s="102">
        <v>4</v>
      </c>
      <c r="IR25" s="102">
        <v>1</v>
      </c>
      <c r="IS25" s="102">
        <v>2</v>
      </c>
      <c r="IT25" s="103">
        <v>24</v>
      </c>
      <c r="IU25" s="104">
        <v>31</v>
      </c>
      <c r="IV25" s="101">
        <v>11</v>
      </c>
      <c r="IW25" s="102">
        <v>6</v>
      </c>
      <c r="IX25" s="103">
        <v>17</v>
      </c>
      <c r="IY25" s="413">
        <v>0</v>
      </c>
      <c r="IZ25" s="102">
        <v>19</v>
      </c>
      <c r="JA25" s="102">
        <v>10</v>
      </c>
      <c r="JB25" s="102">
        <v>6</v>
      </c>
      <c r="JC25" s="102">
        <v>8</v>
      </c>
      <c r="JD25" s="102">
        <v>1</v>
      </c>
      <c r="JE25" s="103">
        <v>44</v>
      </c>
      <c r="JF25" s="104">
        <v>61</v>
      </c>
      <c r="JG25" s="101">
        <v>5</v>
      </c>
      <c r="JH25" s="102">
        <v>4</v>
      </c>
      <c r="JI25" s="103">
        <v>9</v>
      </c>
      <c r="JJ25" s="413">
        <v>0</v>
      </c>
      <c r="JK25" s="102">
        <v>20</v>
      </c>
      <c r="JL25" s="102">
        <v>17</v>
      </c>
      <c r="JM25" s="102">
        <v>14</v>
      </c>
      <c r="JN25" s="102">
        <v>8</v>
      </c>
      <c r="JO25" s="102">
        <v>3</v>
      </c>
      <c r="JP25" s="103">
        <v>62</v>
      </c>
      <c r="JQ25" s="104">
        <v>71</v>
      </c>
      <c r="JR25" s="101">
        <v>0</v>
      </c>
      <c r="JS25" s="102">
        <v>0</v>
      </c>
      <c r="JT25" s="103">
        <v>0</v>
      </c>
      <c r="JU25" s="413">
        <v>0</v>
      </c>
      <c r="JV25" s="102">
        <v>0</v>
      </c>
      <c r="JW25" s="102">
        <v>0</v>
      </c>
      <c r="JX25" s="102">
        <v>0</v>
      </c>
      <c r="JY25" s="102">
        <v>0</v>
      </c>
      <c r="JZ25" s="102">
        <v>0</v>
      </c>
      <c r="KA25" s="103">
        <v>0</v>
      </c>
      <c r="KB25" s="104">
        <v>0</v>
      </c>
      <c r="KC25" s="101">
        <v>18</v>
      </c>
      <c r="KD25" s="102">
        <v>17</v>
      </c>
      <c r="KE25" s="103">
        <v>35</v>
      </c>
      <c r="KF25" s="413">
        <v>0</v>
      </c>
      <c r="KG25" s="102">
        <v>55</v>
      </c>
      <c r="KH25" s="102">
        <v>37</v>
      </c>
      <c r="KI25" s="102">
        <v>29</v>
      </c>
      <c r="KJ25" s="102">
        <v>19</v>
      </c>
      <c r="KK25" s="102">
        <v>8</v>
      </c>
      <c r="KL25" s="103">
        <v>148</v>
      </c>
      <c r="KM25" s="104">
        <v>183</v>
      </c>
    </row>
    <row r="26" spans="2:299" s="70" customFormat="1" ht="21" customHeight="1" x14ac:dyDescent="0.2">
      <c r="B26" s="106" t="s">
        <v>23</v>
      </c>
      <c r="C26" s="96">
        <v>39</v>
      </c>
      <c r="D26" s="97">
        <v>30</v>
      </c>
      <c r="E26" s="98">
        <v>69</v>
      </c>
      <c r="F26" s="413">
        <v>0</v>
      </c>
      <c r="G26" s="97">
        <v>53</v>
      </c>
      <c r="H26" s="97">
        <v>41</v>
      </c>
      <c r="I26" s="97">
        <v>22</v>
      </c>
      <c r="J26" s="97">
        <v>20</v>
      </c>
      <c r="K26" s="97">
        <v>15</v>
      </c>
      <c r="L26" s="99">
        <v>151</v>
      </c>
      <c r="M26" s="100">
        <v>220</v>
      </c>
      <c r="N26" s="101">
        <v>0</v>
      </c>
      <c r="O26" s="102">
        <v>1</v>
      </c>
      <c r="P26" s="103">
        <v>1</v>
      </c>
      <c r="Q26" s="413">
        <v>0</v>
      </c>
      <c r="R26" s="102">
        <v>0</v>
      </c>
      <c r="S26" s="102">
        <v>3</v>
      </c>
      <c r="T26" s="102">
        <v>1</v>
      </c>
      <c r="U26" s="102">
        <v>0</v>
      </c>
      <c r="V26" s="102">
        <v>0</v>
      </c>
      <c r="W26" s="103">
        <v>4</v>
      </c>
      <c r="X26" s="104">
        <v>5</v>
      </c>
      <c r="Y26" s="101">
        <v>0</v>
      </c>
      <c r="Z26" s="102">
        <v>1</v>
      </c>
      <c r="AA26" s="103">
        <v>1</v>
      </c>
      <c r="AB26" s="413">
        <v>0</v>
      </c>
      <c r="AC26" s="102">
        <v>0</v>
      </c>
      <c r="AD26" s="102">
        <v>1</v>
      </c>
      <c r="AE26" s="102">
        <v>0</v>
      </c>
      <c r="AF26" s="102">
        <v>0</v>
      </c>
      <c r="AG26" s="102">
        <v>0</v>
      </c>
      <c r="AH26" s="103">
        <v>1</v>
      </c>
      <c r="AI26" s="104">
        <v>2</v>
      </c>
      <c r="AJ26" s="101">
        <v>4</v>
      </c>
      <c r="AK26" s="102">
        <v>3</v>
      </c>
      <c r="AL26" s="103">
        <v>7</v>
      </c>
      <c r="AM26" s="413">
        <v>0</v>
      </c>
      <c r="AN26" s="102">
        <v>4</v>
      </c>
      <c r="AO26" s="102">
        <v>4</v>
      </c>
      <c r="AP26" s="102">
        <v>1</v>
      </c>
      <c r="AQ26" s="102">
        <v>1</v>
      </c>
      <c r="AR26" s="102">
        <v>3</v>
      </c>
      <c r="AS26" s="103">
        <v>13</v>
      </c>
      <c r="AT26" s="104">
        <v>20</v>
      </c>
      <c r="AU26" s="101">
        <v>12</v>
      </c>
      <c r="AV26" s="102">
        <v>12</v>
      </c>
      <c r="AW26" s="103">
        <v>24</v>
      </c>
      <c r="AX26" s="413">
        <v>0</v>
      </c>
      <c r="AY26" s="102">
        <v>13</v>
      </c>
      <c r="AZ26" s="102">
        <v>13</v>
      </c>
      <c r="BA26" s="102">
        <v>6</v>
      </c>
      <c r="BB26" s="102">
        <v>4</v>
      </c>
      <c r="BC26" s="102">
        <v>5</v>
      </c>
      <c r="BD26" s="103">
        <v>41</v>
      </c>
      <c r="BE26" s="104">
        <v>65</v>
      </c>
      <c r="BF26" s="101">
        <v>15</v>
      </c>
      <c r="BG26" s="102">
        <v>11</v>
      </c>
      <c r="BH26" s="103">
        <v>26</v>
      </c>
      <c r="BI26" s="413">
        <v>0</v>
      </c>
      <c r="BJ26" s="102">
        <v>27</v>
      </c>
      <c r="BK26" s="102">
        <v>10</v>
      </c>
      <c r="BL26" s="102">
        <v>6</v>
      </c>
      <c r="BM26" s="102">
        <v>7</v>
      </c>
      <c r="BN26" s="102">
        <v>4</v>
      </c>
      <c r="BO26" s="103">
        <v>54</v>
      </c>
      <c r="BP26" s="104">
        <v>80</v>
      </c>
      <c r="BQ26" s="101">
        <v>8</v>
      </c>
      <c r="BR26" s="102">
        <v>2</v>
      </c>
      <c r="BS26" s="103">
        <v>10</v>
      </c>
      <c r="BT26" s="413">
        <v>0</v>
      </c>
      <c r="BU26" s="102">
        <v>9</v>
      </c>
      <c r="BV26" s="102">
        <v>10</v>
      </c>
      <c r="BW26" s="102">
        <v>8</v>
      </c>
      <c r="BX26" s="102">
        <v>8</v>
      </c>
      <c r="BY26" s="102">
        <v>3</v>
      </c>
      <c r="BZ26" s="103">
        <v>38</v>
      </c>
      <c r="CA26" s="104">
        <v>48</v>
      </c>
      <c r="CB26" s="101">
        <v>0</v>
      </c>
      <c r="CC26" s="102">
        <v>0</v>
      </c>
      <c r="CD26" s="103">
        <v>0</v>
      </c>
      <c r="CE26" s="413">
        <v>0</v>
      </c>
      <c r="CF26" s="102">
        <v>0</v>
      </c>
      <c r="CG26" s="102">
        <v>0</v>
      </c>
      <c r="CH26" s="102">
        <v>0</v>
      </c>
      <c r="CI26" s="102">
        <v>0</v>
      </c>
      <c r="CJ26" s="102">
        <v>0</v>
      </c>
      <c r="CK26" s="103">
        <v>0</v>
      </c>
      <c r="CL26" s="104">
        <v>0</v>
      </c>
      <c r="CM26" s="101">
        <v>39</v>
      </c>
      <c r="CN26" s="102">
        <v>30</v>
      </c>
      <c r="CO26" s="103">
        <v>69</v>
      </c>
      <c r="CP26" s="413">
        <v>0</v>
      </c>
      <c r="CQ26" s="102">
        <v>53</v>
      </c>
      <c r="CR26" s="102">
        <v>41</v>
      </c>
      <c r="CS26" s="102">
        <v>22</v>
      </c>
      <c r="CT26" s="102">
        <v>20</v>
      </c>
      <c r="CU26" s="102">
        <v>15</v>
      </c>
      <c r="CV26" s="103">
        <v>151</v>
      </c>
      <c r="CW26" s="104">
        <v>220</v>
      </c>
      <c r="CX26" s="105">
        <v>2</v>
      </c>
      <c r="CY26" s="97">
        <v>3</v>
      </c>
      <c r="CZ26" s="98">
        <v>5</v>
      </c>
      <c r="DA26" s="413">
        <v>0</v>
      </c>
      <c r="DB26" s="97">
        <v>5</v>
      </c>
      <c r="DC26" s="97">
        <v>7</v>
      </c>
      <c r="DD26" s="97">
        <v>2</v>
      </c>
      <c r="DE26" s="97">
        <v>3</v>
      </c>
      <c r="DF26" s="97">
        <v>1</v>
      </c>
      <c r="DG26" s="99">
        <v>18</v>
      </c>
      <c r="DH26" s="100">
        <v>23</v>
      </c>
      <c r="DI26" s="101">
        <v>1</v>
      </c>
      <c r="DJ26" s="102">
        <v>0</v>
      </c>
      <c r="DK26" s="103">
        <v>1</v>
      </c>
      <c r="DL26" s="413">
        <v>0</v>
      </c>
      <c r="DM26" s="102">
        <v>0</v>
      </c>
      <c r="DN26" s="102">
        <v>0</v>
      </c>
      <c r="DO26" s="102">
        <v>0</v>
      </c>
      <c r="DP26" s="102">
        <v>0</v>
      </c>
      <c r="DQ26" s="102">
        <v>0</v>
      </c>
      <c r="DR26" s="103">
        <v>0</v>
      </c>
      <c r="DS26" s="104">
        <v>1</v>
      </c>
      <c r="DT26" s="101">
        <v>0</v>
      </c>
      <c r="DU26" s="102">
        <v>2</v>
      </c>
      <c r="DV26" s="103">
        <v>2</v>
      </c>
      <c r="DW26" s="413">
        <v>0</v>
      </c>
      <c r="DX26" s="102">
        <v>0</v>
      </c>
      <c r="DY26" s="102">
        <v>0</v>
      </c>
      <c r="DZ26" s="102">
        <v>0</v>
      </c>
      <c r="EA26" s="102">
        <v>0</v>
      </c>
      <c r="EB26" s="102">
        <v>0</v>
      </c>
      <c r="EC26" s="103">
        <v>0</v>
      </c>
      <c r="ED26" s="104">
        <v>2</v>
      </c>
      <c r="EE26" s="101">
        <v>0</v>
      </c>
      <c r="EF26" s="102">
        <v>0</v>
      </c>
      <c r="EG26" s="103">
        <v>0</v>
      </c>
      <c r="EH26" s="413">
        <v>0</v>
      </c>
      <c r="EI26" s="102">
        <v>1</v>
      </c>
      <c r="EJ26" s="102">
        <v>1</v>
      </c>
      <c r="EK26" s="102">
        <v>0</v>
      </c>
      <c r="EL26" s="102">
        <v>0</v>
      </c>
      <c r="EM26" s="102">
        <v>0</v>
      </c>
      <c r="EN26" s="103">
        <v>2</v>
      </c>
      <c r="EO26" s="104">
        <v>2</v>
      </c>
      <c r="EP26" s="101">
        <v>1</v>
      </c>
      <c r="EQ26" s="102">
        <v>0</v>
      </c>
      <c r="ER26" s="103">
        <v>1</v>
      </c>
      <c r="ES26" s="413">
        <v>0</v>
      </c>
      <c r="ET26" s="102">
        <v>2</v>
      </c>
      <c r="EU26" s="102">
        <v>1</v>
      </c>
      <c r="EV26" s="102">
        <v>0</v>
      </c>
      <c r="EW26" s="102">
        <v>1</v>
      </c>
      <c r="EX26" s="102">
        <v>0</v>
      </c>
      <c r="EY26" s="103">
        <v>4</v>
      </c>
      <c r="EZ26" s="104">
        <v>5</v>
      </c>
      <c r="FA26" s="101">
        <v>0</v>
      </c>
      <c r="FB26" s="102">
        <v>1</v>
      </c>
      <c r="FC26" s="103">
        <v>1</v>
      </c>
      <c r="FD26" s="413">
        <v>0</v>
      </c>
      <c r="FE26" s="102">
        <v>2</v>
      </c>
      <c r="FF26" s="102">
        <v>5</v>
      </c>
      <c r="FG26" s="102">
        <v>1</v>
      </c>
      <c r="FH26" s="102">
        <v>1</v>
      </c>
      <c r="FI26" s="102">
        <v>1</v>
      </c>
      <c r="FJ26" s="103">
        <v>10</v>
      </c>
      <c r="FK26" s="104">
        <v>11</v>
      </c>
      <c r="FL26" s="101">
        <v>0</v>
      </c>
      <c r="FM26" s="102">
        <v>0</v>
      </c>
      <c r="FN26" s="103">
        <v>0</v>
      </c>
      <c r="FO26" s="413">
        <v>0</v>
      </c>
      <c r="FP26" s="102">
        <v>0</v>
      </c>
      <c r="FQ26" s="102">
        <v>0</v>
      </c>
      <c r="FR26" s="102">
        <v>1</v>
      </c>
      <c r="FS26" s="102">
        <v>1</v>
      </c>
      <c r="FT26" s="102">
        <v>0</v>
      </c>
      <c r="FU26" s="103">
        <v>2</v>
      </c>
      <c r="FV26" s="104">
        <v>2</v>
      </c>
      <c r="FW26" s="101">
        <v>0</v>
      </c>
      <c r="FX26" s="102">
        <v>0</v>
      </c>
      <c r="FY26" s="103">
        <v>0</v>
      </c>
      <c r="FZ26" s="413">
        <v>0</v>
      </c>
      <c r="GA26" s="102">
        <v>0</v>
      </c>
      <c r="GB26" s="102">
        <v>0</v>
      </c>
      <c r="GC26" s="102">
        <v>0</v>
      </c>
      <c r="GD26" s="102">
        <v>0</v>
      </c>
      <c r="GE26" s="102">
        <v>0</v>
      </c>
      <c r="GF26" s="103">
        <v>0</v>
      </c>
      <c r="GG26" s="104">
        <v>0</v>
      </c>
      <c r="GH26" s="101">
        <v>2</v>
      </c>
      <c r="GI26" s="102">
        <v>3</v>
      </c>
      <c r="GJ26" s="103">
        <v>5</v>
      </c>
      <c r="GK26" s="413">
        <v>0</v>
      </c>
      <c r="GL26" s="102">
        <v>5</v>
      </c>
      <c r="GM26" s="102">
        <v>7</v>
      </c>
      <c r="GN26" s="102">
        <v>2</v>
      </c>
      <c r="GO26" s="102">
        <v>3</v>
      </c>
      <c r="GP26" s="102">
        <v>1</v>
      </c>
      <c r="GQ26" s="103">
        <v>18</v>
      </c>
      <c r="GR26" s="104">
        <v>23</v>
      </c>
      <c r="GS26" s="105">
        <v>41</v>
      </c>
      <c r="GT26" s="97">
        <v>33</v>
      </c>
      <c r="GU26" s="98">
        <v>74</v>
      </c>
      <c r="GV26" s="413">
        <v>0</v>
      </c>
      <c r="GW26" s="97">
        <v>58</v>
      </c>
      <c r="GX26" s="97">
        <v>48</v>
      </c>
      <c r="GY26" s="97">
        <v>24</v>
      </c>
      <c r="GZ26" s="97">
        <v>23</v>
      </c>
      <c r="HA26" s="97">
        <v>16</v>
      </c>
      <c r="HB26" s="99">
        <v>169</v>
      </c>
      <c r="HC26" s="100">
        <v>243</v>
      </c>
      <c r="HD26" s="101">
        <v>1</v>
      </c>
      <c r="HE26" s="102">
        <v>1</v>
      </c>
      <c r="HF26" s="103">
        <v>2</v>
      </c>
      <c r="HG26" s="413">
        <v>0</v>
      </c>
      <c r="HH26" s="102">
        <v>0</v>
      </c>
      <c r="HI26" s="102">
        <v>3</v>
      </c>
      <c r="HJ26" s="102">
        <v>1</v>
      </c>
      <c r="HK26" s="102">
        <v>0</v>
      </c>
      <c r="HL26" s="102">
        <v>0</v>
      </c>
      <c r="HM26" s="103">
        <v>4</v>
      </c>
      <c r="HN26" s="104">
        <v>6</v>
      </c>
      <c r="HO26" s="101">
        <v>0</v>
      </c>
      <c r="HP26" s="102">
        <v>3</v>
      </c>
      <c r="HQ26" s="103">
        <v>3</v>
      </c>
      <c r="HR26" s="413">
        <v>0</v>
      </c>
      <c r="HS26" s="102">
        <v>0</v>
      </c>
      <c r="HT26" s="102">
        <v>1</v>
      </c>
      <c r="HU26" s="102">
        <v>0</v>
      </c>
      <c r="HV26" s="102">
        <v>0</v>
      </c>
      <c r="HW26" s="102">
        <v>0</v>
      </c>
      <c r="HX26" s="103">
        <v>1</v>
      </c>
      <c r="HY26" s="104">
        <v>4</v>
      </c>
      <c r="HZ26" s="101">
        <v>4</v>
      </c>
      <c r="IA26" s="102">
        <v>3</v>
      </c>
      <c r="IB26" s="103">
        <v>7</v>
      </c>
      <c r="IC26" s="413">
        <v>0</v>
      </c>
      <c r="ID26" s="102">
        <v>5</v>
      </c>
      <c r="IE26" s="102">
        <v>5</v>
      </c>
      <c r="IF26" s="102">
        <v>1</v>
      </c>
      <c r="IG26" s="102">
        <v>1</v>
      </c>
      <c r="IH26" s="102">
        <v>3</v>
      </c>
      <c r="II26" s="103">
        <v>15</v>
      </c>
      <c r="IJ26" s="104">
        <v>22</v>
      </c>
      <c r="IK26" s="101">
        <v>13</v>
      </c>
      <c r="IL26" s="102">
        <v>12</v>
      </c>
      <c r="IM26" s="103">
        <v>25</v>
      </c>
      <c r="IN26" s="413">
        <v>0</v>
      </c>
      <c r="IO26" s="102">
        <v>15</v>
      </c>
      <c r="IP26" s="102">
        <v>14</v>
      </c>
      <c r="IQ26" s="102">
        <v>6</v>
      </c>
      <c r="IR26" s="102">
        <v>5</v>
      </c>
      <c r="IS26" s="102">
        <v>5</v>
      </c>
      <c r="IT26" s="103">
        <v>45</v>
      </c>
      <c r="IU26" s="104">
        <v>70</v>
      </c>
      <c r="IV26" s="101">
        <v>15</v>
      </c>
      <c r="IW26" s="102">
        <v>12</v>
      </c>
      <c r="IX26" s="103">
        <v>27</v>
      </c>
      <c r="IY26" s="413">
        <v>0</v>
      </c>
      <c r="IZ26" s="102">
        <v>29</v>
      </c>
      <c r="JA26" s="102">
        <v>15</v>
      </c>
      <c r="JB26" s="102">
        <v>7</v>
      </c>
      <c r="JC26" s="102">
        <v>8</v>
      </c>
      <c r="JD26" s="102">
        <v>5</v>
      </c>
      <c r="JE26" s="103">
        <v>64</v>
      </c>
      <c r="JF26" s="104">
        <v>91</v>
      </c>
      <c r="JG26" s="101">
        <v>8</v>
      </c>
      <c r="JH26" s="102">
        <v>2</v>
      </c>
      <c r="JI26" s="103">
        <v>10</v>
      </c>
      <c r="JJ26" s="413">
        <v>0</v>
      </c>
      <c r="JK26" s="102">
        <v>9</v>
      </c>
      <c r="JL26" s="102">
        <v>10</v>
      </c>
      <c r="JM26" s="102">
        <v>9</v>
      </c>
      <c r="JN26" s="102">
        <v>9</v>
      </c>
      <c r="JO26" s="102">
        <v>3</v>
      </c>
      <c r="JP26" s="103">
        <v>40</v>
      </c>
      <c r="JQ26" s="104">
        <v>50</v>
      </c>
      <c r="JR26" s="101">
        <v>0</v>
      </c>
      <c r="JS26" s="102">
        <v>0</v>
      </c>
      <c r="JT26" s="103">
        <v>0</v>
      </c>
      <c r="JU26" s="413">
        <v>0</v>
      </c>
      <c r="JV26" s="102">
        <v>0</v>
      </c>
      <c r="JW26" s="102">
        <v>0</v>
      </c>
      <c r="JX26" s="102">
        <v>0</v>
      </c>
      <c r="JY26" s="102">
        <v>0</v>
      </c>
      <c r="JZ26" s="102">
        <v>0</v>
      </c>
      <c r="KA26" s="103">
        <v>0</v>
      </c>
      <c r="KB26" s="104">
        <v>0</v>
      </c>
      <c r="KC26" s="101">
        <v>41</v>
      </c>
      <c r="KD26" s="102">
        <v>33</v>
      </c>
      <c r="KE26" s="103">
        <v>74</v>
      </c>
      <c r="KF26" s="413">
        <v>0</v>
      </c>
      <c r="KG26" s="102">
        <v>58</v>
      </c>
      <c r="KH26" s="102">
        <v>48</v>
      </c>
      <c r="KI26" s="102">
        <v>24</v>
      </c>
      <c r="KJ26" s="102">
        <v>23</v>
      </c>
      <c r="KK26" s="102">
        <v>16</v>
      </c>
      <c r="KL26" s="103">
        <v>169</v>
      </c>
      <c r="KM26" s="104">
        <v>243</v>
      </c>
    </row>
    <row r="27" spans="2:299" s="70" customFormat="1" ht="21" customHeight="1" x14ac:dyDescent="0.2">
      <c r="B27" s="106" t="s">
        <v>24</v>
      </c>
      <c r="C27" s="96">
        <v>27</v>
      </c>
      <c r="D27" s="97">
        <v>21</v>
      </c>
      <c r="E27" s="98">
        <v>48</v>
      </c>
      <c r="F27" s="413">
        <v>0</v>
      </c>
      <c r="G27" s="97">
        <v>37</v>
      </c>
      <c r="H27" s="97">
        <v>29</v>
      </c>
      <c r="I27" s="97">
        <v>25</v>
      </c>
      <c r="J27" s="97">
        <v>18</v>
      </c>
      <c r="K27" s="97">
        <v>10</v>
      </c>
      <c r="L27" s="99">
        <v>119</v>
      </c>
      <c r="M27" s="100">
        <v>167</v>
      </c>
      <c r="N27" s="101">
        <v>0</v>
      </c>
      <c r="O27" s="102">
        <v>0</v>
      </c>
      <c r="P27" s="103">
        <v>0</v>
      </c>
      <c r="Q27" s="413">
        <v>0</v>
      </c>
      <c r="R27" s="102">
        <v>0</v>
      </c>
      <c r="S27" s="102">
        <v>0</v>
      </c>
      <c r="T27" s="102">
        <v>0</v>
      </c>
      <c r="U27" s="102">
        <v>0</v>
      </c>
      <c r="V27" s="102">
        <v>0</v>
      </c>
      <c r="W27" s="103">
        <v>0</v>
      </c>
      <c r="X27" s="104">
        <v>0</v>
      </c>
      <c r="Y27" s="101">
        <v>0</v>
      </c>
      <c r="Z27" s="102">
        <v>0</v>
      </c>
      <c r="AA27" s="103">
        <v>0</v>
      </c>
      <c r="AB27" s="413">
        <v>0</v>
      </c>
      <c r="AC27" s="102">
        <v>2</v>
      </c>
      <c r="AD27" s="102">
        <v>0</v>
      </c>
      <c r="AE27" s="102">
        <v>1</v>
      </c>
      <c r="AF27" s="102">
        <v>1</v>
      </c>
      <c r="AG27" s="102">
        <v>1</v>
      </c>
      <c r="AH27" s="103">
        <v>5</v>
      </c>
      <c r="AI27" s="104">
        <v>5</v>
      </c>
      <c r="AJ27" s="101">
        <v>1</v>
      </c>
      <c r="AK27" s="102">
        <v>4</v>
      </c>
      <c r="AL27" s="103">
        <v>5</v>
      </c>
      <c r="AM27" s="413">
        <v>0</v>
      </c>
      <c r="AN27" s="102">
        <v>1</v>
      </c>
      <c r="AO27" s="102">
        <v>3</v>
      </c>
      <c r="AP27" s="102">
        <v>5</v>
      </c>
      <c r="AQ27" s="102">
        <v>1</v>
      </c>
      <c r="AR27" s="102">
        <v>0</v>
      </c>
      <c r="AS27" s="103">
        <v>10</v>
      </c>
      <c r="AT27" s="104">
        <v>15</v>
      </c>
      <c r="AU27" s="101">
        <v>4</v>
      </c>
      <c r="AV27" s="102">
        <v>2</v>
      </c>
      <c r="AW27" s="103">
        <v>6</v>
      </c>
      <c r="AX27" s="413">
        <v>0</v>
      </c>
      <c r="AY27" s="102">
        <v>8</v>
      </c>
      <c r="AZ27" s="102">
        <v>5</v>
      </c>
      <c r="BA27" s="102">
        <v>2</v>
      </c>
      <c r="BB27" s="102">
        <v>4</v>
      </c>
      <c r="BC27" s="102">
        <v>1</v>
      </c>
      <c r="BD27" s="103">
        <v>20</v>
      </c>
      <c r="BE27" s="104">
        <v>26</v>
      </c>
      <c r="BF27" s="101">
        <v>11</v>
      </c>
      <c r="BG27" s="102">
        <v>7</v>
      </c>
      <c r="BH27" s="103">
        <v>18</v>
      </c>
      <c r="BI27" s="413">
        <v>0</v>
      </c>
      <c r="BJ27" s="102">
        <v>11</v>
      </c>
      <c r="BK27" s="102">
        <v>9</v>
      </c>
      <c r="BL27" s="102">
        <v>7</v>
      </c>
      <c r="BM27" s="102">
        <v>6</v>
      </c>
      <c r="BN27" s="102">
        <v>1</v>
      </c>
      <c r="BO27" s="103">
        <v>34</v>
      </c>
      <c r="BP27" s="104">
        <v>52</v>
      </c>
      <c r="BQ27" s="101">
        <v>11</v>
      </c>
      <c r="BR27" s="102">
        <v>8</v>
      </c>
      <c r="BS27" s="103">
        <v>19</v>
      </c>
      <c r="BT27" s="413">
        <v>0</v>
      </c>
      <c r="BU27" s="102">
        <v>15</v>
      </c>
      <c r="BV27" s="102">
        <v>12</v>
      </c>
      <c r="BW27" s="102">
        <v>10</v>
      </c>
      <c r="BX27" s="102">
        <v>6</v>
      </c>
      <c r="BY27" s="102">
        <v>7</v>
      </c>
      <c r="BZ27" s="103">
        <v>50</v>
      </c>
      <c r="CA27" s="104">
        <v>69</v>
      </c>
      <c r="CB27" s="101">
        <v>0</v>
      </c>
      <c r="CC27" s="102">
        <v>0</v>
      </c>
      <c r="CD27" s="103">
        <v>0</v>
      </c>
      <c r="CE27" s="413">
        <v>0</v>
      </c>
      <c r="CF27" s="102">
        <v>0</v>
      </c>
      <c r="CG27" s="102">
        <v>0</v>
      </c>
      <c r="CH27" s="102">
        <v>0</v>
      </c>
      <c r="CI27" s="102">
        <v>0</v>
      </c>
      <c r="CJ27" s="102">
        <v>0</v>
      </c>
      <c r="CK27" s="103">
        <v>0</v>
      </c>
      <c r="CL27" s="104">
        <v>0</v>
      </c>
      <c r="CM27" s="101">
        <v>27</v>
      </c>
      <c r="CN27" s="102">
        <v>21</v>
      </c>
      <c r="CO27" s="103">
        <v>48</v>
      </c>
      <c r="CP27" s="413">
        <v>0</v>
      </c>
      <c r="CQ27" s="102">
        <v>37</v>
      </c>
      <c r="CR27" s="102">
        <v>29</v>
      </c>
      <c r="CS27" s="102">
        <v>25</v>
      </c>
      <c r="CT27" s="102">
        <v>18</v>
      </c>
      <c r="CU27" s="102">
        <v>10</v>
      </c>
      <c r="CV27" s="103">
        <v>119</v>
      </c>
      <c r="CW27" s="104">
        <v>167</v>
      </c>
      <c r="CX27" s="105">
        <v>5</v>
      </c>
      <c r="CY27" s="97">
        <v>2</v>
      </c>
      <c r="CZ27" s="98">
        <v>7</v>
      </c>
      <c r="DA27" s="413">
        <v>0</v>
      </c>
      <c r="DB27" s="97">
        <v>6</v>
      </c>
      <c r="DC27" s="97">
        <v>4</v>
      </c>
      <c r="DD27" s="97">
        <v>6</v>
      </c>
      <c r="DE27" s="97">
        <v>3</v>
      </c>
      <c r="DF27" s="97">
        <v>0</v>
      </c>
      <c r="DG27" s="99">
        <v>19</v>
      </c>
      <c r="DH27" s="100">
        <v>26</v>
      </c>
      <c r="DI27" s="101">
        <v>0</v>
      </c>
      <c r="DJ27" s="102">
        <v>0</v>
      </c>
      <c r="DK27" s="103">
        <v>0</v>
      </c>
      <c r="DL27" s="413">
        <v>0</v>
      </c>
      <c r="DM27" s="102">
        <v>1</v>
      </c>
      <c r="DN27" s="102">
        <v>0</v>
      </c>
      <c r="DO27" s="102">
        <v>0</v>
      </c>
      <c r="DP27" s="102">
        <v>0</v>
      </c>
      <c r="DQ27" s="102">
        <v>0</v>
      </c>
      <c r="DR27" s="103">
        <v>1</v>
      </c>
      <c r="DS27" s="104">
        <v>1</v>
      </c>
      <c r="DT27" s="101">
        <v>1</v>
      </c>
      <c r="DU27" s="102">
        <v>0</v>
      </c>
      <c r="DV27" s="103">
        <v>1</v>
      </c>
      <c r="DW27" s="413">
        <v>0</v>
      </c>
      <c r="DX27" s="102">
        <v>0</v>
      </c>
      <c r="DY27" s="102">
        <v>0</v>
      </c>
      <c r="DZ27" s="102">
        <v>0</v>
      </c>
      <c r="EA27" s="102">
        <v>0</v>
      </c>
      <c r="EB27" s="102">
        <v>0</v>
      </c>
      <c r="EC27" s="103">
        <v>0</v>
      </c>
      <c r="ED27" s="104">
        <v>1</v>
      </c>
      <c r="EE27" s="101">
        <v>0</v>
      </c>
      <c r="EF27" s="102">
        <v>0</v>
      </c>
      <c r="EG27" s="103">
        <v>0</v>
      </c>
      <c r="EH27" s="413">
        <v>0</v>
      </c>
      <c r="EI27" s="102">
        <v>1</v>
      </c>
      <c r="EJ27" s="102">
        <v>1</v>
      </c>
      <c r="EK27" s="102">
        <v>0</v>
      </c>
      <c r="EL27" s="102">
        <v>0</v>
      </c>
      <c r="EM27" s="102">
        <v>0</v>
      </c>
      <c r="EN27" s="103">
        <v>2</v>
      </c>
      <c r="EO27" s="104">
        <v>2</v>
      </c>
      <c r="EP27" s="101">
        <v>0</v>
      </c>
      <c r="EQ27" s="102">
        <v>1</v>
      </c>
      <c r="ER27" s="103">
        <v>1</v>
      </c>
      <c r="ES27" s="413">
        <v>0</v>
      </c>
      <c r="ET27" s="102">
        <v>1</v>
      </c>
      <c r="EU27" s="102">
        <v>0</v>
      </c>
      <c r="EV27" s="102">
        <v>1</v>
      </c>
      <c r="EW27" s="102">
        <v>1</v>
      </c>
      <c r="EX27" s="102">
        <v>0</v>
      </c>
      <c r="EY27" s="103">
        <v>3</v>
      </c>
      <c r="EZ27" s="104">
        <v>4</v>
      </c>
      <c r="FA27" s="101">
        <v>4</v>
      </c>
      <c r="FB27" s="102">
        <v>1</v>
      </c>
      <c r="FC27" s="103">
        <v>5</v>
      </c>
      <c r="FD27" s="413">
        <v>0</v>
      </c>
      <c r="FE27" s="102">
        <v>1</v>
      </c>
      <c r="FF27" s="102">
        <v>2</v>
      </c>
      <c r="FG27" s="102">
        <v>0</v>
      </c>
      <c r="FH27" s="102">
        <v>0</v>
      </c>
      <c r="FI27" s="102">
        <v>0</v>
      </c>
      <c r="FJ27" s="103">
        <v>3</v>
      </c>
      <c r="FK27" s="104">
        <v>8</v>
      </c>
      <c r="FL27" s="101">
        <v>0</v>
      </c>
      <c r="FM27" s="102">
        <v>0</v>
      </c>
      <c r="FN27" s="103">
        <v>0</v>
      </c>
      <c r="FO27" s="413">
        <v>0</v>
      </c>
      <c r="FP27" s="102">
        <v>2</v>
      </c>
      <c r="FQ27" s="102">
        <v>1</v>
      </c>
      <c r="FR27" s="102">
        <v>5</v>
      </c>
      <c r="FS27" s="102">
        <v>2</v>
      </c>
      <c r="FT27" s="102">
        <v>0</v>
      </c>
      <c r="FU27" s="103">
        <v>10</v>
      </c>
      <c r="FV27" s="104">
        <v>10</v>
      </c>
      <c r="FW27" s="101">
        <v>0</v>
      </c>
      <c r="FX27" s="102">
        <v>0</v>
      </c>
      <c r="FY27" s="103">
        <v>0</v>
      </c>
      <c r="FZ27" s="413">
        <v>0</v>
      </c>
      <c r="GA27" s="102">
        <v>0</v>
      </c>
      <c r="GB27" s="102">
        <v>0</v>
      </c>
      <c r="GC27" s="102">
        <v>0</v>
      </c>
      <c r="GD27" s="102">
        <v>0</v>
      </c>
      <c r="GE27" s="102">
        <v>0</v>
      </c>
      <c r="GF27" s="103">
        <v>0</v>
      </c>
      <c r="GG27" s="104">
        <v>0</v>
      </c>
      <c r="GH27" s="101">
        <v>5</v>
      </c>
      <c r="GI27" s="102">
        <v>2</v>
      </c>
      <c r="GJ27" s="103">
        <v>7</v>
      </c>
      <c r="GK27" s="413">
        <v>0</v>
      </c>
      <c r="GL27" s="102">
        <v>6</v>
      </c>
      <c r="GM27" s="102">
        <v>4</v>
      </c>
      <c r="GN27" s="102">
        <v>6</v>
      </c>
      <c r="GO27" s="102">
        <v>3</v>
      </c>
      <c r="GP27" s="102">
        <v>0</v>
      </c>
      <c r="GQ27" s="103">
        <v>19</v>
      </c>
      <c r="GR27" s="104">
        <v>26</v>
      </c>
      <c r="GS27" s="105">
        <v>32</v>
      </c>
      <c r="GT27" s="97">
        <v>23</v>
      </c>
      <c r="GU27" s="98">
        <v>55</v>
      </c>
      <c r="GV27" s="413">
        <v>0</v>
      </c>
      <c r="GW27" s="97">
        <v>43</v>
      </c>
      <c r="GX27" s="97">
        <v>33</v>
      </c>
      <c r="GY27" s="97">
        <v>31</v>
      </c>
      <c r="GZ27" s="97">
        <v>21</v>
      </c>
      <c r="HA27" s="97">
        <v>10</v>
      </c>
      <c r="HB27" s="99">
        <v>138</v>
      </c>
      <c r="HC27" s="100">
        <v>193</v>
      </c>
      <c r="HD27" s="101">
        <v>0</v>
      </c>
      <c r="HE27" s="102">
        <v>0</v>
      </c>
      <c r="HF27" s="103">
        <v>0</v>
      </c>
      <c r="HG27" s="413">
        <v>0</v>
      </c>
      <c r="HH27" s="102">
        <v>1</v>
      </c>
      <c r="HI27" s="102">
        <v>0</v>
      </c>
      <c r="HJ27" s="102">
        <v>0</v>
      </c>
      <c r="HK27" s="102">
        <v>0</v>
      </c>
      <c r="HL27" s="102">
        <v>0</v>
      </c>
      <c r="HM27" s="103">
        <v>1</v>
      </c>
      <c r="HN27" s="104">
        <v>1</v>
      </c>
      <c r="HO27" s="101">
        <v>1</v>
      </c>
      <c r="HP27" s="102">
        <v>0</v>
      </c>
      <c r="HQ27" s="103">
        <v>1</v>
      </c>
      <c r="HR27" s="413">
        <v>0</v>
      </c>
      <c r="HS27" s="102">
        <v>2</v>
      </c>
      <c r="HT27" s="102">
        <v>0</v>
      </c>
      <c r="HU27" s="102">
        <v>1</v>
      </c>
      <c r="HV27" s="102">
        <v>1</v>
      </c>
      <c r="HW27" s="102">
        <v>1</v>
      </c>
      <c r="HX27" s="103">
        <v>5</v>
      </c>
      <c r="HY27" s="104">
        <v>6</v>
      </c>
      <c r="HZ27" s="101">
        <v>1</v>
      </c>
      <c r="IA27" s="102">
        <v>4</v>
      </c>
      <c r="IB27" s="103">
        <v>5</v>
      </c>
      <c r="IC27" s="413">
        <v>0</v>
      </c>
      <c r="ID27" s="102">
        <v>2</v>
      </c>
      <c r="IE27" s="102">
        <v>4</v>
      </c>
      <c r="IF27" s="102">
        <v>5</v>
      </c>
      <c r="IG27" s="102">
        <v>1</v>
      </c>
      <c r="IH27" s="102">
        <v>0</v>
      </c>
      <c r="II27" s="103">
        <v>12</v>
      </c>
      <c r="IJ27" s="104">
        <v>17</v>
      </c>
      <c r="IK27" s="101">
        <v>4</v>
      </c>
      <c r="IL27" s="102">
        <v>3</v>
      </c>
      <c r="IM27" s="103">
        <v>7</v>
      </c>
      <c r="IN27" s="413">
        <v>0</v>
      </c>
      <c r="IO27" s="102">
        <v>9</v>
      </c>
      <c r="IP27" s="102">
        <v>5</v>
      </c>
      <c r="IQ27" s="102">
        <v>3</v>
      </c>
      <c r="IR27" s="102">
        <v>5</v>
      </c>
      <c r="IS27" s="102">
        <v>1</v>
      </c>
      <c r="IT27" s="103">
        <v>23</v>
      </c>
      <c r="IU27" s="104">
        <v>30</v>
      </c>
      <c r="IV27" s="101">
        <v>15</v>
      </c>
      <c r="IW27" s="102">
        <v>8</v>
      </c>
      <c r="IX27" s="103">
        <v>23</v>
      </c>
      <c r="IY27" s="413">
        <v>0</v>
      </c>
      <c r="IZ27" s="102">
        <v>12</v>
      </c>
      <c r="JA27" s="102">
        <v>11</v>
      </c>
      <c r="JB27" s="102">
        <v>7</v>
      </c>
      <c r="JC27" s="102">
        <v>6</v>
      </c>
      <c r="JD27" s="102">
        <v>1</v>
      </c>
      <c r="JE27" s="103">
        <v>37</v>
      </c>
      <c r="JF27" s="104">
        <v>60</v>
      </c>
      <c r="JG27" s="101">
        <v>11</v>
      </c>
      <c r="JH27" s="102">
        <v>8</v>
      </c>
      <c r="JI27" s="103">
        <v>19</v>
      </c>
      <c r="JJ27" s="413">
        <v>0</v>
      </c>
      <c r="JK27" s="102">
        <v>17</v>
      </c>
      <c r="JL27" s="102">
        <v>13</v>
      </c>
      <c r="JM27" s="102">
        <v>15</v>
      </c>
      <c r="JN27" s="102">
        <v>8</v>
      </c>
      <c r="JO27" s="102">
        <v>7</v>
      </c>
      <c r="JP27" s="103">
        <v>60</v>
      </c>
      <c r="JQ27" s="104">
        <v>79</v>
      </c>
      <c r="JR27" s="101">
        <v>0</v>
      </c>
      <c r="JS27" s="102">
        <v>0</v>
      </c>
      <c r="JT27" s="103">
        <v>0</v>
      </c>
      <c r="JU27" s="413">
        <v>0</v>
      </c>
      <c r="JV27" s="102">
        <v>0</v>
      </c>
      <c r="JW27" s="102">
        <v>0</v>
      </c>
      <c r="JX27" s="102">
        <v>0</v>
      </c>
      <c r="JY27" s="102">
        <v>0</v>
      </c>
      <c r="JZ27" s="102">
        <v>0</v>
      </c>
      <c r="KA27" s="103">
        <v>0</v>
      </c>
      <c r="KB27" s="104">
        <v>0</v>
      </c>
      <c r="KC27" s="101">
        <v>32</v>
      </c>
      <c r="KD27" s="102">
        <v>23</v>
      </c>
      <c r="KE27" s="103">
        <v>55</v>
      </c>
      <c r="KF27" s="413">
        <v>0</v>
      </c>
      <c r="KG27" s="102">
        <v>43</v>
      </c>
      <c r="KH27" s="102">
        <v>33</v>
      </c>
      <c r="KI27" s="102">
        <v>31</v>
      </c>
      <c r="KJ27" s="102">
        <v>21</v>
      </c>
      <c r="KK27" s="102">
        <v>10</v>
      </c>
      <c r="KL27" s="103">
        <v>138</v>
      </c>
      <c r="KM27" s="104">
        <v>193</v>
      </c>
    </row>
    <row r="28" spans="2:299" s="70" customFormat="1" ht="21" customHeight="1" x14ac:dyDescent="0.2">
      <c r="B28" s="106" t="s">
        <v>25</v>
      </c>
      <c r="C28" s="96">
        <v>11</v>
      </c>
      <c r="D28" s="97">
        <v>32</v>
      </c>
      <c r="E28" s="98">
        <v>43</v>
      </c>
      <c r="F28" s="413">
        <v>0</v>
      </c>
      <c r="G28" s="97">
        <v>25</v>
      </c>
      <c r="H28" s="97">
        <v>16</v>
      </c>
      <c r="I28" s="97">
        <v>13</v>
      </c>
      <c r="J28" s="97">
        <v>9</v>
      </c>
      <c r="K28" s="97">
        <v>4</v>
      </c>
      <c r="L28" s="99">
        <v>67</v>
      </c>
      <c r="M28" s="100">
        <v>110</v>
      </c>
      <c r="N28" s="101">
        <v>0</v>
      </c>
      <c r="O28" s="102">
        <v>0</v>
      </c>
      <c r="P28" s="103">
        <v>0</v>
      </c>
      <c r="Q28" s="413">
        <v>0</v>
      </c>
      <c r="R28" s="102">
        <v>1</v>
      </c>
      <c r="S28" s="102">
        <v>1</v>
      </c>
      <c r="T28" s="102">
        <v>0</v>
      </c>
      <c r="U28" s="102">
        <v>0</v>
      </c>
      <c r="V28" s="102">
        <v>0</v>
      </c>
      <c r="W28" s="103">
        <v>2</v>
      </c>
      <c r="X28" s="104">
        <v>2</v>
      </c>
      <c r="Y28" s="101">
        <v>1</v>
      </c>
      <c r="Z28" s="102">
        <v>1</v>
      </c>
      <c r="AA28" s="103">
        <v>2</v>
      </c>
      <c r="AB28" s="413">
        <v>0</v>
      </c>
      <c r="AC28" s="102">
        <v>0</v>
      </c>
      <c r="AD28" s="102">
        <v>2</v>
      </c>
      <c r="AE28" s="102">
        <v>0</v>
      </c>
      <c r="AF28" s="102">
        <v>2</v>
      </c>
      <c r="AG28" s="102">
        <v>0</v>
      </c>
      <c r="AH28" s="103">
        <v>4</v>
      </c>
      <c r="AI28" s="104">
        <v>6</v>
      </c>
      <c r="AJ28" s="101">
        <v>1</v>
      </c>
      <c r="AK28" s="102">
        <v>4</v>
      </c>
      <c r="AL28" s="103">
        <v>5</v>
      </c>
      <c r="AM28" s="413">
        <v>0</v>
      </c>
      <c r="AN28" s="102">
        <v>3</v>
      </c>
      <c r="AO28" s="102">
        <v>0</v>
      </c>
      <c r="AP28" s="102">
        <v>2</v>
      </c>
      <c r="AQ28" s="102">
        <v>2</v>
      </c>
      <c r="AR28" s="102">
        <v>0</v>
      </c>
      <c r="AS28" s="103">
        <v>7</v>
      </c>
      <c r="AT28" s="104">
        <v>12</v>
      </c>
      <c r="AU28" s="101">
        <v>3</v>
      </c>
      <c r="AV28" s="102">
        <v>14</v>
      </c>
      <c r="AW28" s="103">
        <v>17</v>
      </c>
      <c r="AX28" s="413">
        <v>0</v>
      </c>
      <c r="AY28" s="102">
        <v>7</v>
      </c>
      <c r="AZ28" s="102">
        <v>3</v>
      </c>
      <c r="BA28" s="102">
        <v>3</v>
      </c>
      <c r="BB28" s="102">
        <v>0</v>
      </c>
      <c r="BC28" s="102">
        <v>1</v>
      </c>
      <c r="BD28" s="103">
        <v>14</v>
      </c>
      <c r="BE28" s="104">
        <v>31</v>
      </c>
      <c r="BF28" s="101">
        <v>3</v>
      </c>
      <c r="BG28" s="102">
        <v>6</v>
      </c>
      <c r="BH28" s="103">
        <v>9</v>
      </c>
      <c r="BI28" s="413">
        <v>0</v>
      </c>
      <c r="BJ28" s="102">
        <v>8</v>
      </c>
      <c r="BK28" s="102">
        <v>6</v>
      </c>
      <c r="BL28" s="102">
        <v>4</v>
      </c>
      <c r="BM28" s="102">
        <v>2</v>
      </c>
      <c r="BN28" s="102">
        <v>0</v>
      </c>
      <c r="BO28" s="103">
        <v>20</v>
      </c>
      <c r="BP28" s="104">
        <v>29</v>
      </c>
      <c r="BQ28" s="101">
        <v>3</v>
      </c>
      <c r="BR28" s="102">
        <v>7</v>
      </c>
      <c r="BS28" s="103">
        <v>10</v>
      </c>
      <c r="BT28" s="413">
        <v>0</v>
      </c>
      <c r="BU28" s="102">
        <v>6</v>
      </c>
      <c r="BV28" s="102">
        <v>4</v>
      </c>
      <c r="BW28" s="102">
        <v>4</v>
      </c>
      <c r="BX28" s="102">
        <v>3</v>
      </c>
      <c r="BY28" s="102">
        <v>3</v>
      </c>
      <c r="BZ28" s="103">
        <v>20</v>
      </c>
      <c r="CA28" s="104">
        <v>30</v>
      </c>
      <c r="CB28" s="101">
        <v>0</v>
      </c>
      <c r="CC28" s="102">
        <v>0</v>
      </c>
      <c r="CD28" s="103">
        <v>0</v>
      </c>
      <c r="CE28" s="413">
        <v>0</v>
      </c>
      <c r="CF28" s="102">
        <v>0</v>
      </c>
      <c r="CG28" s="102">
        <v>0</v>
      </c>
      <c r="CH28" s="102">
        <v>0</v>
      </c>
      <c r="CI28" s="102">
        <v>0</v>
      </c>
      <c r="CJ28" s="102">
        <v>0</v>
      </c>
      <c r="CK28" s="103">
        <v>0</v>
      </c>
      <c r="CL28" s="104">
        <v>0</v>
      </c>
      <c r="CM28" s="101">
        <v>11</v>
      </c>
      <c r="CN28" s="102">
        <v>32</v>
      </c>
      <c r="CO28" s="103">
        <v>43</v>
      </c>
      <c r="CP28" s="413">
        <v>0</v>
      </c>
      <c r="CQ28" s="102">
        <v>25</v>
      </c>
      <c r="CR28" s="102">
        <v>16</v>
      </c>
      <c r="CS28" s="102">
        <v>13</v>
      </c>
      <c r="CT28" s="102">
        <v>9</v>
      </c>
      <c r="CU28" s="102">
        <v>4</v>
      </c>
      <c r="CV28" s="103">
        <v>67</v>
      </c>
      <c r="CW28" s="104">
        <v>110</v>
      </c>
      <c r="CX28" s="105">
        <v>2</v>
      </c>
      <c r="CY28" s="97">
        <v>1</v>
      </c>
      <c r="CZ28" s="98">
        <v>3</v>
      </c>
      <c r="DA28" s="413">
        <v>0</v>
      </c>
      <c r="DB28" s="97">
        <v>5</v>
      </c>
      <c r="DC28" s="97">
        <v>2</v>
      </c>
      <c r="DD28" s="97">
        <v>2</v>
      </c>
      <c r="DE28" s="97">
        <v>1</v>
      </c>
      <c r="DF28" s="97">
        <v>0</v>
      </c>
      <c r="DG28" s="99">
        <v>10</v>
      </c>
      <c r="DH28" s="100">
        <v>13</v>
      </c>
      <c r="DI28" s="101">
        <v>0</v>
      </c>
      <c r="DJ28" s="102">
        <v>1</v>
      </c>
      <c r="DK28" s="103">
        <v>1</v>
      </c>
      <c r="DL28" s="413">
        <v>0</v>
      </c>
      <c r="DM28" s="102">
        <v>0</v>
      </c>
      <c r="DN28" s="102">
        <v>0</v>
      </c>
      <c r="DO28" s="102">
        <v>0</v>
      </c>
      <c r="DP28" s="102">
        <v>0</v>
      </c>
      <c r="DQ28" s="102">
        <v>0</v>
      </c>
      <c r="DR28" s="103">
        <v>0</v>
      </c>
      <c r="DS28" s="104">
        <v>1</v>
      </c>
      <c r="DT28" s="101">
        <v>0</v>
      </c>
      <c r="DU28" s="102">
        <v>0</v>
      </c>
      <c r="DV28" s="103">
        <v>0</v>
      </c>
      <c r="DW28" s="413">
        <v>0</v>
      </c>
      <c r="DX28" s="102">
        <v>0</v>
      </c>
      <c r="DY28" s="102">
        <v>0</v>
      </c>
      <c r="DZ28" s="102">
        <v>0</v>
      </c>
      <c r="EA28" s="102">
        <v>0</v>
      </c>
      <c r="EB28" s="102">
        <v>0</v>
      </c>
      <c r="EC28" s="103">
        <v>0</v>
      </c>
      <c r="ED28" s="104">
        <v>0</v>
      </c>
      <c r="EE28" s="101">
        <v>0</v>
      </c>
      <c r="EF28" s="102">
        <v>0</v>
      </c>
      <c r="EG28" s="103">
        <v>0</v>
      </c>
      <c r="EH28" s="413">
        <v>0</v>
      </c>
      <c r="EI28" s="102">
        <v>0</v>
      </c>
      <c r="EJ28" s="102">
        <v>1</v>
      </c>
      <c r="EK28" s="102">
        <v>0</v>
      </c>
      <c r="EL28" s="102">
        <v>0</v>
      </c>
      <c r="EM28" s="102">
        <v>0</v>
      </c>
      <c r="EN28" s="103">
        <v>1</v>
      </c>
      <c r="EO28" s="104">
        <v>1</v>
      </c>
      <c r="EP28" s="101">
        <v>0</v>
      </c>
      <c r="EQ28" s="102">
        <v>0</v>
      </c>
      <c r="ER28" s="103">
        <v>0</v>
      </c>
      <c r="ES28" s="413">
        <v>0</v>
      </c>
      <c r="ET28" s="102">
        <v>0</v>
      </c>
      <c r="EU28" s="102">
        <v>1</v>
      </c>
      <c r="EV28" s="102">
        <v>0</v>
      </c>
      <c r="EW28" s="102">
        <v>0</v>
      </c>
      <c r="EX28" s="102">
        <v>0</v>
      </c>
      <c r="EY28" s="103">
        <v>1</v>
      </c>
      <c r="EZ28" s="104">
        <v>1</v>
      </c>
      <c r="FA28" s="101">
        <v>0</v>
      </c>
      <c r="FB28" s="102">
        <v>0</v>
      </c>
      <c r="FC28" s="103">
        <v>0</v>
      </c>
      <c r="FD28" s="413">
        <v>0</v>
      </c>
      <c r="FE28" s="102">
        <v>1</v>
      </c>
      <c r="FF28" s="102">
        <v>0</v>
      </c>
      <c r="FG28" s="102">
        <v>2</v>
      </c>
      <c r="FH28" s="102">
        <v>0</v>
      </c>
      <c r="FI28" s="102">
        <v>0</v>
      </c>
      <c r="FJ28" s="103">
        <v>3</v>
      </c>
      <c r="FK28" s="104">
        <v>3</v>
      </c>
      <c r="FL28" s="101">
        <v>2</v>
      </c>
      <c r="FM28" s="102">
        <v>0</v>
      </c>
      <c r="FN28" s="103">
        <v>2</v>
      </c>
      <c r="FO28" s="413">
        <v>0</v>
      </c>
      <c r="FP28" s="102">
        <v>4</v>
      </c>
      <c r="FQ28" s="102">
        <v>0</v>
      </c>
      <c r="FR28" s="102">
        <v>0</v>
      </c>
      <c r="FS28" s="102">
        <v>1</v>
      </c>
      <c r="FT28" s="102">
        <v>0</v>
      </c>
      <c r="FU28" s="103">
        <v>5</v>
      </c>
      <c r="FV28" s="104">
        <v>7</v>
      </c>
      <c r="FW28" s="101">
        <v>0</v>
      </c>
      <c r="FX28" s="102">
        <v>0</v>
      </c>
      <c r="FY28" s="103">
        <v>0</v>
      </c>
      <c r="FZ28" s="413">
        <v>0</v>
      </c>
      <c r="GA28" s="102">
        <v>0</v>
      </c>
      <c r="GB28" s="102">
        <v>0</v>
      </c>
      <c r="GC28" s="102">
        <v>0</v>
      </c>
      <c r="GD28" s="102">
        <v>0</v>
      </c>
      <c r="GE28" s="102">
        <v>0</v>
      </c>
      <c r="GF28" s="103">
        <v>0</v>
      </c>
      <c r="GG28" s="104">
        <v>0</v>
      </c>
      <c r="GH28" s="101">
        <v>2</v>
      </c>
      <c r="GI28" s="102">
        <v>1</v>
      </c>
      <c r="GJ28" s="103">
        <v>3</v>
      </c>
      <c r="GK28" s="413">
        <v>0</v>
      </c>
      <c r="GL28" s="102">
        <v>5</v>
      </c>
      <c r="GM28" s="102">
        <v>2</v>
      </c>
      <c r="GN28" s="102">
        <v>2</v>
      </c>
      <c r="GO28" s="102">
        <v>1</v>
      </c>
      <c r="GP28" s="102">
        <v>0</v>
      </c>
      <c r="GQ28" s="103">
        <v>10</v>
      </c>
      <c r="GR28" s="104">
        <v>13</v>
      </c>
      <c r="GS28" s="105">
        <v>13</v>
      </c>
      <c r="GT28" s="97">
        <v>33</v>
      </c>
      <c r="GU28" s="98">
        <v>46</v>
      </c>
      <c r="GV28" s="413">
        <v>0</v>
      </c>
      <c r="GW28" s="97">
        <v>30</v>
      </c>
      <c r="GX28" s="97">
        <v>18</v>
      </c>
      <c r="GY28" s="97">
        <v>15</v>
      </c>
      <c r="GZ28" s="97">
        <v>10</v>
      </c>
      <c r="HA28" s="97">
        <v>4</v>
      </c>
      <c r="HB28" s="99">
        <v>77</v>
      </c>
      <c r="HC28" s="100">
        <v>123</v>
      </c>
      <c r="HD28" s="101">
        <v>0</v>
      </c>
      <c r="HE28" s="102">
        <v>1</v>
      </c>
      <c r="HF28" s="103">
        <v>1</v>
      </c>
      <c r="HG28" s="413">
        <v>0</v>
      </c>
      <c r="HH28" s="102">
        <v>1</v>
      </c>
      <c r="HI28" s="102">
        <v>1</v>
      </c>
      <c r="HJ28" s="102">
        <v>0</v>
      </c>
      <c r="HK28" s="102">
        <v>0</v>
      </c>
      <c r="HL28" s="102">
        <v>0</v>
      </c>
      <c r="HM28" s="103">
        <v>2</v>
      </c>
      <c r="HN28" s="104">
        <v>3</v>
      </c>
      <c r="HO28" s="101">
        <v>1</v>
      </c>
      <c r="HP28" s="102">
        <v>1</v>
      </c>
      <c r="HQ28" s="103">
        <v>2</v>
      </c>
      <c r="HR28" s="413">
        <v>0</v>
      </c>
      <c r="HS28" s="102">
        <v>0</v>
      </c>
      <c r="HT28" s="102">
        <v>2</v>
      </c>
      <c r="HU28" s="102">
        <v>0</v>
      </c>
      <c r="HV28" s="102">
        <v>2</v>
      </c>
      <c r="HW28" s="102">
        <v>0</v>
      </c>
      <c r="HX28" s="103">
        <v>4</v>
      </c>
      <c r="HY28" s="104">
        <v>6</v>
      </c>
      <c r="HZ28" s="101">
        <v>1</v>
      </c>
      <c r="IA28" s="102">
        <v>4</v>
      </c>
      <c r="IB28" s="103">
        <v>5</v>
      </c>
      <c r="IC28" s="413">
        <v>0</v>
      </c>
      <c r="ID28" s="102">
        <v>3</v>
      </c>
      <c r="IE28" s="102">
        <v>1</v>
      </c>
      <c r="IF28" s="102">
        <v>2</v>
      </c>
      <c r="IG28" s="102">
        <v>2</v>
      </c>
      <c r="IH28" s="102">
        <v>0</v>
      </c>
      <c r="II28" s="103">
        <v>8</v>
      </c>
      <c r="IJ28" s="104">
        <v>13</v>
      </c>
      <c r="IK28" s="101">
        <v>3</v>
      </c>
      <c r="IL28" s="102">
        <v>14</v>
      </c>
      <c r="IM28" s="103">
        <v>17</v>
      </c>
      <c r="IN28" s="413">
        <v>0</v>
      </c>
      <c r="IO28" s="102">
        <v>7</v>
      </c>
      <c r="IP28" s="102">
        <v>4</v>
      </c>
      <c r="IQ28" s="102">
        <v>3</v>
      </c>
      <c r="IR28" s="102">
        <v>0</v>
      </c>
      <c r="IS28" s="102">
        <v>1</v>
      </c>
      <c r="IT28" s="103">
        <v>15</v>
      </c>
      <c r="IU28" s="104">
        <v>32</v>
      </c>
      <c r="IV28" s="101">
        <v>3</v>
      </c>
      <c r="IW28" s="102">
        <v>6</v>
      </c>
      <c r="IX28" s="103">
        <v>9</v>
      </c>
      <c r="IY28" s="413">
        <v>0</v>
      </c>
      <c r="IZ28" s="102">
        <v>9</v>
      </c>
      <c r="JA28" s="102">
        <v>6</v>
      </c>
      <c r="JB28" s="102">
        <v>6</v>
      </c>
      <c r="JC28" s="102">
        <v>2</v>
      </c>
      <c r="JD28" s="102">
        <v>0</v>
      </c>
      <c r="JE28" s="103">
        <v>23</v>
      </c>
      <c r="JF28" s="104">
        <v>32</v>
      </c>
      <c r="JG28" s="101">
        <v>5</v>
      </c>
      <c r="JH28" s="102">
        <v>7</v>
      </c>
      <c r="JI28" s="103">
        <v>12</v>
      </c>
      <c r="JJ28" s="413">
        <v>0</v>
      </c>
      <c r="JK28" s="102">
        <v>10</v>
      </c>
      <c r="JL28" s="102">
        <v>4</v>
      </c>
      <c r="JM28" s="102">
        <v>4</v>
      </c>
      <c r="JN28" s="102">
        <v>4</v>
      </c>
      <c r="JO28" s="102">
        <v>3</v>
      </c>
      <c r="JP28" s="103">
        <v>25</v>
      </c>
      <c r="JQ28" s="104">
        <v>37</v>
      </c>
      <c r="JR28" s="101">
        <v>0</v>
      </c>
      <c r="JS28" s="102">
        <v>0</v>
      </c>
      <c r="JT28" s="103">
        <v>0</v>
      </c>
      <c r="JU28" s="413">
        <v>0</v>
      </c>
      <c r="JV28" s="102">
        <v>0</v>
      </c>
      <c r="JW28" s="102">
        <v>0</v>
      </c>
      <c r="JX28" s="102">
        <v>0</v>
      </c>
      <c r="JY28" s="102">
        <v>0</v>
      </c>
      <c r="JZ28" s="102">
        <v>0</v>
      </c>
      <c r="KA28" s="103">
        <v>0</v>
      </c>
      <c r="KB28" s="104">
        <v>0</v>
      </c>
      <c r="KC28" s="101">
        <v>13</v>
      </c>
      <c r="KD28" s="102">
        <v>33</v>
      </c>
      <c r="KE28" s="103">
        <v>46</v>
      </c>
      <c r="KF28" s="413">
        <v>0</v>
      </c>
      <c r="KG28" s="102">
        <v>30</v>
      </c>
      <c r="KH28" s="102">
        <v>18</v>
      </c>
      <c r="KI28" s="102">
        <v>15</v>
      </c>
      <c r="KJ28" s="102">
        <v>10</v>
      </c>
      <c r="KK28" s="102">
        <v>4</v>
      </c>
      <c r="KL28" s="103">
        <v>77</v>
      </c>
      <c r="KM28" s="104">
        <v>123</v>
      </c>
    </row>
    <row r="29" spans="2:299" s="70" customFormat="1" ht="21" customHeight="1" x14ac:dyDescent="0.2">
      <c r="B29" s="106" t="s">
        <v>26</v>
      </c>
      <c r="C29" s="96">
        <v>29</v>
      </c>
      <c r="D29" s="97">
        <v>19</v>
      </c>
      <c r="E29" s="98">
        <v>48</v>
      </c>
      <c r="F29" s="413">
        <v>0</v>
      </c>
      <c r="G29" s="97">
        <v>32</v>
      </c>
      <c r="H29" s="97">
        <v>22</v>
      </c>
      <c r="I29" s="97">
        <v>18</v>
      </c>
      <c r="J29" s="97">
        <v>11</v>
      </c>
      <c r="K29" s="97">
        <v>9</v>
      </c>
      <c r="L29" s="99">
        <v>92</v>
      </c>
      <c r="M29" s="100">
        <v>140</v>
      </c>
      <c r="N29" s="101">
        <v>0</v>
      </c>
      <c r="O29" s="102">
        <v>0</v>
      </c>
      <c r="P29" s="103">
        <v>0</v>
      </c>
      <c r="Q29" s="413">
        <v>0</v>
      </c>
      <c r="R29" s="102">
        <v>0</v>
      </c>
      <c r="S29" s="102">
        <v>0</v>
      </c>
      <c r="T29" s="102">
        <v>1</v>
      </c>
      <c r="U29" s="102">
        <v>0</v>
      </c>
      <c r="V29" s="102">
        <v>0</v>
      </c>
      <c r="W29" s="103">
        <v>1</v>
      </c>
      <c r="X29" s="104">
        <v>1</v>
      </c>
      <c r="Y29" s="101">
        <v>0</v>
      </c>
      <c r="Z29" s="102">
        <v>0</v>
      </c>
      <c r="AA29" s="103">
        <v>0</v>
      </c>
      <c r="AB29" s="413">
        <v>0</v>
      </c>
      <c r="AC29" s="102">
        <v>2</v>
      </c>
      <c r="AD29" s="102">
        <v>1</v>
      </c>
      <c r="AE29" s="102">
        <v>0</v>
      </c>
      <c r="AF29" s="102">
        <v>0</v>
      </c>
      <c r="AG29" s="102">
        <v>0</v>
      </c>
      <c r="AH29" s="103">
        <v>3</v>
      </c>
      <c r="AI29" s="104">
        <v>3</v>
      </c>
      <c r="AJ29" s="101">
        <v>1</v>
      </c>
      <c r="AK29" s="102">
        <v>2</v>
      </c>
      <c r="AL29" s="103">
        <v>3</v>
      </c>
      <c r="AM29" s="413">
        <v>0</v>
      </c>
      <c r="AN29" s="102">
        <v>5</v>
      </c>
      <c r="AO29" s="102">
        <v>0</v>
      </c>
      <c r="AP29" s="102">
        <v>0</v>
      </c>
      <c r="AQ29" s="102">
        <v>0</v>
      </c>
      <c r="AR29" s="102">
        <v>1</v>
      </c>
      <c r="AS29" s="103">
        <v>6</v>
      </c>
      <c r="AT29" s="104">
        <v>9</v>
      </c>
      <c r="AU29" s="101">
        <v>10</v>
      </c>
      <c r="AV29" s="102">
        <v>8</v>
      </c>
      <c r="AW29" s="103">
        <v>18</v>
      </c>
      <c r="AX29" s="413">
        <v>0</v>
      </c>
      <c r="AY29" s="102">
        <v>6</v>
      </c>
      <c r="AZ29" s="102">
        <v>7</v>
      </c>
      <c r="BA29" s="102">
        <v>4</v>
      </c>
      <c r="BB29" s="102">
        <v>5</v>
      </c>
      <c r="BC29" s="102">
        <v>1</v>
      </c>
      <c r="BD29" s="103">
        <v>23</v>
      </c>
      <c r="BE29" s="104">
        <v>41</v>
      </c>
      <c r="BF29" s="101">
        <v>7</v>
      </c>
      <c r="BG29" s="102">
        <v>4</v>
      </c>
      <c r="BH29" s="103">
        <v>11</v>
      </c>
      <c r="BI29" s="413">
        <v>0</v>
      </c>
      <c r="BJ29" s="102">
        <v>8</v>
      </c>
      <c r="BK29" s="102">
        <v>8</v>
      </c>
      <c r="BL29" s="102">
        <v>6</v>
      </c>
      <c r="BM29" s="102">
        <v>3</v>
      </c>
      <c r="BN29" s="102">
        <v>4</v>
      </c>
      <c r="BO29" s="103">
        <v>29</v>
      </c>
      <c r="BP29" s="104">
        <v>40</v>
      </c>
      <c r="BQ29" s="101">
        <v>11</v>
      </c>
      <c r="BR29" s="102">
        <v>5</v>
      </c>
      <c r="BS29" s="103">
        <v>16</v>
      </c>
      <c r="BT29" s="413">
        <v>0</v>
      </c>
      <c r="BU29" s="102">
        <v>11</v>
      </c>
      <c r="BV29" s="102">
        <v>6</v>
      </c>
      <c r="BW29" s="102">
        <v>7</v>
      </c>
      <c r="BX29" s="102">
        <v>3</v>
      </c>
      <c r="BY29" s="102">
        <v>3</v>
      </c>
      <c r="BZ29" s="103">
        <v>30</v>
      </c>
      <c r="CA29" s="104">
        <v>46</v>
      </c>
      <c r="CB29" s="101">
        <v>0</v>
      </c>
      <c r="CC29" s="102">
        <v>0</v>
      </c>
      <c r="CD29" s="103">
        <v>0</v>
      </c>
      <c r="CE29" s="413">
        <v>0</v>
      </c>
      <c r="CF29" s="102">
        <v>0</v>
      </c>
      <c r="CG29" s="102">
        <v>0</v>
      </c>
      <c r="CH29" s="102">
        <v>0</v>
      </c>
      <c r="CI29" s="102">
        <v>0</v>
      </c>
      <c r="CJ29" s="102">
        <v>0</v>
      </c>
      <c r="CK29" s="103">
        <v>0</v>
      </c>
      <c r="CL29" s="104">
        <v>0</v>
      </c>
      <c r="CM29" s="101">
        <v>29</v>
      </c>
      <c r="CN29" s="102">
        <v>19</v>
      </c>
      <c r="CO29" s="103">
        <v>48</v>
      </c>
      <c r="CP29" s="413">
        <v>0</v>
      </c>
      <c r="CQ29" s="102">
        <v>32</v>
      </c>
      <c r="CR29" s="102">
        <v>22</v>
      </c>
      <c r="CS29" s="102">
        <v>18</v>
      </c>
      <c r="CT29" s="102">
        <v>11</v>
      </c>
      <c r="CU29" s="102">
        <v>9</v>
      </c>
      <c r="CV29" s="103">
        <v>92</v>
      </c>
      <c r="CW29" s="104">
        <v>140</v>
      </c>
      <c r="CX29" s="105">
        <v>2</v>
      </c>
      <c r="CY29" s="97">
        <v>4</v>
      </c>
      <c r="CZ29" s="98">
        <v>6</v>
      </c>
      <c r="DA29" s="413">
        <v>0</v>
      </c>
      <c r="DB29" s="97">
        <v>6</v>
      </c>
      <c r="DC29" s="97">
        <v>2</v>
      </c>
      <c r="DD29" s="97">
        <v>2</v>
      </c>
      <c r="DE29" s="97">
        <v>2</v>
      </c>
      <c r="DF29" s="97">
        <v>1</v>
      </c>
      <c r="DG29" s="99">
        <v>13</v>
      </c>
      <c r="DH29" s="100">
        <v>19</v>
      </c>
      <c r="DI29" s="101">
        <v>0</v>
      </c>
      <c r="DJ29" s="102">
        <v>1</v>
      </c>
      <c r="DK29" s="103">
        <v>1</v>
      </c>
      <c r="DL29" s="413">
        <v>0</v>
      </c>
      <c r="DM29" s="102">
        <v>0</v>
      </c>
      <c r="DN29" s="102">
        <v>0</v>
      </c>
      <c r="DO29" s="102">
        <v>0</v>
      </c>
      <c r="DP29" s="102">
        <v>0</v>
      </c>
      <c r="DQ29" s="102">
        <v>0</v>
      </c>
      <c r="DR29" s="103">
        <v>0</v>
      </c>
      <c r="DS29" s="104">
        <v>1</v>
      </c>
      <c r="DT29" s="101">
        <v>0</v>
      </c>
      <c r="DU29" s="102">
        <v>0</v>
      </c>
      <c r="DV29" s="103">
        <v>0</v>
      </c>
      <c r="DW29" s="413">
        <v>0</v>
      </c>
      <c r="DX29" s="102">
        <v>0</v>
      </c>
      <c r="DY29" s="102">
        <v>0</v>
      </c>
      <c r="DZ29" s="102">
        <v>0</v>
      </c>
      <c r="EA29" s="102">
        <v>1</v>
      </c>
      <c r="EB29" s="102">
        <v>0</v>
      </c>
      <c r="EC29" s="103">
        <v>1</v>
      </c>
      <c r="ED29" s="104">
        <v>1</v>
      </c>
      <c r="EE29" s="101">
        <v>1</v>
      </c>
      <c r="EF29" s="102">
        <v>0</v>
      </c>
      <c r="EG29" s="103">
        <v>1</v>
      </c>
      <c r="EH29" s="413">
        <v>0</v>
      </c>
      <c r="EI29" s="102">
        <v>0</v>
      </c>
      <c r="EJ29" s="102">
        <v>0</v>
      </c>
      <c r="EK29" s="102">
        <v>0</v>
      </c>
      <c r="EL29" s="102">
        <v>0</v>
      </c>
      <c r="EM29" s="102">
        <v>0</v>
      </c>
      <c r="EN29" s="103">
        <v>0</v>
      </c>
      <c r="EO29" s="104">
        <v>1</v>
      </c>
      <c r="EP29" s="101">
        <v>1</v>
      </c>
      <c r="EQ29" s="102">
        <v>0</v>
      </c>
      <c r="ER29" s="103">
        <v>1</v>
      </c>
      <c r="ES29" s="413">
        <v>0</v>
      </c>
      <c r="ET29" s="102">
        <v>2</v>
      </c>
      <c r="EU29" s="102">
        <v>1</v>
      </c>
      <c r="EV29" s="102">
        <v>0</v>
      </c>
      <c r="EW29" s="102">
        <v>0</v>
      </c>
      <c r="EX29" s="102">
        <v>0</v>
      </c>
      <c r="EY29" s="103">
        <v>3</v>
      </c>
      <c r="EZ29" s="104">
        <v>4</v>
      </c>
      <c r="FA29" s="101">
        <v>0</v>
      </c>
      <c r="FB29" s="102">
        <v>1</v>
      </c>
      <c r="FC29" s="103">
        <v>1</v>
      </c>
      <c r="FD29" s="413">
        <v>0</v>
      </c>
      <c r="FE29" s="102">
        <v>1</v>
      </c>
      <c r="FF29" s="102">
        <v>1</v>
      </c>
      <c r="FG29" s="102">
        <v>0</v>
      </c>
      <c r="FH29" s="102">
        <v>0</v>
      </c>
      <c r="FI29" s="102">
        <v>0</v>
      </c>
      <c r="FJ29" s="103">
        <v>2</v>
      </c>
      <c r="FK29" s="104">
        <v>3</v>
      </c>
      <c r="FL29" s="101">
        <v>0</v>
      </c>
      <c r="FM29" s="102">
        <v>2</v>
      </c>
      <c r="FN29" s="103">
        <v>2</v>
      </c>
      <c r="FO29" s="413">
        <v>0</v>
      </c>
      <c r="FP29" s="102">
        <v>3</v>
      </c>
      <c r="FQ29" s="102">
        <v>0</v>
      </c>
      <c r="FR29" s="102">
        <v>2</v>
      </c>
      <c r="FS29" s="102">
        <v>1</v>
      </c>
      <c r="FT29" s="102">
        <v>1</v>
      </c>
      <c r="FU29" s="103">
        <v>7</v>
      </c>
      <c r="FV29" s="104">
        <v>9</v>
      </c>
      <c r="FW29" s="101">
        <v>0</v>
      </c>
      <c r="FX29" s="102">
        <v>0</v>
      </c>
      <c r="FY29" s="103">
        <v>0</v>
      </c>
      <c r="FZ29" s="413">
        <v>0</v>
      </c>
      <c r="GA29" s="102">
        <v>0</v>
      </c>
      <c r="GB29" s="102">
        <v>0</v>
      </c>
      <c r="GC29" s="102">
        <v>0</v>
      </c>
      <c r="GD29" s="102">
        <v>0</v>
      </c>
      <c r="GE29" s="102">
        <v>0</v>
      </c>
      <c r="GF29" s="103">
        <v>0</v>
      </c>
      <c r="GG29" s="104">
        <v>0</v>
      </c>
      <c r="GH29" s="101">
        <v>2</v>
      </c>
      <c r="GI29" s="102">
        <v>4</v>
      </c>
      <c r="GJ29" s="103">
        <v>6</v>
      </c>
      <c r="GK29" s="413">
        <v>0</v>
      </c>
      <c r="GL29" s="102">
        <v>6</v>
      </c>
      <c r="GM29" s="102">
        <v>2</v>
      </c>
      <c r="GN29" s="102">
        <v>2</v>
      </c>
      <c r="GO29" s="102">
        <v>2</v>
      </c>
      <c r="GP29" s="102">
        <v>1</v>
      </c>
      <c r="GQ29" s="103">
        <v>13</v>
      </c>
      <c r="GR29" s="104">
        <v>19</v>
      </c>
      <c r="GS29" s="105">
        <v>31</v>
      </c>
      <c r="GT29" s="97">
        <v>23</v>
      </c>
      <c r="GU29" s="98">
        <v>54</v>
      </c>
      <c r="GV29" s="413">
        <v>0</v>
      </c>
      <c r="GW29" s="97">
        <v>38</v>
      </c>
      <c r="GX29" s="97">
        <v>24</v>
      </c>
      <c r="GY29" s="97">
        <v>20</v>
      </c>
      <c r="GZ29" s="97">
        <v>13</v>
      </c>
      <c r="HA29" s="97">
        <v>10</v>
      </c>
      <c r="HB29" s="99">
        <v>105</v>
      </c>
      <c r="HC29" s="100">
        <v>159</v>
      </c>
      <c r="HD29" s="101">
        <v>0</v>
      </c>
      <c r="HE29" s="102">
        <v>1</v>
      </c>
      <c r="HF29" s="103">
        <v>1</v>
      </c>
      <c r="HG29" s="413">
        <v>0</v>
      </c>
      <c r="HH29" s="102">
        <v>0</v>
      </c>
      <c r="HI29" s="102">
        <v>0</v>
      </c>
      <c r="HJ29" s="102">
        <v>1</v>
      </c>
      <c r="HK29" s="102">
        <v>0</v>
      </c>
      <c r="HL29" s="102">
        <v>0</v>
      </c>
      <c r="HM29" s="103">
        <v>1</v>
      </c>
      <c r="HN29" s="104">
        <v>2</v>
      </c>
      <c r="HO29" s="101">
        <v>0</v>
      </c>
      <c r="HP29" s="102">
        <v>0</v>
      </c>
      <c r="HQ29" s="103">
        <v>0</v>
      </c>
      <c r="HR29" s="413">
        <v>0</v>
      </c>
      <c r="HS29" s="102">
        <v>2</v>
      </c>
      <c r="HT29" s="102">
        <v>1</v>
      </c>
      <c r="HU29" s="102">
        <v>0</v>
      </c>
      <c r="HV29" s="102">
        <v>1</v>
      </c>
      <c r="HW29" s="102">
        <v>0</v>
      </c>
      <c r="HX29" s="103">
        <v>4</v>
      </c>
      <c r="HY29" s="104">
        <v>4</v>
      </c>
      <c r="HZ29" s="101">
        <v>2</v>
      </c>
      <c r="IA29" s="102">
        <v>2</v>
      </c>
      <c r="IB29" s="103">
        <v>4</v>
      </c>
      <c r="IC29" s="413">
        <v>0</v>
      </c>
      <c r="ID29" s="102">
        <v>5</v>
      </c>
      <c r="IE29" s="102">
        <v>0</v>
      </c>
      <c r="IF29" s="102">
        <v>0</v>
      </c>
      <c r="IG29" s="102">
        <v>0</v>
      </c>
      <c r="IH29" s="102">
        <v>1</v>
      </c>
      <c r="II29" s="103">
        <v>6</v>
      </c>
      <c r="IJ29" s="104">
        <v>10</v>
      </c>
      <c r="IK29" s="101">
        <v>11</v>
      </c>
      <c r="IL29" s="102">
        <v>8</v>
      </c>
      <c r="IM29" s="103">
        <v>19</v>
      </c>
      <c r="IN29" s="413">
        <v>0</v>
      </c>
      <c r="IO29" s="102">
        <v>8</v>
      </c>
      <c r="IP29" s="102">
        <v>8</v>
      </c>
      <c r="IQ29" s="102">
        <v>4</v>
      </c>
      <c r="IR29" s="102">
        <v>5</v>
      </c>
      <c r="IS29" s="102">
        <v>1</v>
      </c>
      <c r="IT29" s="103">
        <v>26</v>
      </c>
      <c r="IU29" s="104">
        <v>45</v>
      </c>
      <c r="IV29" s="101">
        <v>7</v>
      </c>
      <c r="IW29" s="102">
        <v>5</v>
      </c>
      <c r="IX29" s="103">
        <v>12</v>
      </c>
      <c r="IY29" s="413">
        <v>0</v>
      </c>
      <c r="IZ29" s="102">
        <v>9</v>
      </c>
      <c r="JA29" s="102">
        <v>9</v>
      </c>
      <c r="JB29" s="102">
        <v>6</v>
      </c>
      <c r="JC29" s="102">
        <v>3</v>
      </c>
      <c r="JD29" s="102">
        <v>4</v>
      </c>
      <c r="JE29" s="103">
        <v>31</v>
      </c>
      <c r="JF29" s="104">
        <v>43</v>
      </c>
      <c r="JG29" s="101">
        <v>11</v>
      </c>
      <c r="JH29" s="102">
        <v>7</v>
      </c>
      <c r="JI29" s="103">
        <v>18</v>
      </c>
      <c r="JJ29" s="413">
        <v>0</v>
      </c>
      <c r="JK29" s="102">
        <v>14</v>
      </c>
      <c r="JL29" s="102">
        <v>6</v>
      </c>
      <c r="JM29" s="102">
        <v>9</v>
      </c>
      <c r="JN29" s="102">
        <v>4</v>
      </c>
      <c r="JO29" s="102">
        <v>4</v>
      </c>
      <c r="JP29" s="103">
        <v>37</v>
      </c>
      <c r="JQ29" s="104">
        <v>55</v>
      </c>
      <c r="JR29" s="101">
        <v>0</v>
      </c>
      <c r="JS29" s="102">
        <v>0</v>
      </c>
      <c r="JT29" s="103">
        <v>0</v>
      </c>
      <c r="JU29" s="413">
        <v>0</v>
      </c>
      <c r="JV29" s="102">
        <v>0</v>
      </c>
      <c r="JW29" s="102">
        <v>0</v>
      </c>
      <c r="JX29" s="102">
        <v>0</v>
      </c>
      <c r="JY29" s="102">
        <v>0</v>
      </c>
      <c r="JZ29" s="102">
        <v>0</v>
      </c>
      <c r="KA29" s="103">
        <v>0</v>
      </c>
      <c r="KB29" s="104">
        <v>0</v>
      </c>
      <c r="KC29" s="101">
        <v>31</v>
      </c>
      <c r="KD29" s="102">
        <v>23</v>
      </c>
      <c r="KE29" s="103">
        <v>54</v>
      </c>
      <c r="KF29" s="413">
        <v>0</v>
      </c>
      <c r="KG29" s="102">
        <v>38</v>
      </c>
      <c r="KH29" s="102">
        <v>24</v>
      </c>
      <c r="KI29" s="102">
        <v>20</v>
      </c>
      <c r="KJ29" s="102">
        <v>13</v>
      </c>
      <c r="KK29" s="102">
        <v>10</v>
      </c>
      <c r="KL29" s="103">
        <v>105</v>
      </c>
      <c r="KM29" s="104">
        <v>159</v>
      </c>
    </row>
    <row r="30" spans="2:299" s="70" customFormat="1" ht="21" customHeight="1" x14ac:dyDescent="0.2">
      <c r="B30" s="106" t="s">
        <v>27</v>
      </c>
      <c r="C30" s="96">
        <v>30</v>
      </c>
      <c r="D30" s="97">
        <v>25</v>
      </c>
      <c r="E30" s="98">
        <v>55</v>
      </c>
      <c r="F30" s="413">
        <v>0</v>
      </c>
      <c r="G30" s="97">
        <v>22</v>
      </c>
      <c r="H30" s="97">
        <v>18</v>
      </c>
      <c r="I30" s="97">
        <v>11</v>
      </c>
      <c r="J30" s="97">
        <v>19</v>
      </c>
      <c r="K30" s="97">
        <v>11</v>
      </c>
      <c r="L30" s="99">
        <v>81</v>
      </c>
      <c r="M30" s="100">
        <v>136</v>
      </c>
      <c r="N30" s="101">
        <v>0</v>
      </c>
      <c r="O30" s="102">
        <v>1</v>
      </c>
      <c r="P30" s="103">
        <v>1</v>
      </c>
      <c r="Q30" s="413">
        <v>0</v>
      </c>
      <c r="R30" s="102">
        <v>0</v>
      </c>
      <c r="S30" s="102">
        <v>0</v>
      </c>
      <c r="T30" s="102">
        <v>0</v>
      </c>
      <c r="U30" s="102">
        <v>0</v>
      </c>
      <c r="V30" s="102">
        <v>1</v>
      </c>
      <c r="W30" s="103">
        <v>1</v>
      </c>
      <c r="X30" s="104">
        <v>2</v>
      </c>
      <c r="Y30" s="101">
        <v>1</v>
      </c>
      <c r="Z30" s="102">
        <v>0</v>
      </c>
      <c r="AA30" s="103">
        <v>1</v>
      </c>
      <c r="AB30" s="413">
        <v>0</v>
      </c>
      <c r="AC30" s="102">
        <v>1</v>
      </c>
      <c r="AD30" s="102">
        <v>0</v>
      </c>
      <c r="AE30" s="102">
        <v>0</v>
      </c>
      <c r="AF30" s="102">
        <v>0</v>
      </c>
      <c r="AG30" s="102">
        <v>1</v>
      </c>
      <c r="AH30" s="103">
        <v>2</v>
      </c>
      <c r="AI30" s="104">
        <v>3</v>
      </c>
      <c r="AJ30" s="101">
        <v>4</v>
      </c>
      <c r="AK30" s="102">
        <v>4</v>
      </c>
      <c r="AL30" s="103">
        <v>8</v>
      </c>
      <c r="AM30" s="413">
        <v>0</v>
      </c>
      <c r="AN30" s="102">
        <v>2</v>
      </c>
      <c r="AO30" s="102">
        <v>1</v>
      </c>
      <c r="AP30" s="102">
        <v>0</v>
      </c>
      <c r="AQ30" s="102">
        <v>2</v>
      </c>
      <c r="AR30" s="102">
        <v>1</v>
      </c>
      <c r="AS30" s="103">
        <v>6</v>
      </c>
      <c r="AT30" s="104">
        <v>14</v>
      </c>
      <c r="AU30" s="101">
        <v>8</v>
      </c>
      <c r="AV30" s="102">
        <v>5</v>
      </c>
      <c r="AW30" s="103">
        <v>13</v>
      </c>
      <c r="AX30" s="413">
        <v>0</v>
      </c>
      <c r="AY30" s="102">
        <v>3</v>
      </c>
      <c r="AZ30" s="102">
        <v>5</v>
      </c>
      <c r="BA30" s="102">
        <v>5</v>
      </c>
      <c r="BB30" s="102">
        <v>0</v>
      </c>
      <c r="BC30" s="102">
        <v>2</v>
      </c>
      <c r="BD30" s="103">
        <v>15</v>
      </c>
      <c r="BE30" s="104">
        <v>28</v>
      </c>
      <c r="BF30" s="101">
        <v>9</v>
      </c>
      <c r="BG30" s="102">
        <v>7</v>
      </c>
      <c r="BH30" s="103">
        <v>16</v>
      </c>
      <c r="BI30" s="413">
        <v>0</v>
      </c>
      <c r="BJ30" s="102">
        <v>8</v>
      </c>
      <c r="BK30" s="102">
        <v>6</v>
      </c>
      <c r="BL30" s="102">
        <v>5</v>
      </c>
      <c r="BM30" s="102">
        <v>5</v>
      </c>
      <c r="BN30" s="102">
        <v>4</v>
      </c>
      <c r="BO30" s="103">
        <v>28</v>
      </c>
      <c r="BP30" s="104">
        <v>44</v>
      </c>
      <c r="BQ30" s="101">
        <v>8</v>
      </c>
      <c r="BR30" s="102">
        <v>8</v>
      </c>
      <c r="BS30" s="103">
        <v>16</v>
      </c>
      <c r="BT30" s="413">
        <v>0</v>
      </c>
      <c r="BU30" s="102">
        <v>8</v>
      </c>
      <c r="BV30" s="102">
        <v>6</v>
      </c>
      <c r="BW30" s="102">
        <v>1</v>
      </c>
      <c r="BX30" s="102">
        <v>12</v>
      </c>
      <c r="BY30" s="102">
        <v>2</v>
      </c>
      <c r="BZ30" s="103">
        <v>29</v>
      </c>
      <c r="CA30" s="104">
        <v>45</v>
      </c>
      <c r="CB30" s="101">
        <v>0</v>
      </c>
      <c r="CC30" s="102">
        <v>0</v>
      </c>
      <c r="CD30" s="103">
        <v>0</v>
      </c>
      <c r="CE30" s="413">
        <v>0</v>
      </c>
      <c r="CF30" s="102">
        <v>0</v>
      </c>
      <c r="CG30" s="102">
        <v>0</v>
      </c>
      <c r="CH30" s="102">
        <v>0</v>
      </c>
      <c r="CI30" s="102">
        <v>0</v>
      </c>
      <c r="CJ30" s="102">
        <v>0</v>
      </c>
      <c r="CK30" s="103">
        <v>0</v>
      </c>
      <c r="CL30" s="104">
        <v>0</v>
      </c>
      <c r="CM30" s="101">
        <v>30</v>
      </c>
      <c r="CN30" s="102">
        <v>25</v>
      </c>
      <c r="CO30" s="103">
        <v>55</v>
      </c>
      <c r="CP30" s="413">
        <v>0</v>
      </c>
      <c r="CQ30" s="102">
        <v>22</v>
      </c>
      <c r="CR30" s="102">
        <v>18</v>
      </c>
      <c r="CS30" s="102">
        <v>11</v>
      </c>
      <c r="CT30" s="102">
        <v>19</v>
      </c>
      <c r="CU30" s="102">
        <v>11</v>
      </c>
      <c r="CV30" s="103">
        <v>81</v>
      </c>
      <c r="CW30" s="104">
        <v>136</v>
      </c>
      <c r="CX30" s="105">
        <v>5</v>
      </c>
      <c r="CY30" s="97">
        <v>5</v>
      </c>
      <c r="CZ30" s="98">
        <v>10</v>
      </c>
      <c r="DA30" s="413">
        <v>0</v>
      </c>
      <c r="DB30" s="97">
        <v>3</v>
      </c>
      <c r="DC30" s="97">
        <v>1</v>
      </c>
      <c r="DD30" s="97">
        <v>3</v>
      </c>
      <c r="DE30" s="97">
        <v>2</v>
      </c>
      <c r="DF30" s="97">
        <v>0</v>
      </c>
      <c r="DG30" s="99">
        <v>9</v>
      </c>
      <c r="DH30" s="100">
        <v>19</v>
      </c>
      <c r="DI30" s="101">
        <v>0</v>
      </c>
      <c r="DJ30" s="102">
        <v>0</v>
      </c>
      <c r="DK30" s="103">
        <v>0</v>
      </c>
      <c r="DL30" s="413">
        <v>0</v>
      </c>
      <c r="DM30" s="102">
        <v>0</v>
      </c>
      <c r="DN30" s="102">
        <v>0</v>
      </c>
      <c r="DO30" s="102">
        <v>0</v>
      </c>
      <c r="DP30" s="102">
        <v>0</v>
      </c>
      <c r="DQ30" s="102">
        <v>0</v>
      </c>
      <c r="DR30" s="103">
        <v>0</v>
      </c>
      <c r="DS30" s="104">
        <v>0</v>
      </c>
      <c r="DT30" s="101">
        <v>1</v>
      </c>
      <c r="DU30" s="102">
        <v>0</v>
      </c>
      <c r="DV30" s="103">
        <v>1</v>
      </c>
      <c r="DW30" s="413">
        <v>0</v>
      </c>
      <c r="DX30" s="102">
        <v>0</v>
      </c>
      <c r="DY30" s="102">
        <v>0</v>
      </c>
      <c r="DZ30" s="102">
        <v>0</v>
      </c>
      <c r="EA30" s="102">
        <v>1</v>
      </c>
      <c r="EB30" s="102">
        <v>0</v>
      </c>
      <c r="EC30" s="103">
        <v>1</v>
      </c>
      <c r="ED30" s="104">
        <v>2</v>
      </c>
      <c r="EE30" s="101">
        <v>0</v>
      </c>
      <c r="EF30" s="102">
        <v>0</v>
      </c>
      <c r="EG30" s="103">
        <v>0</v>
      </c>
      <c r="EH30" s="413">
        <v>0</v>
      </c>
      <c r="EI30" s="102">
        <v>0</v>
      </c>
      <c r="EJ30" s="102">
        <v>0</v>
      </c>
      <c r="EK30" s="102">
        <v>0</v>
      </c>
      <c r="EL30" s="102">
        <v>0</v>
      </c>
      <c r="EM30" s="102">
        <v>0</v>
      </c>
      <c r="EN30" s="103">
        <v>0</v>
      </c>
      <c r="EO30" s="104">
        <v>0</v>
      </c>
      <c r="EP30" s="101">
        <v>1</v>
      </c>
      <c r="EQ30" s="102">
        <v>1</v>
      </c>
      <c r="ER30" s="103">
        <v>2</v>
      </c>
      <c r="ES30" s="413">
        <v>0</v>
      </c>
      <c r="ET30" s="102">
        <v>0</v>
      </c>
      <c r="EU30" s="102">
        <v>0</v>
      </c>
      <c r="EV30" s="102">
        <v>0</v>
      </c>
      <c r="EW30" s="102">
        <v>0</v>
      </c>
      <c r="EX30" s="102">
        <v>0</v>
      </c>
      <c r="EY30" s="103">
        <v>0</v>
      </c>
      <c r="EZ30" s="104">
        <v>2</v>
      </c>
      <c r="FA30" s="101">
        <v>1</v>
      </c>
      <c r="FB30" s="102">
        <v>1</v>
      </c>
      <c r="FC30" s="103">
        <v>2</v>
      </c>
      <c r="FD30" s="413">
        <v>0</v>
      </c>
      <c r="FE30" s="102">
        <v>2</v>
      </c>
      <c r="FF30" s="102">
        <v>1</v>
      </c>
      <c r="FG30" s="102">
        <v>1</v>
      </c>
      <c r="FH30" s="102">
        <v>0</v>
      </c>
      <c r="FI30" s="102">
        <v>0</v>
      </c>
      <c r="FJ30" s="103">
        <v>4</v>
      </c>
      <c r="FK30" s="104">
        <v>6</v>
      </c>
      <c r="FL30" s="101">
        <v>2</v>
      </c>
      <c r="FM30" s="102">
        <v>3</v>
      </c>
      <c r="FN30" s="103">
        <v>5</v>
      </c>
      <c r="FO30" s="413">
        <v>0</v>
      </c>
      <c r="FP30" s="102">
        <v>1</v>
      </c>
      <c r="FQ30" s="102">
        <v>0</v>
      </c>
      <c r="FR30" s="102">
        <v>2</v>
      </c>
      <c r="FS30" s="102">
        <v>1</v>
      </c>
      <c r="FT30" s="102">
        <v>0</v>
      </c>
      <c r="FU30" s="103">
        <v>4</v>
      </c>
      <c r="FV30" s="104">
        <v>9</v>
      </c>
      <c r="FW30" s="101">
        <v>0</v>
      </c>
      <c r="FX30" s="102">
        <v>0</v>
      </c>
      <c r="FY30" s="103">
        <v>0</v>
      </c>
      <c r="FZ30" s="413">
        <v>0</v>
      </c>
      <c r="GA30" s="102">
        <v>0</v>
      </c>
      <c r="GB30" s="102">
        <v>0</v>
      </c>
      <c r="GC30" s="102">
        <v>0</v>
      </c>
      <c r="GD30" s="102">
        <v>0</v>
      </c>
      <c r="GE30" s="102">
        <v>0</v>
      </c>
      <c r="GF30" s="103">
        <v>0</v>
      </c>
      <c r="GG30" s="104">
        <v>0</v>
      </c>
      <c r="GH30" s="101">
        <v>5</v>
      </c>
      <c r="GI30" s="102">
        <v>5</v>
      </c>
      <c r="GJ30" s="103">
        <v>10</v>
      </c>
      <c r="GK30" s="413">
        <v>0</v>
      </c>
      <c r="GL30" s="102">
        <v>3</v>
      </c>
      <c r="GM30" s="102">
        <v>1</v>
      </c>
      <c r="GN30" s="102">
        <v>3</v>
      </c>
      <c r="GO30" s="102">
        <v>2</v>
      </c>
      <c r="GP30" s="102">
        <v>0</v>
      </c>
      <c r="GQ30" s="103">
        <v>9</v>
      </c>
      <c r="GR30" s="104">
        <v>19</v>
      </c>
      <c r="GS30" s="105">
        <v>35</v>
      </c>
      <c r="GT30" s="97">
        <v>30</v>
      </c>
      <c r="GU30" s="98">
        <v>65</v>
      </c>
      <c r="GV30" s="413">
        <v>0</v>
      </c>
      <c r="GW30" s="97">
        <v>25</v>
      </c>
      <c r="GX30" s="97">
        <v>19</v>
      </c>
      <c r="GY30" s="97">
        <v>14</v>
      </c>
      <c r="GZ30" s="97">
        <v>21</v>
      </c>
      <c r="HA30" s="97">
        <v>11</v>
      </c>
      <c r="HB30" s="99">
        <v>90</v>
      </c>
      <c r="HC30" s="100">
        <v>155</v>
      </c>
      <c r="HD30" s="101">
        <v>0</v>
      </c>
      <c r="HE30" s="102">
        <v>1</v>
      </c>
      <c r="HF30" s="103">
        <v>1</v>
      </c>
      <c r="HG30" s="413">
        <v>0</v>
      </c>
      <c r="HH30" s="102">
        <v>0</v>
      </c>
      <c r="HI30" s="102">
        <v>0</v>
      </c>
      <c r="HJ30" s="102">
        <v>0</v>
      </c>
      <c r="HK30" s="102">
        <v>0</v>
      </c>
      <c r="HL30" s="102">
        <v>1</v>
      </c>
      <c r="HM30" s="103">
        <v>1</v>
      </c>
      <c r="HN30" s="104">
        <v>2</v>
      </c>
      <c r="HO30" s="101">
        <v>2</v>
      </c>
      <c r="HP30" s="102">
        <v>0</v>
      </c>
      <c r="HQ30" s="103">
        <v>2</v>
      </c>
      <c r="HR30" s="413">
        <v>0</v>
      </c>
      <c r="HS30" s="102">
        <v>1</v>
      </c>
      <c r="HT30" s="102">
        <v>0</v>
      </c>
      <c r="HU30" s="102">
        <v>0</v>
      </c>
      <c r="HV30" s="102">
        <v>1</v>
      </c>
      <c r="HW30" s="102">
        <v>1</v>
      </c>
      <c r="HX30" s="103">
        <v>3</v>
      </c>
      <c r="HY30" s="104">
        <v>5</v>
      </c>
      <c r="HZ30" s="101">
        <v>4</v>
      </c>
      <c r="IA30" s="102">
        <v>4</v>
      </c>
      <c r="IB30" s="103">
        <v>8</v>
      </c>
      <c r="IC30" s="413">
        <v>0</v>
      </c>
      <c r="ID30" s="102">
        <v>2</v>
      </c>
      <c r="IE30" s="102">
        <v>1</v>
      </c>
      <c r="IF30" s="102">
        <v>0</v>
      </c>
      <c r="IG30" s="102">
        <v>2</v>
      </c>
      <c r="IH30" s="102">
        <v>1</v>
      </c>
      <c r="II30" s="103">
        <v>6</v>
      </c>
      <c r="IJ30" s="104">
        <v>14</v>
      </c>
      <c r="IK30" s="101">
        <v>9</v>
      </c>
      <c r="IL30" s="102">
        <v>6</v>
      </c>
      <c r="IM30" s="103">
        <v>15</v>
      </c>
      <c r="IN30" s="413">
        <v>0</v>
      </c>
      <c r="IO30" s="102">
        <v>3</v>
      </c>
      <c r="IP30" s="102">
        <v>5</v>
      </c>
      <c r="IQ30" s="102">
        <v>5</v>
      </c>
      <c r="IR30" s="102">
        <v>0</v>
      </c>
      <c r="IS30" s="102">
        <v>2</v>
      </c>
      <c r="IT30" s="103">
        <v>15</v>
      </c>
      <c r="IU30" s="104">
        <v>30</v>
      </c>
      <c r="IV30" s="101">
        <v>10</v>
      </c>
      <c r="IW30" s="102">
        <v>8</v>
      </c>
      <c r="IX30" s="103">
        <v>18</v>
      </c>
      <c r="IY30" s="413">
        <v>0</v>
      </c>
      <c r="IZ30" s="102">
        <v>10</v>
      </c>
      <c r="JA30" s="102">
        <v>7</v>
      </c>
      <c r="JB30" s="102">
        <v>6</v>
      </c>
      <c r="JC30" s="102">
        <v>5</v>
      </c>
      <c r="JD30" s="102">
        <v>4</v>
      </c>
      <c r="JE30" s="103">
        <v>32</v>
      </c>
      <c r="JF30" s="104">
        <v>50</v>
      </c>
      <c r="JG30" s="101">
        <v>10</v>
      </c>
      <c r="JH30" s="102">
        <v>11</v>
      </c>
      <c r="JI30" s="103">
        <v>21</v>
      </c>
      <c r="JJ30" s="413">
        <v>0</v>
      </c>
      <c r="JK30" s="102">
        <v>9</v>
      </c>
      <c r="JL30" s="102">
        <v>6</v>
      </c>
      <c r="JM30" s="102">
        <v>3</v>
      </c>
      <c r="JN30" s="102">
        <v>13</v>
      </c>
      <c r="JO30" s="102">
        <v>2</v>
      </c>
      <c r="JP30" s="103">
        <v>33</v>
      </c>
      <c r="JQ30" s="104">
        <v>54</v>
      </c>
      <c r="JR30" s="101">
        <v>0</v>
      </c>
      <c r="JS30" s="102">
        <v>0</v>
      </c>
      <c r="JT30" s="103">
        <v>0</v>
      </c>
      <c r="JU30" s="413">
        <v>0</v>
      </c>
      <c r="JV30" s="102">
        <v>0</v>
      </c>
      <c r="JW30" s="102">
        <v>0</v>
      </c>
      <c r="JX30" s="102">
        <v>0</v>
      </c>
      <c r="JY30" s="102">
        <v>0</v>
      </c>
      <c r="JZ30" s="102">
        <v>0</v>
      </c>
      <c r="KA30" s="103">
        <v>0</v>
      </c>
      <c r="KB30" s="104">
        <v>0</v>
      </c>
      <c r="KC30" s="101">
        <v>35</v>
      </c>
      <c r="KD30" s="102">
        <v>30</v>
      </c>
      <c r="KE30" s="103">
        <v>65</v>
      </c>
      <c r="KF30" s="413">
        <v>0</v>
      </c>
      <c r="KG30" s="102">
        <v>25</v>
      </c>
      <c r="KH30" s="102">
        <v>19</v>
      </c>
      <c r="KI30" s="102">
        <v>14</v>
      </c>
      <c r="KJ30" s="102">
        <v>21</v>
      </c>
      <c r="KK30" s="102">
        <v>11</v>
      </c>
      <c r="KL30" s="103">
        <v>90</v>
      </c>
      <c r="KM30" s="104">
        <v>155</v>
      </c>
    </row>
    <row r="31" spans="2:299" s="70" customFormat="1" ht="21" customHeight="1" x14ac:dyDescent="0.2">
      <c r="B31" s="106" t="s">
        <v>28</v>
      </c>
      <c r="C31" s="96">
        <v>1</v>
      </c>
      <c r="D31" s="97">
        <v>6</v>
      </c>
      <c r="E31" s="98">
        <v>7</v>
      </c>
      <c r="F31" s="413">
        <v>0</v>
      </c>
      <c r="G31" s="97">
        <v>14</v>
      </c>
      <c r="H31" s="97">
        <v>7</v>
      </c>
      <c r="I31" s="97">
        <v>3</v>
      </c>
      <c r="J31" s="97">
        <v>2</v>
      </c>
      <c r="K31" s="97">
        <v>1</v>
      </c>
      <c r="L31" s="99">
        <v>27</v>
      </c>
      <c r="M31" s="100">
        <v>34</v>
      </c>
      <c r="N31" s="101">
        <v>0</v>
      </c>
      <c r="O31" s="102">
        <v>0</v>
      </c>
      <c r="P31" s="103">
        <v>0</v>
      </c>
      <c r="Q31" s="413">
        <v>0</v>
      </c>
      <c r="R31" s="102">
        <v>0</v>
      </c>
      <c r="S31" s="102">
        <v>0</v>
      </c>
      <c r="T31" s="102">
        <v>0</v>
      </c>
      <c r="U31" s="102">
        <v>0</v>
      </c>
      <c r="V31" s="102">
        <v>0</v>
      </c>
      <c r="W31" s="103">
        <v>0</v>
      </c>
      <c r="X31" s="104">
        <v>0</v>
      </c>
      <c r="Y31" s="101">
        <v>0</v>
      </c>
      <c r="Z31" s="102">
        <v>0</v>
      </c>
      <c r="AA31" s="103">
        <v>0</v>
      </c>
      <c r="AB31" s="413">
        <v>0</v>
      </c>
      <c r="AC31" s="102">
        <v>1</v>
      </c>
      <c r="AD31" s="102">
        <v>0</v>
      </c>
      <c r="AE31" s="102">
        <v>0</v>
      </c>
      <c r="AF31" s="102">
        <v>0</v>
      </c>
      <c r="AG31" s="102">
        <v>0</v>
      </c>
      <c r="AH31" s="103">
        <v>1</v>
      </c>
      <c r="AI31" s="104">
        <v>1</v>
      </c>
      <c r="AJ31" s="101">
        <v>0</v>
      </c>
      <c r="AK31" s="102">
        <v>2</v>
      </c>
      <c r="AL31" s="103">
        <v>2</v>
      </c>
      <c r="AM31" s="413">
        <v>0</v>
      </c>
      <c r="AN31" s="102">
        <v>3</v>
      </c>
      <c r="AO31" s="102">
        <v>1</v>
      </c>
      <c r="AP31" s="102">
        <v>0</v>
      </c>
      <c r="AQ31" s="102">
        <v>0</v>
      </c>
      <c r="AR31" s="102">
        <v>0</v>
      </c>
      <c r="AS31" s="103">
        <v>4</v>
      </c>
      <c r="AT31" s="104">
        <v>6</v>
      </c>
      <c r="AU31" s="101">
        <v>0</v>
      </c>
      <c r="AV31" s="102">
        <v>2</v>
      </c>
      <c r="AW31" s="103">
        <v>2</v>
      </c>
      <c r="AX31" s="413">
        <v>0</v>
      </c>
      <c r="AY31" s="102">
        <v>3</v>
      </c>
      <c r="AZ31" s="102">
        <v>1</v>
      </c>
      <c r="BA31" s="102">
        <v>0</v>
      </c>
      <c r="BB31" s="102">
        <v>0</v>
      </c>
      <c r="BC31" s="102">
        <v>0</v>
      </c>
      <c r="BD31" s="103">
        <v>4</v>
      </c>
      <c r="BE31" s="104">
        <v>6</v>
      </c>
      <c r="BF31" s="101">
        <v>1</v>
      </c>
      <c r="BG31" s="102">
        <v>2</v>
      </c>
      <c r="BH31" s="103">
        <v>3</v>
      </c>
      <c r="BI31" s="413">
        <v>0</v>
      </c>
      <c r="BJ31" s="102">
        <v>5</v>
      </c>
      <c r="BK31" s="102">
        <v>3</v>
      </c>
      <c r="BL31" s="102">
        <v>1</v>
      </c>
      <c r="BM31" s="102">
        <v>1</v>
      </c>
      <c r="BN31" s="102">
        <v>0</v>
      </c>
      <c r="BO31" s="103">
        <v>10</v>
      </c>
      <c r="BP31" s="104">
        <v>13</v>
      </c>
      <c r="BQ31" s="101">
        <v>0</v>
      </c>
      <c r="BR31" s="102">
        <v>0</v>
      </c>
      <c r="BS31" s="103">
        <v>0</v>
      </c>
      <c r="BT31" s="413">
        <v>0</v>
      </c>
      <c r="BU31" s="102">
        <v>2</v>
      </c>
      <c r="BV31" s="102">
        <v>2</v>
      </c>
      <c r="BW31" s="102">
        <v>2</v>
      </c>
      <c r="BX31" s="102">
        <v>1</v>
      </c>
      <c r="BY31" s="102">
        <v>1</v>
      </c>
      <c r="BZ31" s="103">
        <v>8</v>
      </c>
      <c r="CA31" s="104">
        <v>8</v>
      </c>
      <c r="CB31" s="101">
        <v>0</v>
      </c>
      <c r="CC31" s="102">
        <v>0</v>
      </c>
      <c r="CD31" s="103">
        <v>0</v>
      </c>
      <c r="CE31" s="413">
        <v>0</v>
      </c>
      <c r="CF31" s="102">
        <v>0</v>
      </c>
      <c r="CG31" s="102">
        <v>0</v>
      </c>
      <c r="CH31" s="102">
        <v>0</v>
      </c>
      <c r="CI31" s="102">
        <v>0</v>
      </c>
      <c r="CJ31" s="102">
        <v>0</v>
      </c>
      <c r="CK31" s="103">
        <v>0</v>
      </c>
      <c r="CL31" s="104">
        <v>0</v>
      </c>
      <c r="CM31" s="101">
        <v>1</v>
      </c>
      <c r="CN31" s="102">
        <v>6</v>
      </c>
      <c r="CO31" s="103">
        <v>7</v>
      </c>
      <c r="CP31" s="413">
        <v>0</v>
      </c>
      <c r="CQ31" s="102">
        <v>14</v>
      </c>
      <c r="CR31" s="102">
        <v>7</v>
      </c>
      <c r="CS31" s="102">
        <v>3</v>
      </c>
      <c r="CT31" s="102">
        <v>2</v>
      </c>
      <c r="CU31" s="102">
        <v>1</v>
      </c>
      <c r="CV31" s="103">
        <v>27</v>
      </c>
      <c r="CW31" s="104">
        <v>34</v>
      </c>
      <c r="CX31" s="105">
        <v>0</v>
      </c>
      <c r="CY31" s="97">
        <v>0</v>
      </c>
      <c r="CZ31" s="98">
        <v>0</v>
      </c>
      <c r="DA31" s="413">
        <v>0</v>
      </c>
      <c r="DB31" s="97">
        <v>1</v>
      </c>
      <c r="DC31" s="97">
        <v>1</v>
      </c>
      <c r="DD31" s="97">
        <v>0</v>
      </c>
      <c r="DE31" s="97">
        <v>1</v>
      </c>
      <c r="DF31" s="97">
        <v>1</v>
      </c>
      <c r="DG31" s="99">
        <v>4</v>
      </c>
      <c r="DH31" s="100">
        <v>4</v>
      </c>
      <c r="DI31" s="101">
        <v>0</v>
      </c>
      <c r="DJ31" s="102">
        <v>0</v>
      </c>
      <c r="DK31" s="103">
        <v>0</v>
      </c>
      <c r="DL31" s="413">
        <v>0</v>
      </c>
      <c r="DM31" s="102">
        <v>0</v>
      </c>
      <c r="DN31" s="102">
        <v>0</v>
      </c>
      <c r="DO31" s="102">
        <v>0</v>
      </c>
      <c r="DP31" s="102">
        <v>0</v>
      </c>
      <c r="DQ31" s="102">
        <v>0</v>
      </c>
      <c r="DR31" s="103">
        <v>0</v>
      </c>
      <c r="DS31" s="104">
        <v>0</v>
      </c>
      <c r="DT31" s="101">
        <v>0</v>
      </c>
      <c r="DU31" s="102">
        <v>0</v>
      </c>
      <c r="DV31" s="103">
        <v>0</v>
      </c>
      <c r="DW31" s="413">
        <v>0</v>
      </c>
      <c r="DX31" s="102">
        <v>0</v>
      </c>
      <c r="DY31" s="102">
        <v>0</v>
      </c>
      <c r="DZ31" s="102">
        <v>0</v>
      </c>
      <c r="EA31" s="102">
        <v>0</v>
      </c>
      <c r="EB31" s="102">
        <v>0</v>
      </c>
      <c r="EC31" s="103">
        <v>0</v>
      </c>
      <c r="ED31" s="104">
        <v>0</v>
      </c>
      <c r="EE31" s="101">
        <v>0</v>
      </c>
      <c r="EF31" s="102">
        <v>0</v>
      </c>
      <c r="EG31" s="103">
        <v>0</v>
      </c>
      <c r="EH31" s="413">
        <v>0</v>
      </c>
      <c r="EI31" s="102">
        <v>0</v>
      </c>
      <c r="EJ31" s="102">
        <v>0</v>
      </c>
      <c r="EK31" s="102">
        <v>0</v>
      </c>
      <c r="EL31" s="102">
        <v>0</v>
      </c>
      <c r="EM31" s="102">
        <v>0</v>
      </c>
      <c r="EN31" s="103">
        <v>0</v>
      </c>
      <c r="EO31" s="104">
        <v>0</v>
      </c>
      <c r="EP31" s="101">
        <v>0</v>
      </c>
      <c r="EQ31" s="102">
        <v>0</v>
      </c>
      <c r="ER31" s="103">
        <v>0</v>
      </c>
      <c r="ES31" s="413">
        <v>0</v>
      </c>
      <c r="ET31" s="102">
        <v>0</v>
      </c>
      <c r="EU31" s="102">
        <v>0</v>
      </c>
      <c r="EV31" s="102">
        <v>0</v>
      </c>
      <c r="EW31" s="102">
        <v>0</v>
      </c>
      <c r="EX31" s="102">
        <v>0</v>
      </c>
      <c r="EY31" s="103">
        <v>0</v>
      </c>
      <c r="EZ31" s="104">
        <v>0</v>
      </c>
      <c r="FA31" s="101">
        <v>0</v>
      </c>
      <c r="FB31" s="102">
        <v>0</v>
      </c>
      <c r="FC31" s="103">
        <v>0</v>
      </c>
      <c r="FD31" s="413">
        <v>0</v>
      </c>
      <c r="FE31" s="102">
        <v>1</v>
      </c>
      <c r="FF31" s="102">
        <v>1</v>
      </c>
      <c r="FG31" s="102">
        <v>0</v>
      </c>
      <c r="FH31" s="102">
        <v>0</v>
      </c>
      <c r="FI31" s="102">
        <v>1</v>
      </c>
      <c r="FJ31" s="103">
        <v>3</v>
      </c>
      <c r="FK31" s="104">
        <v>3</v>
      </c>
      <c r="FL31" s="101">
        <v>0</v>
      </c>
      <c r="FM31" s="102">
        <v>0</v>
      </c>
      <c r="FN31" s="103">
        <v>0</v>
      </c>
      <c r="FO31" s="413">
        <v>0</v>
      </c>
      <c r="FP31" s="102">
        <v>0</v>
      </c>
      <c r="FQ31" s="102">
        <v>0</v>
      </c>
      <c r="FR31" s="102">
        <v>0</v>
      </c>
      <c r="FS31" s="102">
        <v>1</v>
      </c>
      <c r="FT31" s="102">
        <v>0</v>
      </c>
      <c r="FU31" s="103">
        <v>1</v>
      </c>
      <c r="FV31" s="104">
        <v>1</v>
      </c>
      <c r="FW31" s="101">
        <v>0</v>
      </c>
      <c r="FX31" s="102">
        <v>0</v>
      </c>
      <c r="FY31" s="103">
        <v>0</v>
      </c>
      <c r="FZ31" s="413">
        <v>0</v>
      </c>
      <c r="GA31" s="102">
        <v>0</v>
      </c>
      <c r="GB31" s="102">
        <v>0</v>
      </c>
      <c r="GC31" s="102">
        <v>0</v>
      </c>
      <c r="GD31" s="102">
        <v>0</v>
      </c>
      <c r="GE31" s="102">
        <v>0</v>
      </c>
      <c r="GF31" s="103">
        <v>0</v>
      </c>
      <c r="GG31" s="104">
        <v>0</v>
      </c>
      <c r="GH31" s="101">
        <v>0</v>
      </c>
      <c r="GI31" s="102">
        <v>0</v>
      </c>
      <c r="GJ31" s="103">
        <v>0</v>
      </c>
      <c r="GK31" s="413">
        <v>0</v>
      </c>
      <c r="GL31" s="102">
        <v>1</v>
      </c>
      <c r="GM31" s="102">
        <v>1</v>
      </c>
      <c r="GN31" s="102">
        <v>0</v>
      </c>
      <c r="GO31" s="102">
        <v>1</v>
      </c>
      <c r="GP31" s="102">
        <v>1</v>
      </c>
      <c r="GQ31" s="103">
        <v>4</v>
      </c>
      <c r="GR31" s="104">
        <v>4</v>
      </c>
      <c r="GS31" s="105">
        <v>1</v>
      </c>
      <c r="GT31" s="97">
        <v>6</v>
      </c>
      <c r="GU31" s="98">
        <v>7</v>
      </c>
      <c r="GV31" s="413">
        <v>0</v>
      </c>
      <c r="GW31" s="97">
        <v>15</v>
      </c>
      <c r="GX31" s="97">
        <v>8</v>
      </c>
      <c r="GY31" s="97">
        <v>3</v>
      </c>
      <c r="GZ31" s="97">
        <v>3</v>
      </c>
      <c r="HA31" s="97">
        <v>2</v>
      </c>
      <c r="HB31" s="99">
        <v>31</v>
      </c>
      <c r="HC31" s="100">
        <v>38</v>
      </c>
      <c r="HD31" s="101">
        <v>0</v>
      </c>
      <c r="HE31" s="102">
        <v>0</v>
      </c>
      <c r="HF31" s="103">
        <v>0</v>
      </c>
      <c r="HG31" s="413">
        <v>0</v>
      </c>
      <c r="HH31" s="102">
        <v>0</v>
      </c>
      <c r="HI31" s="102">
        <v>0</v>
      </c>
      <c r="HJ31" s="102">
        <v>0</v>
      </c>
      <c r="HK31" s="102">
        <v>0</v>
      </c>
      <c r="HL31" s="102">
        <v>0</v>
      </c>
      <c r="HM31" s="103">
        <v>0</v>
      </c>
      <c r="HN31" s="104">
        <v>0</v>
      </c>
      <c r="HO31" s="101">
        <v>0</v>
      </c>
      <c r="HP31" s="102">
        <v>0</v>
      </c>
      <c r="HQ31" s="103">
        <v>0</v>
      </c>
      <c r="HR31" s="413">
        <v>0</v>
      </c>
      <c r="HS31" s="102">
        <v>1</v>
      </c>
      <c r="HT31" s="102">
        <v>0</v>
      </c>
      <c r="HU31" s="102">
        <v>0</v>
      </c>
      <c r="HV31" s="102">
        <v>0</v>
      </c>
      <c r="HW31" s="102">
        <v>0</v>
      </c>
      <c r="HX31" s="103">
        <v>1</v>
      </c>
      <c r="HY31" s="104">
        <v>1</v>
      </c>
      <c r="HZ31" s="101">
        <v>0</v>
      </c>
      <c r="IA31" s="102">
        <v>2</v>
      </c>
      <c r="IB31" s="103">
        <v>2</v>
      </c>
      <c r="IC31" s="413">
        <v>0</v>
      </c>
      <c r="ID31" s="102">
        <v>3</v>
      </c>
      <c r="IE31" s="102">
        <v>1</v>
      </c>
      <c r="IF31" s="102">
        <v>0</v>
      </c>
      <c r="IG31" s="102">
        <v>0</v>
      </c>
      <c r="IH31" s="102">
        <v>0</v>
      </c>
      <c r="II31" s="103">
        <v>4</v>
      </c>
      <c r="IJ31" s="104">
        <v>6</v>
      </c>
      <c r="IK31" s="101">
        <v>0</v>
      </c>
      <c r="IL31" s="102">
        <v>2</v>
      </c>
      <c r="IM31" s="103">
        <v>2</v>
      </c>
      <c r="IN31" s="413">
        <v>0</v>
      </c>
      <c r="IO31" s="102">
        <v>3</v>
      </c>
      <c r="IP31" s="102">
        <v>1</v>
      </c>
      <c r="IQ31" s="102">
        <v>0</v>
      </c>
      <c r="IR31" s="102">
        <v>0</v>
      </c>
      <c r="IS31" s="102">
        <v>0</v>
      </c>
      <c r="IT31" s="103">
        <v>4</v>
      </c>
      <c r="IU31" s="104">
        <v>6</v>
      </c>
      <c r="IV31" s="101">
        <v>1</v>
      </c>
      <c r="IW31" s="102">
        <v>2</v>
      </c>
      <c r="IX31" s="103">
        <v>3</v>
      </c>
      <c r="IY31" s="413">
        <v>0</v>
      </c>
      <c r="IZ31" s="102">
        <v>6</v>
      </c>
      <c r="JA31" s="102">
        <v>4</v>
      </c>
      <c r="JB31" s="102">
        <v>1</v>
      </c>
      <c r="JC31" s="102">
        <v>1</v>
      </c>
      <c r="JD31" s="102">
        <v>1</v>
      </c>
      <c r="JE31" s="103">
        <v>13</v>
      </c>
      <c r="JF31" s="104">
        <v>16</v>
      </c>
      <c r="JG31" s="101">
        <v>0</v>
      </c>
      <c r="JH31" s="102">
        <v>0</v>
      </c>
      <c r="JI31" s="103">
        <v>0</v>
      </c>
      <c r="JJ31" s="413">
        <v>0</v>
      </c>
      <c r="JK31" s="102">
        <v>2</v>
      </c>
      <c r="JL31" s="102">
        <v>2</v>
      </c>
      <c r="JM31" s="102">
        <v>2</v>
      </c>
      <c r="JN31" s="102">
        <v>2</v>
      </c>
      <c r="JO31" s="102">
        <v>1</v>
      </c>
      <c r="JP31" s="103">
        <v>9</v>
      </c>
      <c r="JQ31" s="104">
        <v>9</v>
      </c>
      <c r="JR31" s="101">
        <v>0</v>
      </c>
      <c r="JS31" s="102">
        <v>0</v>
      </c>
      <c r="JT31" s="103">
        <v>0</v>
      </c>
      <c r="JU31" s="413">
        <v>0</v>
      </c>
      <c r="JV31" s="102">
        <v>0</v>
      </c>
      <c r="JW31" s="102">
        <v>0</v>
      </c>
      <c r="JX31" s="102">
        <v>0</v>
      </c>
      <c r="JY31" s="102">
        <v>0</v>
      </c>
      <c r="JZ31" s="102">
        <v>0</v>
      </c>
      <c r="KA31" s="103">
        <v>0</v>
      </c>
      <c r="KB31" s="104">
        <v>0</v>
      </c>
      <c r="KC31" s="101">
        <v>1</v>
      </c>
      <c r="KD31" s="102">
        <v>6</v>
      </c>
      <c r="KE31" s="103">
        <v>7</v>
      </c>
      <c r="KF31" s="413">
        <v>0</v>
      </c>
      <c r="KG31" s="102">
        <v>15</v>
      </c>
      <c r="KH31" s="102">
        <v>8</v>
      </c>
      <c r="KI31" s="102">
        <v>3</v>
      </c>
      <c r="KJ31" s="102">
        <v>3</v>
      </c>
      <c r="KK31" s="102">
        <v>2</v>
      </c>
      <c r="KL31" s="103">
        <v>31</v>
      </c>
      <c r="KM31" s="104">
        <v>38</v>
      </c>
    </row>
    <row r="32" spans="2:299" s="70" customFormat="1" ht="21" customHeight="1" x14ac:dyDescent="0.2">
      <c r="B32" s="106" t="s">
        <v>29</v>
      </c>
      <c r="C32" s="96">
        <v>5</v>
      </c>
      <c r="D32" s="97">
        <v>3</v>
      </c>
      <c r="E32" s="98">
        <v>8</v>
      </c>
      <c r="F32" s="413">
        <v>0</v>
      </c>
      <c r="G32" s="97">
        <v>5</v>
      </c>
      <c r="H32" s="97">
        <v>5</v>
      </c>
      <c r="I32" s="97">
        <v>8</v>
      </c>
      <c r="J32" s="97">
        <v>3</v>
      </c>
      <c r="K32" s="97">
        <v>3</v>
      </c>
      <c r="L32" s="99">
        <v>24</v>
      </c>
      <c r="M32" s="100">
        <v>32</v>
      </c>
      <c r="N32" s="101">
        <v>0</v>
      </c>
      <c r="O32" s="102">
        <v>1</v>
      </c>
      <c r="P32" s="103">
        <v>1</v>
      </c>
      <c r="Q32" s="413">
        <v>0</v>
      </c>
      <c r="R32" s="102">
        <v>1</v>
      </c>
      <c r="S32" s="102">
        <v>1</v>
      </c>
      <c r="T32" s="102">
        <v>0</v>
      </c>
      <c r="U32" s="102">
        <v>0</v>
      </c>
      <c r="V32" s="102">
        <v>0</v>
      </c>
      <c r="W32" s="103">
        <v>2</v>
      </c>
      <c r="X32" s="104">
        <v>3</v>
      </c>
      <c r="Y32" s="101">
        <v>0</v>
      </c>
      <c r="Z32" s="102">
        <v>0</v>
      </c>
      <c r="AA32" s="103">
        <v>0</v>
      </c>
      <c r="AB32" s="413">
        <v>0</v>
      </c>
      <c r="AC32" s="102">
        <v>0</v>
      </c>
      <c r="AD32" s="102">
        <v>1</v>
      </c>
      <c r="AE32" s="102">
        <v>1</v>
      </c>
      <c r="AF32" s="102">
        <v>0</v>
      </c>
      <c r="AG32" s="102">
        <v>0</v>
      </c>
      <c r="AH32" s="103">
        <v>2</v>
      </c>
      <c r="AI32" s="104">
        <v>2</v>
      </c>
      <c r="AJ32" s="101">
        <v>1</v>
      </c>
      <c r="AK32" s="102">
        <v>0</v>
      </c>
      <c r="AL32" s="103">
        <v>1</v>
      </c>
      <c r="AM32" s="413">
        <v>0</v>
      </c>
      <c r="AN32" s="102">
        <v>1</v>
      </c>
      <c r="AO32" s="102">
        <v>0</v>
      </c>
      <c r="AP32" s="102">
        <v>1</v>
      </c>
      <c r="AQ32" s="102">
        <v>0</v>
      </c>
      <c r="AR32" s="102">
        <v>1</v>
      </c>
      <c r="AS32" s="103">
        <v>3</v>
      </c>
      <c r="AT32" s="104">
        <v>4</v>
      </c>
      <c r="AU32" s="101">
        <v>3</v>
      </c>
      <c r="AV32" s="102">
        <v>1</v>
      </c>
      <c r="AW32" s="103">
        <v>4</v>
      </c>
      <c r="AX32" s="413">
        <v>0</v>
      </c>
      <c r="AY32" s="102">
        <v>2</v>
      </c>
      <c r="AZ32" s="102">
        <v>0</v>
      </c>
      <c r="BA32" s="102">
        <v>2</v>
      </c>
      <c r="BB32" s="102">
        <v>1</v>
      </c>
      <c r="BC32" s="102">
        <v>0</v>
      </c>
      <c r="BD32" s="103">
        <v>5</v>
      </c>
      <c r="BE32" s="104">
        <v>9</v>
      </c>
      <c r="BF32" s="101">
        <v>0</v>
      </c>
      <c r="BG32" s="102">
        <v>0</v>
      </c>
      <c r="BH32" s="103">
        <v>0</v>
      </c>
      <c r="BI32" s="413">
        <v>0</v>
      </c>
      <c r="BJ32" s="102">
        <v>1</v>
      </c>
      <c r="BK32" s="102">
        <v>1</v>
      </c>
      <c r="BL32" s="102">
        <v>2</v>
      </c>
      <c r="BM32" s="102">
        <v>0</v>
      </c>
      <c r="BN32" s="102">
        <v>0</v>
      </c>
      <c r="BO32" s="103">
        <v>4</v>
      </c>
      <c r="BP32" s="104">
        <v>4</v>
      </c>
      <c r="BQ32" s="101">
        <v>1</v>
      </c>
      <c r="BR32" s="102">
        <v>1</v>
      </c>
      <c r="BS32" s="103">
        <v>2</v>
      </c>
      <c r="BT32" s="413">
        <v>0</v>
      </c>
      <c r="BU32" s="102">
        <v>0</v>
      </c>
      <c r="BV32" s="102">
        <v>2</v>
      </c>
      <c r="BW32" s="102">
        <v>2</v>
      </c>
      <c r="BX32" s="102">
        <v>2</v>
      </c>
      <c r="BY32" s="102">
        <v>2</v>
      </c>
      <c r="BZ32" s="103">
        <v>8</v>
      </c>
      <c r="CA32" s="104">
        <v>10</v>
      </c>
      <c r="CB32" s="101">
        <v>0</v>
      </c>
      <c r="CC32" s="102">
        <v>0</v>
      </c>
      <c r="CD32" s="103">
        <v>0</v>
      </c>
      <c r="CE32" s="413">
        <v>0</v>
      </c>
      <c r="CF32" s="102">
        <v>0</v>
      </c>
      <c r="CG32" s="102">
        <v>0</v>
      </c>
      <c r="CH32" s="102">
        <v>0</v>
      </c>
      <c r="CI32" s="102">
        <v>0</v>
      </c>
      <c r="CJ32" s="102">
        <v>0</v>
      </c>
      <c r="CK32" s="103">
        <v>0</v>
      </c>
      <c r="CL32" s="104">
        <v>0</v>
      </c>
      <c r="CM32" s="101">
        <v>5</v>
      </c>
      <c r="CN32" s="102">
        <v>3</v>
      </c>
      <c r="CO32" s="103">
        <v>8</v>
      </c>
      <c r="CP32" s="413">
        <v>0</v>
      </c>
      <c r="CQ32" s="102">
        <v>5</v>
      </c>
      <c r="CR32" s="102">
        <v>5</v>
      </c>
      <c r="CS32" s="102">
        <v>8</v>
      </c>
      <c r="CT32" s="102">
        <v>3</v>
      </c>
      <c r="CU32" s="102">
        <v>3</v>
      </c>
      <c r="CV32" s="103">
        <v>24</v>
      </c>
      <c r="CW32" s="104">
        <v>32</v>
      </c>
      <c r="CX32" s="105">
        <v>0</v>
      </c>
      <c r="CY32" s="97">
        <v>2</v>
      </c>
      <c r="CZ32" s="98">
        <v>2</v>
      </c>
      <c r="DA32" s="413">
        <v>0</v>
      </c>
      <c r="DB32" s="97">
        <v>1</v>
      </c>
      <c r="DC32" s="97">
        <v>2</v>
      </c>
      <c r="DD32" s="97">
        <v>0</v>
      </c>
      <c r="DE32" s="97">
        <v>1</v>
      </c>
      <c r="DF32" s="97">
        <v>0</v>
      </c>
      <c r="DG32" s="99">
        <v>4</v>
      </c>
      <c r="DH32" s="100">
        <v>6</v>
      </c>
      <c r="DI32" s="101">
        <v>0</v>
      </c>
      <c r="DJ32" s="102">
        <v>0</v>
      </c>
      <c r="DK32" s="103">
        <v>0</v>
      </c>
      <c r="DL32" s="413">
        <v>0</v>
      </c>
      <c r="DM32" s="102">
        <v>0</v>
      </c>
      <c r="DN32" s="102">
        <v>0</v>
      </c>
      <c r="DO32" s="102">
        <v>0</v>
      </c>
      <c r="DP32" s="102">
        <v>0</v>
      </c>
      <c r="DQ32" s="102">
        <v>0</v>
      </c>
      <c r="DR32" s="103">
        <v>0</v>
      </c>
      <c r="DS32" s="104">
        <v>0</v>
      </c>
      <c r="DT32" s="101">
        <v>0</v>
      </c>
      <c r="DU32" s="102">
        <v>2</v>
      </c>
      <c r="DV32" s="103">
        <v>2</v>
      </c>
      <c r="DW32" s="413">
        <v>0</v>
      </c>
      <c r="DX32" s="102">
        <v>0</v>
      </c>
      <c r="DY32" s="102">
        <v>1</v>
      </c>
      <c r="DZ32" s="102">
        <v>0</v>
      </c>
      <c r="EA32" s="102">
        <v>0</v>
      </c>
      <c r="EB32" s="102">
        <v>0</v>
      </c>
      <c r="EC32" s="103">
        <v>1</v>
      </c>
      <c r="ED32" s="104">
        <v>3</v>
      </c>
      <c r="EE32" s="101">
        <v>0</v>
      </c>
      <c r="EF32" s="102">
        <v>0</v>
      </c>
      <c r="EG32" s="103">
        <v>0</v>
      </c>
      <c r="EH32" s="413">
        <v>0</v>
      </c>
      <c r="EI32" s="102">
        <v>0</v>
      </c>
      <c r="EJ32" s="102">
        <v>0</v>
      </c>
      <c r="EK32" s="102">
        <v>0</v>
      </c>
      <c r="EL32" s="102">
        <v>0</v>
      </c>
      <c r="EM32" s="102">
        <v>0</v>
      </c>
      <c r="EN32" s="103">
        <v>0</v>
      </c>
      <c r="EO32" s="104">
        <v>0</v>
      </c>
      <c r="EP32" s="101">
        <v>0</v>
      </c>
      <c r="EQ32" s="102">
        <v>0</v>
      </c>
      <c r="ER32" s="103">
        <v>0</v>
      </c>
      <c r="ES32" s="413">
        <v>0</v>
      </c>
      <c r="ET32" s="102">
        <v>0</v>
      </c>
      <c r="EU32" s="102">
        <v>1</v>
      </c>
      <c r="EV32" s="102">
        <v>0</v>
      </c>
      <c r="EW32" s="102">
        <v>0</v>
      </c>
      <c r="EX32" s="102">
        <v>0</v>
      </c>
      <c r="EY32" s="103">
        <v>1</v>
      </c>
      <c r="EZ32" s="104">
        <v>1</v>
      </c>
      <c r="FA32" s="101">
        <v>0</v>
      </c>
      <c r="FB32" s="102">
        <v>0</v>
      </c>
      <c r="FC32" s="103">
        <v>0</v>
      </c>
      <c r="FD32" s="413">
        <v>0</v>
      </c>
      <c r="FE32" s="102">
        <v>0</v>
      </c>
      <c r="FF32" s="102">
        <v>0</v>
      </c>
      <c r="FG32" s="102">
        <v>0</v>
      </c>
      <c r="FH32" s="102">
        <v>1</v>
      </c>
      <c r="FI32" s="102">
        <v>0</v>
      </c>
      <c r="FJ32" s="103">
        <v>1</v>
      </c>
      <c r="FK32" s="104">
        <v>1</v>
      </c>
      <c r="FL32" s="101">
        <v>0</v>
      </c>
      <c r="FM32" s="102">
        <v>0</v>
      </c>
      <c r="FN32" s="103">
        <v>0</v>
      </c>
      <c r="FO32" s="413">
        <v>0</v>
      </c>
      <c r="FP32" s="102">
        <v>1</v>
      </c>
      <c r="FQ32" s="102">
        <v>0</v>
      </c>
      <c r="FR32" s="102">
        <v>0</v>
      </c>
      <c r="FS32" s="102">
        <v>0</v>
      </c>
      <c r="FT32" s="102">
        <v>0</v>
      </c>
      <c r="FU32" s="103">
        <v>1</v>
      </c>
      <c r="FV32" s="104">
        <v>1</v>
      </c>
      <c r="FW32" s="101">
        <v>0</v>
      </c>
      <c r="FX32" s="102">
        <v>0</v>
      </c>
      <c r="FY32" s="103">
        <v>0</v>
      </c>
      <c r="FZ32" s="413">
        <v>0</v>
      </c>
      <c r="GA32" s="102">
        <v>0</v>
      </c>
      <c r="GB32" s="102">
        <v>0</v>
      </c>
      <c r="GC32" s="102">
        <v>0</v>
      </c>
      <c r="GD32" s="102">
        <v>0</v>
      </c>
      <c r="GE32" s="102">
        <v>0</v>
      </c>
      <c r="GF32" s="103">
        <v>0</v>
      </c>
      <c r="GG32" s="104">
        <v>0</v>
      </c>
      <c r="GH32" s="101">
        <v>0</v>
      </c>
      <c r="GI32" s="102">
        <v>2</v>
      </c>
      <c r="GJ32" s="103">
        <v>2</v>
      </c>
      <c r="GK32" s="413">
        <v>0</v>
      </c>
      <c r="GL32" s="102">
        <v>1</v>
      </c>
      <c r="GM32" s="102">
        <v>2</v>
      </c>
      <c r="GN32" s="102">
        <v>0</v>
      </c>
      <c r="GO32" s="102">
        <v>1</v>
      </c>
      <c r="GP32" s="102">
        <v>0</v>
      </c>
      <c r="GQ32" s="103">
        <v>4</v>
      </c>
      <c r="GR32" s="104">
        <v>6</v>
      </c>
      <c r="GS32" s="105">
        <v>5</v>
      </c>
      <c r="GT32" s="97">
        <v>5</v>
      </c>
      <c r="GU32" s="98">
        <v>10</v>
      </c>
      <c r="GV32" s="413">
        <v>0</v>
      </c>
      <c r="GW32" s="97">
        <v>6</v>
      </c>
      <c r="GX32" s="97">
        <v>7</v>
      </c>
      <c r="GY32" s="97">
        <v>8</v>
      </c>
      <c r="GZ32" s="97">
        <v>4</v>
      </c>
      <c r="HA32" s="97">
        <v>3</v>
      </c>
      <c r="HB32" s="99">
        <v>28</v>
      </c>
      <c r="HC32" s="100">
        <v>38</v>
      </c>
      <c r="HD32" s="101">
        <v>0</v>
      </c>
      <c r="HE32" s="102">
        <v>1</v>
      </c>
      <c r="HF32" s="103">
        <v>1</v>
      </c>
      <c r="HG32" s="413">
        <v>0</v>
      </c>
      <c r="HH32" s="102">
        <v>1</v>
      </c>
      <c r="HI32" s="102">
        <v>1</v>
      </c>
      <c r="HJ32" s="102">
        <v>0</v>
      </c>
      <c r="HK32" s="102">
        <v>0</v>
      </c>
      <c r="HL32" s="102">
        <v>0</v>
      </c>
      <c r="HM32" s="103">
        <v>2</v>
      </c>
      <c r="HN32" s="104">
        <v>3</v>
      </c>
      <c r="HO32" s="101">
        <v>0</v>
      </c>
      <c r="HP32" s="102">
        <v>2</v>
      </c>
      <c r="HQ32" s="103">
        <v>2</v>
      </c>
      <c r="HR32" s="413">
        <v>0</v>
      </c>
      <c r="HS32" s="102">
        <v>0</v>
      </c>
      <c r="HT32" s="102">
        <v>2</v>
      </c>
      <c r="HU32" s="102">
        <v>1</v>
      </c>
      <c r="HV32" s="102">
        <v>0</v>
      </c>
      <c r="HW32" s="102">
        <v>0</v>
      </c>
      <c r="HX32" s="103">
        <v>3</v>
      </c>
      <c r="HY32" s="104">
        <v>5</v>
      </c>
      <c r="HZ32" s="101">
        <v>1</v>
      </c>
      <c r="IA32" s="102">
        <v>0</v>
      </c>
      <c r="IB32" s="103">
        <v>1</v>
      </c>
      <c r="IC32" s="413">
        <v>0</v>
      </c>
      <c r="ID32" s="102">
        <v>1</v>
      </c>
      <c r="IE32" s="102">
        <v>0</v>
      </c>
      <c r="IF32" s="102">
        <v>1</v>
      </c>
      <c r="IG32" s="102">
        <v>0</v>
      </c>
      <c r="IH32" s="102">
        <v>1</v>
      </c>
      <c r="II32" s="103">
        <v>3</v>
      </c>
      <c r="IJ32" s="104">
        <v>4</v>
      </c>
      <c r="IK32" s="101">
        <v>3</v>
      </c>
      <c r="IL32" s="102">
        <v>1</v>
      </c>
      <c r="IM32" s="103">
        <v>4</v>
      </c>
      <c r="IN32" s="413">
        <v>0</v>
      </c>
      <c r="IO32" s="102">
        <v>2</v>
      </c>
      <c r="IP32" s="102">
        <v>1</v>
      </c>
      <c r="IQ32" s="102">
        <v>2</v>
      </c>
      <c r="IR32" s="102">
        <v>1</v>
      </c>
      <c r="IS32" s="102">
        <v>0</v>
      </c>
      <c r="IT32" s="103">
        <v>6</v>
      </c>
      <c r="IU32" s="104">
        <v>10</v>
      </c>
      <c r="IV32" s="101">
        <v>0</v>
      </c>
      <c r="IW32" s="102">
        <v>0</v>
      </c>
      <c r="IX32" s="103">
        <v>0</v>
      </c>
      <c r="IY32" s="413">
        <v>0</v>
      </c>
      <c r="IZ32" s="102">
        <v>1</v>
      </c>
      <c r="JA32" s="102">
        <v>1</v>
      </c>
      <c r="JB32" s="102">
        <v>2</v>
      </c>
      <c r="JC32" s="102">
        <v>1</v>
      </c>
      <c r="JD32" s="102">
        <v>0</v>
      </c>
      <c r="JE32" s="103">
        <v>5</v>
      </c>
      <c r="JF32" s="104">
        <v>5</v>
      </c>
      <c r="JG32" s="101">
        <v>1</v>
      </c>
      <c r="JH32" s="102">
        <v>1</v>
      </c>
      <c r="JI32" s="103">
        <v>2</v>
      </c>
      <c r="JJ32" s="413">
        <v>0</v>
      </c>
      <c r="JK32" s="102">
        <v>1</v>
      </c>
      <c r="JL32" s="102">
        <v>2</v>
      </c>
      <c r="JM32" s="102">
        <v>2</v>
      </c>
      <c r="JN32" s="102">
        <v>2</v>
      </c>
      <c r="JO32" s="102">
        <v>2</v>
      </c>
      <c r="JP32" s="103">
        <v>9</v>
      </c>
      <c r="JQ32" s="104">
        <v>11</v>
      </c>
      <c r="JR32" s="101">
        <v>0</v>
      </c>
      <c r="JS32" s="102">
        <v>0</v>
      </c>
      <c r="JT32" s="103">
        <v>0</v>
      </c>
      <c r="JU32" s="413">
        <v>0</v>
      </c>
      <c r="JV32" s="102">
        <v>0</v>
      </c>
      <c r="JW32" s="102">
        <v>0</v>
      </c>
      <c r="JX32" s="102">
        <v>0</v>
      </c>
      <c r="JY32" s="102">
        <v>0</v>
      </c>
      <c r="JZ32" s="102">
        <v>0</v>
      </c>
      <c r="KA32" s="103">
        <v>0</v>
      </c>
      <c r="KB32" s="104">
        <v>0</v>
      </c>
      <c r="KC32" s="101">
        <v>5</v>
      </c>
      <c r="KD32" s="102">
        <v>5</v>
      </c>
      <c r="KE32" s="103">
        <v>10</v>
      </c>
      <c r="KF32" s="413">
        <v>0</v>
      </c>
      <c r="KG32" s="102">
        <v>6</v>
      </c>
      <c r="KH32" s="102">
        <v>7</v>
      </c>
      <c r="KI32" s="102">
        <v>8</v>
      </c>
      <c r="KJ32" s="102">
        <v>4</v>
      </c>
      <c r="KK32" s="102">
        <v>3</v>
      </c>
      <c r="KL32" s="103">
        <v>28</v>
      </c>
      <c r="KM32" s="104">
        <v>38</v>
      </c>
    </row>
    <row r="33" spans="2:299" s="70" customFormat="1" ht="21" customHeight="1" x14ac:dyDescent="0.2">
      <c r="B33" s="106" t="s">
        <v>30</v>
      </c>
      <c r="C33" s="96">
        <v>2</v>
      </c>
      <c r="D33" s="97">
        <v>2</v>
      </c>
      <c r="E33" s="98">
        <v>4</v>
      </c>
      <c r="F33" s="413">
        <v>0</v>
      </c>
      <c r="G33" s="97">
        <v>7</v>
      </c>
      <c r="H33" s="97">
        <v>3</v>
      </c>
      <c r="I33" s="97">
        <v>5</v>
      </c>
      <c r="J33" s="97">
        <v>5</v>
      </c>
      <c r="K33" s="97">
        <v>1</v>
      </c>
      <c r="L33" s="99">
        <v>21</v>
      </c>
      <c r="M33" s="100">
        <v>25</v>
      </c>
      <c r="N33" s="101">
        <v>0</v>
      </c>
      <c r="O33" s="102">
        <v>0</v>
      </c>
      <c r="P33" s="103">
        <v>0</v>
      </c>
      <c r="Q33" s="413">
        <v>0</v>
      </c>
      <c r="R33" s="102">
        <v>0</v>
      </c>
      <c r="S33" s="102">
        <v>0</v>
      </c>
      <c r="T33" s="102">
        <v>0</v>
      </c>
      <c r="U33" s="102">
        <v>0</v>
      </c>
      <c r="V33" s="102">
        <v>0</v>
      </c>
      <c r="W33" s="103">
        <v>0</v>
      </c>
      <c r="X33" s="104">
        <v>0</v>
      </c>
      <c r="Y33" s="101">
        <v>0</v>
      </c>
      <c r="Z33" s="102">
        <v>0</v>
      </c>
      <c r="AA33" s="103">
        <v>0</v>
      </c>
      <c r="AB33" s="413">
        <v>0</v>
      </c>
      <c r="AC33" s="102">
        <v>0</v>
      </c>
      <c r="AD33" s="102">
        <v>0</v>
      </c>
      <c r="AE33" s="102">
        <v>0</v>
      </c>
      <c r="AF33" s="102">
        <v>1</v>
      </c>
      <c r="AG33" s="102">
        <v>0</v>
      </c>
      <c r="AH33" s="103">
        <v>1</v>
      </c>
      <c r="AI33" s="104">
        <v>1</v>
      </c>
      <c r="AJ33" s="101">
        <v>1</v>
      </c>
      <c r="AK33" s="102">
        <v>0</v>
      </c>
      <c r="AL33" s="103">
        <v>1</v>
      </c>
      <c r="AM33" s="413">
        <v>0</v>
      </c>
      <c r="AN33" s="102">
        <v>0</v>
      </c>
      <c r="AO33" s="102">
        <v>1</v>
      </c>
      <c r="AP33" s="102">
        <v>0</v>
      </c>
      <c r="AQ33" s="102">
        <v>0</v>
      </c>
      <c r="AR33" s="102">
        <v>0</v>
      </c>
      <c r="AS33" s="103">
        <v>1</v>
      </c>
      <c r="AT33" s="104">
        <v>2</v>
      </c>
      <c r="AU33" s="101">
        <v>0</v>
      </c>
      <c r="AV33" s="102">
        <v>0</v>
      </c>
      <c r="AW33" s="103">
        <v>0</v>
      </c>
      <c r="AX33" s="413">
        <v>0</v>
      </c>
      <c r="AY33" s="102">
        <v>4</v>
      </c>
      <c r="AZ33" s="102">
        <v>0</v>
      </c>
      <c r="BA33" s="102">
        <v>1</v>
      </c>
      <c r="BB33" s="102">
        <v>1</v>
      </c>
      <c r="BC33" s="102">
        <v>1</v>
      </c>
      <c r="BD33" s="103">
        <v>7</v>
      </c>
      <c r="BE33" s="104">
        <v>7</v>
      </c>
      <c r="BF33" s="101">
        <v>0</v>
      </c>
      <c r="BG33" s="102">
        <v>1</v>
      </c>
      <c r="BH33" s="103">
        <v>1</v>
      </c>
      <c r="BI33" s="413">
        <v>0</v>
      </c>
      <c r="BJ33" s="102">
        <v>1</v>
      </c>
      <c r="BK33" s="102">
        <v>1</v>
      </c>
      <c r="BL33" s="102">
        <v>0</v>
      </c>
      <c r="BM33" s="102">
        <v>0</v>
      </c>
      <c r="BN33" s="102">
        <v>0</v>
      </c>
      <c r="BO33" s="103">
        <v>2</v>
      </c>
      <c r="BP33" s="104">
        <v>3</v>
      </c>
      <c r="BQ33" s="101">
        <v>1</v>
      </c>
      <c r="BR33" s="102">
        <v>1</v>
      </c>
      <c r="BS33" s="103">
        <v>2</v>
      </c>
      <c r="BT33" s="413">
        <v>0</v>
      </c>
      <c r="BU33" s="102">
        <v>2</v>
      </c>
      <c r="BV33" s="102">
        <v>1</v>
      </c>
      <c r="BW33" s="102">
        <v>4</v>
      </c>
      <c r="BX33" s="102">
        <v>3</v>
      </c>
      <c r="BY33" s="102">
        <v>0</v>
      </c>
      <c r="BZ33" s="103">
        <v>10</v>
      </c>
      <c r="CA33" s="104">
        <v>12</v>
      </c>
      <c r="CB33" s="101">
        <v>0</v>
      </c>
      <c r="CC33" s="102">
        <v>0</v>
      </c>
      <c r="CD33" s="103">
        <v>0</v>
      </c>
      <c r="CE33" s="413">
        <v>0</v>
      </c>
      <c r="CF33" s="102">
        <v>0</v>
      </c>
      <c r="CG33" s="102">
        <v>0</v>
      </c>
      <c r="CH33" s="102">
        <v>0</v>
      </c>
      <c r="CI33" s="102">
        <v>0</v>
      </c>
      <c r="CJ33" s="102">
        <v>0</v>
      </c>
      <c r="CK33" s="103">
        <v>0</v>
      </c>
      <c r="CL33" s="104">
        <v>0</v>
      </c>
      <c r="CM33" s="101">
        <v>2</v>
      </c>
      <c r="CN33" s="102">
        <v>2</v>
      </c>
      <c r="CO33" s="103">
        <v>4</v>
      </c>
      <c r="CP33" s="413">
        <v>0</v>
      </c>
      <c r="CQ33" s="102">
        <v>7</v>
      </c>
      <c r="CR33" s="102">
        <v>3</v>
      </c>
      <c r="CS33" s="102">
        <v>5</v>
      </c>
      <c r="CT33" s="102">
        <v>5</v>
      </c>
      <c r="CU33" s="102">
        <v>1</v>
      </c>
      <c r="CV33" s="103">
        <v>21</v>
      </c>
      <c r="CW33" s="104">
        <v>25</v>
      </c>
      <c r="CX33" s="105">
        <v>0</v>
      </c>
      <c r="CY33" s="97">
        <v>0</v>
      </c>
      <c r="CZ33" s="98">
        <v>0</v>
      </c>
      <c r="DA33" s="413">
        <v>0</v>
      </c>
      <c r="DB33" s="97">
        <v>0</v>
      </c>
      <c r="DC33" s="97">
        <v>2</v>
      </c>
      <c r="DD33" s="97">
        <v>0</v>
      </c>
      <c r="DE33" s="97">
        <v>3</v>
      </c>
      <c r="DF33" s="97">
        <v>2</v>
      </c>
      <c r="DG33" s="99">
        <v>7</v>
      </c>
      <c r="DH33" s="100">
        <v>7</v>
      </c>
      <c r="DI33" s="101">
        <v>0</v>
      </c>
      <c r="DJ33" s="102">
        <v>0</v>
      </c>
      <c r="DK33" s="103">
        <v>0</v>
      </c>
      <c r="DL33" s="413">
        <v>0</v>
      </c>
      <c r="DM33" s="102">
        <v>0</v>
      </c>
      <c r="DN33" s="102">
        <v>0</v>
      </c>
      <c r="DO33" s="102">
        <v>0</v>
      </c>
      <c r="DP33" s="102">
        <v>0</v>
      </c>
      <c r="DQ33" s="102">
        <v>0</v>
      </c>
      <c r="DR33" s="103">
        <v>0</v>
      </c>
      <c r="DS33" s="104">
        <v>0</v>
      </c>
      <c r="DT33" s="101">
        <v>0</v>
      </c>
      <c r="DU33" s="102">
        <v>0</v>
      </c>
      <c r="DV33" s="103">
        <v>0</v>
      </c>
      <c r="DW33" s="413">
        <v>0</v>
      </c>
      <c r="DX33" s="102">
        <v>0</v>
      </c>
      <c r="DY33" s="102">
        <v>0</v>
      </c>
      <c r="DZ33" s="102">
        <v>0</v>
      </c>
      <c r="EA33" s="102">
        <v>0</v>
      </c>
      <c r="EB33" s="102">
        <v>0</v>
      </c>
      <c r="EC33" s="103">
        <v>0</v>
      </c>
      <c r="ED33" s="104">
        <v>0</v>
      </c>
      <c r="EE33" s="101">
        <v>0</v>
      </c>
      <c r="EF33" s="102">
        <v>0</v>
      </c>
      <c r="EG33" s="103">
        <v>0</v>
      </c>
      <c r="EH33" s="413">
        <v>0</v>
      </c>
      <c r="EI33" s="102">
        <v>0</v>
      </c>
      <c r="EJ33" s="102">
        <v>0</v>
      </c>
      <c r="EK33" s="102">
        <v>0</v>
      </c>
      <c r="EL33" s="102">
        <v>0</v>
      </c>
      <c r="EM33" s="102">
        <v>0</v>
      </c>
      <c r="EN33" s="103">
        <v>0</v>
      </c>
      <c r="EO33" s="104">
        <v>0</v>
      </c>
      <c r="EP33" s="101">
        <v>0</v>
      </c>
      <c r="EQ33" s="102">
        <v>0</v>
      </c>
      <c r="ER33" s="103">
        <v>0</v>
      </c>
      <c r="ES33" s="413">
        <v>0</v>
      </c>
      <c r="ET33" s="102">
        <v>0</v>
      </c>
      <c r="EU33" s="102">
        <v>1</v>
      </c>
      <c r="EV33" s="102">
        <v>0</v>
      </c>
      <c r="EW33" s="102">
        <v>0</v>
      </c>
      <c r="EX33" s="102">
        <v>0</v>
      </c>
      <c r="EY33" s="103">
        <v>1</v>
      </c>
      <c r="EZ33" s="104">
        <v>1</v>
      </c>
      <c r="FA33" s="101">
        <v>0</v>
      </c>
      <c r="FB33" s="102">
        <v>0</v>
      </c>
      <c r="FC33" s="103">
        <v>0</v>
      </c>
      <c r="FD33" s="413">
        <v>0</v>
      </c>
      <c r="FE33" s="102">
        <v>0</v>
      </c>
      <c r="FF33" s="102">
        <v>0</v>
      </c>
      <c r="FG33" s="102">
        <v>0</v>
      </c>
      <c r="FH33" s="102">
        <v>1</v>
      </c>
      <c r="FI33" s="102">
        <v>0</v>
      </c>
      <c r="FJ33" s="103">
        <v>1</v>
      </c>
      <c r="FK33" s="104">
        <v>1</v>
      </c>
      <c r="FL33" s="101">
        <v>0</v>
      </c>
      <c r="FM33" s="102">
        <v>0</v>
      </c>
      <c r="FN33" s="103">
        <v>0</v>
      </c>
      <c r="FO33" s="413">
        <v>0</v>
      </c>
      <c r="FP33" s="102">
        <v>0</v>
      </c>
      <c r="FQ33" s="102">
        <v>1</v>
      </c>
      <c r="FR33" s="102">
        <v>0</v>
      </c>
      <c r="FS33" s="102">
        <v>2</v>
      </c>
      <c r="FT33" s="102">
        <v>2</v>
      </c>
      <c r="FU33" s="103">
        <v>5</v>
      </c>
      <c r="FV33" s="104">
        <v>5</v>
      </c>
      <c r="FW33" s="101">
        <v>0</v>
      </c>
      <c r="FX33" s="102">
        <v>0</v>
      </c>
      <c r="FY33" s="103">
        <v>0</v>
      </c>
      <c r="FZ33" s="413">
        <v>0</v>
      </c>
      <c r="GA33" s="102">
        <v>0</v>
      </c>
      <c r="GB33" s="102">
        <v>0</v>
      </c>
      <c r="GC33" s="102">
        <v>0</v>
      </c>
      <c r="GD33" s="102">
        <v>0</v>
      </c>
      <c r="GE33" s="102">
        <v>0</v>
      </c>
      <c r="GF33" s="103">
        <v>0</v>
      </c>
      <c r="GG33" s="104">
        <v>0</v>
      </c>
      <c r="GH33" s="101">
        <v>0</v>
      </c>
      <c r="GI33" s="102">
        <v>0</v>
      </c>
      <c r="GJ33" s="103">
        <v>0</v>
      </c>
      <c r="GK33" s="413">
        <v>0</v>
      </c>
      <c r="GL33" s="102">
        <v>0</v>
      </c>
      <c r="GM33" s="102">
        <v>2</v>
      </c>
      <c r="GN33" s="102">
        <v>0</v>
      </c>
      <c r="GO33" s="102">
        <v>3</v>
      </c>
      <c r="GP33" s="102">
        <v>2</v>
      </c>
      <c r="GQ33" s="103">
        <v>7</v>
      </c>
      <c r="GR33" s="104">
        <v>7</v>
      </c>
      <c r="GS33" s="105">
        <v>2</v>
      </c>
      <c r="GT33" s="97">
        <v>2</v>
      </c>
      <c r="GU33" s="98">
        <v>4</v>
      </c>
      <c r="GV33" s="413">
        <v>0</v>
      </c>
      <c r="GW33" s="97">
        <v>7</v>
      </c>
      <c r="GX33" s="97">
        <v>5</v>
      </c>
      <c r="GY33" s="97">
        <v>5</v>
      </c>
      <c r="GZ33" s="97">
        <v>8</v>
      </c>
      <c r="HA33" s="97">
        <v>3</v>
      </c>
      <c r="HB33" s="99">
        <v>28</v>
      </c>
      <c r="HC33" s="100">
        <v>32</v>
      </c>
      <c r="HD33" s="101">
        <v>0</v>
      </c>
      <c r="HE33" s="102">
        <v>0</v>
      </c>
      <c r="HF33" s="103">
        <v>0</v>
      </c>
      <c r="HG33" s="413">
        <v>0</v>
      </c>
      <c r="HH33" s="102">
        <v>0</v>
      </c>
      <c r="HI33" s="102">
        <v>0</v>
      </c>
      <c r="HJ33" s="102">
        <v>0</v>
      </c>
      <c r="HK33" s="102">
        <v>0</v>
      </c>
      <c r="HL33" s="102">
        <v>0</v>
      </c>
      <c r="HM33" s="103">
        <v>0</v>
      </c>
      <c r="HN33" s="104">
        <v>0</v>
      </c>
      <c r="HO33" s="101">
        <v>0</v>
      </c>
      <c r="HP33" s="102">
        <v>0</v>
      </c>
      <c r="HQ33" s="103">
        <v>0</v>
      </c>
      <c r="HR33" s="413">
        <v>0</v>
      </c>
      <c r="HS33" s="102">
        <v>0</v>
      </c>
      <c r="HT33" s="102">
        <v>0</v>
      </c>
      <c r="HU33" s="102">
        <v>0</v>
      </c>
      <c r="HV33" s="102">
        <v>1</v>
      </c>
      <c r="HW33" s="102">
        <v>0</v>
      </c>
      <c r="HX33" s="103">
        <v>1</v>
      </c>
      <c r="HY33" s="104">
        <v>1</v>
      </c>
      <c r="HZ33" s="101">
        <v>1</v>
      </c>
      <c r="IA33" s="102">
        <v>0</v>
      </c>
      <c r="IB33" s="103">
        <v>1</v>
      </c>
      <c r="IC33" s="413">
        <v>0</v>
      </c>
      <c r="ID33" s="102">
        <v>0</v>
      </c>
      <c r="IE33" s="102">
        <v>1</v>
      </c>
      <c r="IF33" s="102">
        <v>0</v>
      </c>
      <c r="IG33" s="102">
        <v>0</v>
      </c>
      <c r="IH33" s="102">
        <v>0</v>
      </c>
      <c r="II33" s="103">
        <v>1</v>
      </c>
      <c r="IJ33" s="104">
        <v>2</v>
      </c>
      <c r="IK33" s="101">
        <v>0</v>
      </c>
      <c r="IL33" s="102">
        <v>0</v>
      </c>
      <c r="IM33" s="103">
        <v>0</v>
      </c>
      <c r="IN33" s="413">
        <v>0</v>
      </c>
      <c r="IO33" s="102">
        <v>4</v>
      </c>
      <c r="IP33" s="102">
        <v>1</v>
      </c>
      <c r="IQ33" s="102">
        <v>1</v>
      </c>
      <c r="IR33" s="102">
        <v>1</v>
      </c>
      <c r="IS33" s="102">
        <v>1</v>
      </c>
      <c r="IT33" s="103">
        <v>8</v>
      </c>
      <c r="IU33" s="104">
        <v>8</v>
      </c>
      <c r="IV33" s="101">
        <v>0</v>
      </c>
      <c r="IW33" s="102">
        <v>1</v>
      </c>
      <c r="IX33" s="103">
        <v>1</v>
      </c>
      <c r="IY33" s="413">
        <v>0</v>
      </c>
      <c r="IZ33" s="102">
        <v>1</v>
      </c>
      <c r="JA33" s="102">
        <v>1</v>
      </c>
      <c r="JB33" s="102">
        <v>0</v>
      </c>
      <c r="JC33" s="102">
        <v>1</v>
      </c>
      <c r="JD33" s="102">
        <v>0</v>
      </c>
      <c r="JE33" s="103">
        <v>3</v>
      </c>
      <c r="JF33" s="104">
        <v>4</v>
      </c>
      <c r="JG33" s="101">
        <v>1</v>
      </c>
      <c r="JH33" s="102">
        <v>1</v>
      </c>
      <c r="JI33" s="103">
        <v>2</v>
      </c>
      <c r="JJ33" s="413">
        <v>0</v>
      </c>
      <c r="JK33" s="102">
        <v>2</v>
      </c>
      <c r="JL33" s="102">
        <v>2</v>
      </c>
      <c r="JM33" s="102">
        <v>4</v>
      </c>
      <c r="JN33" s="102">
        <v>5</v>
      </c>
      <c r="JO33" s="102">
        <v>2</v>
      </c>
      <c r="JP33" s="103">
        <v>15</v>
      </c>
      <c r="JQ33" s="104">
        <v>17</v>
      </c>
      <c r="JR33" s="101">
        <v>0</v>
      </c>
      <c r="JS33" s="102">
        <v>0</v>
      </c>
      <c r="JT33" s="103">
        <v>0</v>
      </c>
      <c r="JU33" s="413">
        <v>0</v>
      </c>
      <c r="JV33" s="102">
        <v>0</v>
      </c>
      <c r="JW33" s="102">
        <v>0</v>
      </c>
      <c r="JX33" s="102">
        <v>0</v>
      </c>
      <c r="JY33" s="102">
        <v>0</v>
      </c>
      <c r="JZ33" s="102">
        <v>0</v>
      </c>
      <c r="KA33" s="103">
        <v>0</v>
      </c>
      <c r="KB33" s="104">
        <v>0</v>
      </c>
      <c r="KC33" s="101">
        <v>2</v>
      </c>
      <c r="KD33" s="102">
        <v>2</v>
      </c>
      <c r="KE33" s="103">
        <v>4</v>
      </c>
      <c r="KF33" s="413">
        <v>0</v>
      </c>
      <c r="KG33" s="102">
        <v>7</v>
      </c>
      <c r="KH33" s="102">
        <v>5</v>
      </c>
      <c r="KI33" s="102">
        <v>5</v>
      </c>
      <c r="KJ33" s="102">
        <v>8</v>
      </c>
      <c r="KK33" s="102">
        <v>3</v>
      </c>
      <c r="KL33" s="103">
        <v>28</v>
      </c>
      <c r="KM33" s="104">
        <v>32</v>
      </c>
    </row>
    <row r="34" spans="2:299" s="70" customFormat="1" ht="21" customHeight="1" x14ac:dyDescent="0.2">
      <c r="B34" s="106" t="s">
        <v>31</v>
      </c>
      <c r="C34" s="96">
        <v>6</v>
      </c>
      <c r="D34" s="97">
        <v>7</v>
      </c>
      <c r="E34" s="98">
        <v>13</v>
      </c>
      <c r="F34" s="413">
        <v>0</v>
      </c>
      <c r="G34" s="97">
        <v>7</v>
      </c>
      <c r="H34" s="97">
        <v>6</v>
      </c>
      <c r="I34" s="97">
        <v>5</v>
      </c>
      <c r="J34" s="97">
        <v>5</v>
      </c>
      <c r="K34" s="97">
        <v>0</v>
      </c>
      <c r="L34" s="99">
        <v>23</v>
      </c>
      <c r="M34" s="100">
        <v>36</v>
      </c>
      <c r="N34" s="101">
        <v>0</v>
      </c>
      <c r="O34" s="102">
        <v>0</v>
      </c>
      <c r="P34" s="103">
        <v>0</v>
      </c>
      <c r="Q34" s="413">
        <v>0</v>
      </c>
      <c r="R34" s="102">
        <v>0</v>
      </c>
      <c r="S34" s="102">
        <v>0</v>
      </c>
      <c r="T34" s="102">
        <v>0</v>
      </c>
      <c r="U34" s="102">
        <v>0</v>
      </c>
      <c r="V34" s="102">
        <v>0</v>
      </c>
      <c r="W34" s="103">
        <v>0</v>
      </c>
      <c r="X34" s="104">
        <v>0</v>
      </c>
      <c r="Y34" s="101">
        <v>0</v>
      </c>
      <c r="Z34" s="102">
        <v>0</v>
      </c>
      <c r="AA34" s="103">
        <v>0</v>
      </c>
      <c r="AB34" s="413">
        <v>0</v>
      </c>
      <c r="AC34" s="102">
        <v>0</v>
      </c>
      <c r="AD34" s="102">
        <v>0</v>
      </c>
      <c r="AE34" s="102">
        <v>0</v>
      </c>
      <c r="AF34" s="102">
        <v>1</v>
      </c>
      <c r="AG34" s="102">
        <v>0</v>
      </c>
      <c r="AH34" s="103">
        <v>1</v>
      </c>
      <c r="AI34" s="104">
        <v>1</v>
      </c>
      <c r="AJ34" s="101">
        <v>1</v>
      </c>
      <c r="AK34" s="102">
        <v>1</v>
      </c>
      <c r="AL34" s="103">
        <v>2</v>
      </c>
      <c r="AM34" s="413">
        <v>0</v>
      </c>
      <c r="AN34" s="102">
        <v>0</v>
      </c>
      <c r="AO34" s="102">
        <v>0</v>
      </c>
      <c r="AP34" s="102">
        <v>1</v>
      </c>
      <c r="AQ34" s="102">
        <v>0</v>
      </c>
      <c r="AR34" s="102">
        <v>0</v>
      </c>
      <c r="AS34" s="103">
        <v>1</v>
      </c>
      <c r="AT34" s="104">
        <v>3</v>
      </c>
      <c r="AU34" s="101">
        <v>1</v>
      </c>
      <c r="AV34" s="102">
        <v>1</v>
      </c>
      <c r="AW34" s="103">
        <v>2</v>
      </c>
      <c r="AX34" s="413">
        <v>0</v>
      </c>
      <c r="AY34" s="102">
        <v>2</v>
      </c>
      <c r="AZ34" s="102">
        <v>1</v>
      </c>
      <c r="BA34" s="102">
        <v>0</v>
      </c>
      <c r="BB34" s="102">
        <v>1</v>
      </c>
      <c r="BC34" s="102">
        <v>0</v>
      </c>
      <c r="BD34" s="103">
        <v>4</v>
      </c>
      <c r="BE34" s="104">
        <v>6</v>
      </c>
      <c r="BF34" s="101">
        <v>1</v>
      </c>
      <c r="BG34" s="102">
        <v>3</v>
      </c>
      <c r="BH34" s="103">
        <v>4</v>
      </c>
      <c r="BI34" s="413">
        <v>0</v>
      </c>
      <c r="BJ34" s="102">
        <v>3</v>
      </c>
      <c r="BK34" s="102">
        <v>5</v>
      </c>
      <c r="BL34" s="102">
        <v>1</v>
      </c>
      <c r="BM34" s="102">
        <v>1</v>
      </c>
      <c r="BN34" s="102">
        <v>0</v>
      </c>
      <c r="BO34" s="103">
        <v>10</v>
      </c>
      <c r="BP34" s="104">
        <v>14</v>
      </c>
      <c r="BQ34" s="101">
        <v>3</v>
      </c>
      <c r="BR34" s="102">
        <v>2</v>
      </c>
      <c r="BS34" s="103">
        <v>5</v>
      </c>
      <c r="BT34" s="413">
        <v>0</v>
      </c>
      <c r="BU34" s="102">
        <v>2</v>
      </c>
      <c r="BV34" s="102">
        <v>0</v>
      </c>
      <c r="BW34" s="102">
        <v>3</v>
      </c>
      <c r="BX34" s="102">
        <v>2</v>
      </c>
      <c r="BY34" s="102">
        <v>0</v>
      </c>
      <c r="BZ34" s="103">
        <v>7</v>
      </c>
      <c r="CA34" s="104">
        <v>12</v>
      </c>
      <c r="CB34" s="101">
        <v>0</v>
      </c>
      <c r="CC34" s="102">
        <v>0</v>
      </c>
      <c r="CD34" s="103">
        <v>0</v>
      </c>
      <c r="CE34" s="413">
        <v>0</v>
      </c>
      <c r="CF34" s="102">
        <v>0</v>
      </c>
      <c r="CG34" s="102">
        <v>0</v>
      </c>
      <c r="CH34" s="102">
        <v>0</v>
      </c>
      <c r="CI34" s="102">
        <v>0</v>
      </c>
      <c r="CJ34" s="102">
        <v>0</v>
      </c>
      <c r="CK34" s="103">
        <v>0</v>
      </c>
      <c r="CL34" s="104">
        <v>0</v>
      </c>
      <c r="CM34" s="101">
        <v>6</v>
      </c>
      <c r="CN34" s="102">
        <v>7</v>
      </c>
      <c r="CO34" s="103">
        <v>13</v>
      </c>
      <c r="CP34" s="413">
        <v>0</v>
      </c>
      <c r="CQ34" s="102">
        <v>7</v>
      </c>
      <c r="CR34" s="102">
        <v>6</v>
      </c>
      <c r="CS34" s="102">
        <v>5</v>
      </c>
      <c r="CT34" s="102">
        <v>5</v>
      </c>
      <c r="CU34" s="102">
        <v>0</v>
      </c>
      <c r="CV34" s="103">
        <v>23</v>
      </c>
      <c r="CW34" s="104">
        <v>36</v>
      </c>
      <c r="CX34" s="105">
        <v>1</v>
      </c>
      <c r="CY34" s="97">
        <v>0</v>
      </c>
      <c r="CZ34" s="98">
        <v>1</v>
      </c>
      <c r="DA34" s="413">
        <v>0</v>
      </c>
      <c r="DB34" s="97">
        <v>3</v>
      </c>
      <c r="DC34" s="97">
        <v>2</v>
      </c>
      <c r="DD34" s="97">
        <v>0</v>
      </c>
      <c r="DE34" s="97">
        <v>1</v>
      </c>
      <c r="DF34" s="97">
        <v>1</v>
      </c>
      <c r="DG34" s="99">
        <v>7</v>
      </c>
      <c r="DH34" s="100">
        <v>8</v>
      </c>
      <c r="DI34" s="101">
        <v>0</v>
      </c>
      <c r="DJ34" s="102">
        <v>0</v>
      </c>
      <c r="DK34" s="103">
        <v>0</v>
      </c>
      <c r="DL34" s="413">
        <v>0</v>
      </c>
      <c r="DM34" s="102">
        <v>0</v>
      </c>
      <c r="DN34" s="102">
        <v>0</v>
      </c>
      <c r="DO34" s="102">
        <v>0</v>
      </c>
      <c r="DP34" s="102">
        <v>0</v>
      </c>
      <c r="DQ34" s="102">
        <v>0</v>
      </c>
      <c r="DR34" s="103">
        <v>0</v>
      </c>
      <c r="DS34" s="104">
        <v>0</v>
      </c>
      <c r="DT34" s="101">
        <v>0</v>
      </c>
      <c r="DU34" s="102">
        <v>0</v>
      </c>
      <c r="DV34" s="103">
        <v>0</v>
      </c>
      <c r="DW34" s="413">
        <v>0</v>
      </c>
      <c r="DX34" s="102">
        <v>0</v>
      </c>
      <c r="DY34" s="102">
        <v>0</v>
      </c>
      <c r="DZ34" s="102">
        <v>0</v>
      </c>
      <c r="EA34" s="102">
        <v>0</v>
      </c>
      <c r="EB34" s="102">
        <v>0</v>
      </c>
      <c r="EC34" s="103">
        <v>0</v>
      </c>
      <c r="ED34" s="104">
        <v>0</v>
      </c>
      <c r="EE34" s="101">
        <v>0</v>
      </c>
      <c r="EF34" s="102">
        <v>0</v>
      </c>
      <c r="EG34" s="103">
        <v>0</v>
      </c>
      <c r="EH34" s="413">
        <v>0</v>
      </c>
      <c r="EI34" s="102">
        <v>0</v>
      </c>
      <c r="EJ34" s="102">
        <v>0</v>
      </c>
      <c r="EK34" s="102">
        <v>0</v>
      </c>
      <c r="EL34" s="102">
        <v>0</v>
      </c>
      <c r="EM34" s="102">
        <v>0</v>
      </c>
      <c r="EN34" s="103">
        <v>0</v>
      </c>
      <c r="EO34" s="104">
        <v>0</v>
      </c>
      <c r="EP34" s="101">
        <v>1</v>
      </c>
      <c r="EQ34" s="102">
        <v>0</v>
      </c>
      <c r="ER34" s="103">
        <v>1</v>
      </c>
      <c r="ES34" s="413">
        <v>0</v>
      </c>
      <c r="ET34" s="102">
        <v>0</v>
      </c>
      <c r="EU34" s="102">
        <v>1</v>
      </c>
      <c r="EV34" s="102">
        <v>0</v>
      </c>
      <c r="EW34" s="102">
        <v>0</v>
      </c>
      <c r="EX34" s="102">
        <v>0</v>
      </c>
      <c r="EY34" s="103">
        <v>1</v>
      </c>
      <c r="EZ34" s="104">
        <v>2</v>
      </c>
      <c r="FA34" s="101">
        <v>0</v>
      </c>
      <c r="FB34" s="102">
        <v>0</v>
      </c>
      <c r="FC34" s="103">
        <v>0</v>
      </c>
      <c r="FD34" s="413">
        <v>0</v>
      </c>
      <c r="FE34" s="102">
        <v>0</v>
      </c>
      <c r="FF34" s="102">
        <v>0</v>
      </c>
      <c r="FG34" s="102">
        <v>0</v>
      </c>
      <c r="FH34" s="102">
        <v>0</v>
      </c>
      <c r="FI34" s="102">
        <v>0</v>
      </c>
      <c r="FJ34" s="103">
        <v>0</v>
      </c>
      <c r="FK34" s="104">
        <v>0</v>
      </c>
      <c r="FL34" s="101">
        <v>0</v>
      </c>
      <c r="FM34" s="102">
        <v>0</v>
      </c>
      <c r="FN34" s="103">
        <v>0</v>
      </c>
      <c r="FO34" s="413">
        <v>0</v>
      </c>
      <c r="FP34" s="102">
        <v>3</v>
      </c>
      <c r="FQ34" s="102">
        <v>1</v>
      </c>
      <c r="FR34" s="102">
        <v>0</v>
      </c>
      <c r="FS34" s="102">
        <v>1</v>
      </c>
      <c r="FT34" s="102">
        <v>1</v>
      </c>
      <c r="FU34" s="103">
        <v>6</v>
      </c>
      <c r="FV34" s="104">
        <v>6</v>
      </c>
      <c r="FW34" s="101">
        <v>0</v>
      </c>
      <c r="FX34" s="102">
        <v>0</v>
      </c>
      <c r="FY34" s="103">
        <v>0</v>
      </c>
      <c r="FZ34" s="413">
        <v>0</v>
      </c>
      <c r="GA34" s="102">
        <v>0</v>
      </c>
      <c r="GB34" s="102">
        <v>0</v>
      </c>
      <c r="GC34" s="102">
        <v>0</v>
      </c>
      <c r="GD34" s="102">
        <v>0</v>
      </c>
      <c r="GE34" s="102">
        <v>0</v>
      </c>
      <c r="GF34" s="103">
        <v>0</v>
      </c>
      <c r="GG34" s="104">
        <v>0</v>
      </c>
      <c r="GH34" s="101">
        <v>1</v>
      </c>
      <c r="GI34" s="102">
        <v>0</v>
      </c>
      <c r="GJ34" s="103">
        <v>1</v>
      </c>
      <c r="GK34" s="413">
        <v>0</v>
      </c>
      <c r="GL34" s="102">
        <v>3</v>
      </c>
      <c r="GM34" s="102">
        <v>2</v>
      </c>
      <c r="GN34" s="102">
        <v>0</v>
      </c>
      <c r="GO34" s="102">
        <v>1</v>
      </c>
      <c r="GP34" s="102">
        <v>1</v>
      </c>
      <c r="GQ34" s="103">
        <v>7</v>
      </c>
      <c r="GR34" s="104">
        <v>8</v>
      </c>
      <c r="GS34" s="105">
        <v>7</v>
      </c>
      <c r="GT34" s="97">
        <v>7</v>
      </c>
      <c r="GU34" s="98">
        <v>14</v>
      </c>
      <c r="GV34" s="413">
        <v>0</v>
      </c>
      <c r="GW34" s="97">
        <v>10</v>
      </c>
      <c r="GX34" s="97">
        <v>8</v>
      </c>
      <c r="GY34" s="97">
        <v>5</v>
      </c>
      <c r="GZ34" s="97">
        <v>6</v>
      </c>
      <c r="HA34" s="97">
        <v>1</v>
      </c>
      <c r="HB34" s="99">
        <v>30</v>
      </c>
      <c r="HC34" s="100">
        <v>44</v>
      </c>
      <c r="HD34" s="101">
        <v>0</v>
      </c>
      <c r="HE34" s="102">
        <v>0</v>
      </c>
      <c r="HF34" s="103">
        <v>0</v>
      </c>
      <c r="HG34" s="413">
        <v>0</v>
      </c>
      <c r="HH34" s="102">
        <v>0</v>
      </c>
      <c r="HI34" s="102">
        <v>0</v>
      </c>
      <c r="HJ34" s="102">
        <v>0</v>
      </c>
      <c r="HK34" s="102">
        <v>0</v>
      </c>
      <c r="HL34" s="102">
        <v>0</v>
      </c>
      <c r="HM34" s="103">
        <v>0</v>
      </c>
      <c r="HN34" s="104">
        <v>0</v>
      </c>
      <c r="HO34" s="101">
        <v>0</v>
      </c>
      <c r="HP34" s="102">
        <v>0</v>
      </c>
      <c r="HQ34" s="103">
        <v>0</v>
      </c>
      <c r="HR34" s="413">
        <v>0</v>
      </c>
      <c r="HS34" s="102">
        <v>0</v>
      </c>
      <c r="HT34" s="102">
        <v>0</v>
      </c>
      <c r="HU34" s="102">
        <v>0</v>
      </c>
      <c r="HV34" s="102">
        <v>1</v>
      </c>
      <c r="HW34" s="102">
        <v>0</v>
      </c>
      <c r="HX34" s="103">
        <v>1</v>
      </c>
      <c r="HY34" s="104">
        <v>1</v>
      </c>
      <c r="HZ34" s="101">
        <v>1</v>
      </c>
      <c r="IA34" s="102">
        <v>1</v>
      </c>
      <c r="IB34" s="103">
        <v>2</v>
      </c>
      <c r="IC34" s="413">
        <v>0</v>
      </c>
      <c r="ID34" s="102">
        <v>0</v>
      </c>
      <c r="IE34" s="102">
        <v>0</v>
      </c>
      <c r="IF34" s="102">
        <v>1</v>
      </c>
      <c r="IG34" s="102">
        <v>0</v>
      </c>
      <c r="IH34" s="102">
        <v>0</v>
      </c>
      <c r="II34" s="103">
        <v>1</v>
      </c>
      <c r="IJ34" s="104">
        <v>3</v>
      </c>
      <c r="IK34" s="101">
        <v>2</v>
      </c>
      <c r="IL34" s="102">
        <v>1</v>
      </c>
      <c r="IM34" s="103">
        <v>3</v>
      </c>
      <c r="IN34" s="413">
        <v>0</v>
      </c>
      <c r="IO34" s="102">
        <v>2</v>
      </c>
      <c r="IP34" s="102">
        <v>2</v>
      </c>
      <c r="IQ34" s="102">
        <v>0</v>
      </c>
      <c r="IR34" s="102">
        <v>1</v>
      </c>
      <c r="IS34" s="102">
        <v>0</v>
      </c>
      <c r="IT34" s="103">
        <v>5</v>
      </c>
      <c r="IU34" s="104">
        <v>8</v>
      </c>
      <c r="IV34" s="101">
        <v>1</v>
      </c>
      <c r="IW34" s="102">
        <v>3</v>
      </c>
      <c r="IX34" s="103">
        <v>4</v>
      </c>
      <c r="IY34" s="413">
        <v>0</v>
      </c>
      <c r="IZ34" s="102">
        <v>3</v>
      </c>
      <c r="JA34" s="102">
        <v>5</v>
      </c>
      <c r="JB34" s="102">
        <v>1</v>
      </c>
      <c r="JC34" s="102">
        <v>1</v>
      </c>
      <c r="JD34" s="102">
        <v>0</v>
      </c>
      <c r="JE34" s="103">
        <v>10</v>
      </c>
      <c r="JF34" s="104">
        <v>14</v>
      </c>
      <c r="JG34" s="101">
        <v>3</v>
      </c>
      <c r="JH34" s="102">
        <v>2</v>
      </c>
      <c r="JI34" s="103">
        <v>5</v>
      </c>
      <c r="JJ34" s="413">
        <v>0</v>
      </c>
      <c r="JK34" s="102">
        <v>5</v>
      </c>
      <c r="JL34" s="102">
        <v>1</v>
      </c>
      <c r="JM34" s="102">
        <v>3</v>
      </c>
      <c r="JN34" s="102">
        <v>3</v>
      </c>
      <c r="JO34" s="102">
        <v>1</v>
      </c>
      <c r="JP34" s="103">
        <v>13</v>
      </c>
      <c r="JQ34" s="104">
        <v>18</v>
      </c>
      <c r="JR34" s="101">
        <v>0</v>
      </c>
      <c r="JS34" s="102">
        <v>0</v>
      </c>
      <c r="JT34" s="103">
        <v>0</v>
      </c>
      <c r="JU34" s="413">
        <v>0</v>
      </c>
      <c r="JV34" s="102">
        <v>0</v>
      </c>
      <c r="JW34" s="102">
        <v>0</v>
      </c>
      <c r="JX34" s="102">
        <v>0</v>
      </c>
      <c r="JY34" s="102">
        <v>0</v>
      </c>
      <c r="JZ34" s="102">
        <v>0</v>
      </c>
      <c r="KA34" s="103">
        <v>0</v>
      </c>
      <c r="KB34" s="104">
        <v>0</v>
      </c>
      <c r="KC34" s="101">
        <v>7</v>
      </c>
      <c r="KD34" s="102">
        <v>7</v>
      </c>
      <c r="KE34" s="103">
        <v>14</v>
      </c>
      <c r="KF34" s="413">
        <v>0</v>
      </c>
      <c r="KG34" s="102">
        <v>10</v>
      </c>
      <c r="KH34" s="102">
        <v>8</v>
      </c>
      <c r="KI34" s="102">
        <v>5</v>
      </c>
      <c r="KJ34" s="102">
        <v>6</v>
      </c>
      <c r="KK34" s="102">
        <v>1</v>
      </c>
      <c r="KL34" s="103">
        <v>30</v>
      </c>
      <c r="KM34" s="104">
        <v>44</v>
      </c>
    </row>
    <row r="35" spans="2:299" s="70" customFormat="1" ht="21" customHeight="1" x14ac:dyDescent="0.2">
      <c r="B35" s="106" t="s">
        <v>32</v>
      </c>
      <c r="C35" s="96">
        <v>8</v>
      </c>
      <c r="D35" s="97">
        <v>3</v>
      </c>
      <c r="E35" s="98">
        <v>11</v>
      </c>
      <c r="F35" s="413">
        <v>0</v>
      </c>
      <c r="G35" s="97">
        <v>17</v>
      </c>
      <c r="H35" s="97">
        <v>13</v>
      </c>
      <c r="I35" s="97">
        <v>7</v>
      </c>
      <c r="J35" s="97">
        <v>3</v>
      </c>
      <c r="K35" s="97">
        <v>0</v>
      </c>
      <c r="L35" s="99">
        <v>40</v>
      </c>
      <c r="M35" s="100">
        <v>51</v>
      </c>
      <c r="N35" s="101">
        <v>0</v>
      </c>
      <c r="O35" s="102">
        <v>0</v>
      </c>
      <c r="P35" s="103">
        <v>0</v>
      </c>
      <c r="Q35" s="413">
        <v>0</v>
      </c>
      <c r="R35" s="102">
        <v>0</v>
      </c>
      <c r="S35" s="102">
        <v>0</v>
      </c>
      <c r="T35" s="102">
        <v>0</v>
      </c>
      <c r="U35" s="102">
        <v>0</v>
      </c>
      <c r="V35" s="102">
        <v>0</v>
      </c>
      <c r="W35" s="103">
        <v>0</v>
      </c>
      <c r="X35" s="104">
        <v>0</v>
      </c>
      <c r="Y35" s="101">
        <v>1</v>
      </c>
      <c r="Z35" s="102">
        <v>0</v>
      </c>
      <c r="AA35" s="103">
        <v>1</v>
      </c>
      <c r="AB35" s="413">
        <v>0</v>
      </c>
      <c r="AC35" s="102">
        <v>0</v>
      </c>
      <c r="AD35" s="102">
        <v>0</v>
      </c>
      <c r="AE35" s="102">
        <v>0</v>
      </c>
      <c r="AF35" s="102">
        <v>0</v>
      </c>
      <c r="AG35" s="102">
        <v>0</v>
      </c>
      <c r="AH35" s="103">
        <v>0</v>
      </c>
      <c r="AI35" s="104">
        <v>1</v>
      </c>
      <c r="AJ35" s="101">
        <v>0</v>
      </c>
      <c r="AK35" s="102">
        <v>0</v>
      </c>
      <c r="AL35" s="103">
        <v>0</v>
      </c>
      <c r="AM35" s="413">
        <v>0</v>
      </c>
      <c r="AN35" s="102">
        <v>0</v>
      </c>
      <c r="AO35" s="102">
        <v>2</v>
      </c>
      <c r="AP35" s="102">
        <v>0</v>
      </c>
      <c r="AQ35" s="102">
        <v>0</v>
      </c>
      <c r="AR35" s="102">
        <v>0</v>
      </c>
      <c r="AS35" s="103">
        <v>2</v>
      </c>
      <c r="AT35" s="104">
        <v>2</v>
      </c>
      <c r="AU35" s="101">
        <v>3</v>
      </c>
      <c r="AV35" s="102">
        <v>0</v>
      </c>
      <c r="AW35" s="103">
        <v>3</v>
      </c>
      <c r="AX35" s="413">
        <v>0</v>
      </c>
      <c r="AY35" s="102">
        <v>5</v>
      </c>
      <c r="AZ35" s="102">
        <v>2</v>
      </c>
      <c r="BA35" s="102">
        <v>2</v>
      </c>
      <c r="BB35" s="102">
        <v>0</v>
      </c>
      <c r="BC35" s="102">
        <v>0</v>
      </c>
      <c r="BD35" s="103">
        <v>9</v>
      </c>
      <c r="BE35" s="104">
        <v>12</v>
      </c>
      <c r="BF35" s="101">
        <v>1</v>
      </c>
      <c r="BG35" s="102">
        <v>2</v>
      </c>
      <c r="BH35" s="103">
        <v>3</v>
      </c>
      <c r="BI35" s="413">
        <v>0</v>
      </c>
      <c r="BJ35" s="102">
        <v>8</v>
      </c>
      <c r="BK35" s="102">
        <v>3</v>
      </c>
      <c r="BL35" s="102">
        <v>3</v>
      </c>
      <c r="BM35" s="102">
        <v>1</v>
      </c>
      <c r="BN35" s="102">
        <v>0</v>
      </c>
      <c r="BO35" s="103">
        <v>15</v>
      </c>
      <c r="BP35" s="104">
        <v>18</v>
      </c>
      <c r="BQ35" s="101">
        <v>3</v>
      </c>
      <c r="BR35" s="102">
        <v>1</v>
      </c>
      <c r="BS35" s="103">
        <v>4</v>
      </c>
      <c r="BT35" s="413">
        <v>0</v>
      </c>
      <c r="BU35" s="102">
        <v>4</v>
      </c>
      <c r="BV35" s="102">
        <v>6</v>
      </c>
      <c r="BW35" s="102">
        <v>2</v>
      </c>
      <c r="BX35" s="102">
        <v>2</v>
      </c>
      <c r="BY35" s="102">
        <v>0</v>
      </c>
      <c r="BZ35" s="103">
        <v>14</v>
      </c>
      <c r="CA35" s="104">
        <v>18</v>
      </c>
      <c r="CB35" s="101">
        <v>0</v>
      </c>
      <c r="CC35" s="102">
        <v>0</v>
      </c>
      <c r="CD35" s="103">
        <v>0</v>
      </c>
      <c r="CE35" s="413">
        <v>0</v>
      </c>
      <c r="CF35" s="102">
        <v>0</v>
      </c>
      <c r="CG35" s="102">
        <v>0</v>
      </c>
      <c r="CH35" s="102">
        <v>0</v>
      </c>
      <c r="CI35" s="102">
        <v>0</v>
      </c>
      <c r="CJ35" s="102">
        <v>0</v>
      </c>
      <c r="CK35" s="103">
        <v>0</v>
      </c>
      <c r="CL35" s="104">
        <v>0</v>
      </c>
      <c r="CM35" s="101">
        <v>8</v>
      </c>
      <c r="CN35" s="102">
        <v>3</v>
      </c>
      <c r="CO35" s="103">
        <v>11</v>
      </c>
      <c r="CP35" s="413">
        <v>0</v>
      </c>
      <c r="CQ35" s="102">
        <v>17</v>
      </c>
      <c r="CR35" s="102">
        <v>13</v>
      </c>
      <c r="CS35" s="102">
        <v>7</v>
      </c>
      <c r="CT35" s="102">
        <v>3</v>
      </c>
      <c r="CU35" s="102">
        <v>0</v>
      </c>
      <c r="CV35" s="103">
        <v>40</v>
      </c>
      <c r="CW35" s="104">
        <v>51</v>
      </c>
      <c r="CX35" s="105">
        <v>0</v>
      </c>
      <c r="CY35" s="97">
        <v>0</v>
      </c>
      <c r="CZ35" s="98">
        <v>0</v>
      </c>
      <c r="DA35" s="413">
        <v>0</v>
      </c>
      <c r="DB35" s="97">
        <v>0</v>
      </c>
      <c r="DC35" s="97">
        <v>2</v>
      </c>
      <c r="DD35" s="97">
        <v>1</v>
      </c>
      <c r="DE35" s="97">
        <v>2</v>
      </c>
      <c r="DF35" s="97">
        <v>1</v>
      </c>
      <c r="DG35" s="99">
        <v>6</v>
      </c>
      <c r="DH35" s="100">
        <v>6</v>
      </c>
      <c r="DI35" s="101">
        <v>0</v>
      </c>
      <c r="DJ35" s="102">
        <v>0</v>
      </c>
      <c r="DK35" s="103">
        <v>0</v>
      </c>
      <c r="DL35" s="413">
        <v>0</v>
      </c>
      <c r="DM35" s="102">
        <v>0</v>
      </c>
      <c r="DN35" s="102">
        <v>0</v>
      </c>
      <c r="DO35" s="102">
        <v>0</v>
      </c>
      <c r="DP35" s="102">
        <v>0</v>
      </c>
      <c r="DQ35" s="102">
        <v>0</v>
      </c>
      <c r="DR35" s="103">
        <v>0</v>
      </c>
      <c r="DS35" s="104">
        <v>0</v>
      </c>
      <c r="DT35" s="101">
        <v>0</v>
      </c>
      <c r="DU35" s="102">
        <v>0</v>
      </c>
      <c r="DV35" s="103">
        <v>0</v>
      </c>
      <c r="DW35" s="413">
        <v>0</v>
      </c>
      <c r="DX35" s="102">
        <v>0</v>
      </c>
      <c r="DY35" s="102">
        <v>0</v>
      </c>
      <c r="DZ35" s="102">
        <v>0</v>
      </c>
      <c r="EA35" s="102">
        <v>0</v>
      </c>
      <c r="EB35" s="102">
        <v>0</v>
      </c>
      <c r="EC35" s="103">
        <v>0</v>
      </c>
      <c r="ED35" s="104">
        <v>0</v>
      </c>
      <c r="EE35" s="101">
        <v>0</v>
      </c>
      <c r="EF35" s="102">
        <v>0</v>
      </c>
      <c r="EG35" s="103">
        <v>0</v>
      </c>
      <c r="EH35" s="413">
        <v>0</v>
      </c>
      <c r="EI35" s="102">
        <v>0</v>
      </c>
      <c r="EJ35" s="102">
        <v>0</v>
      </c>
      <c r="EK35" s="102">
        <v>0</v>
      </c>
      <c r="EL35" s="102">
        <v>0</v>
      </c>
      <c r="EM35" s="102">
        <v>0</v>
      </c>
      <c r="EN35" s="103">
        <v>0</v>
      </c>
      <c r="EO35" s="104">
        <v>0</v>
      </c>
      <c r="EP35" s="101">
        <v>0</v>
      </c>
      <c r="EQ35" s="102">
        <v>0</v>
      </c>
      <c r="ER35" s="103">
        <v>0</v>
      </c>
      <c r="ES35" s="413">
        <v>0</v>
      </c>
      <c r="ET35" s="102">
        <v>0</v>
      </c>
      <c r="EU35" s="102">
        <v>1</v>
      </c>
      <c r="EV35" s="102">
        <v>0</v>
      </c>
      <c r="EW35" s="102">
        <v>0</v>
      </c>
      <c r="EX35" s="102">
        <v>0</v>
      </c>
      <c r="EY35" s="103">
        <v>1</v>
      </c>
      <c r="EZ35" s="104">
        <v>1</v>
      </c>
      <c r="FA35" s="101">
        <v>0</v>
      </c>
      <c r="FB35" s="102">
        <v>0</v>
      </c>
      <c r="FC35" s="103">
        <v>0</v>
      </c>
      <c r="FD35" s="413">
        <v>0</v>
      </c>
      <c r="FE35" s="102">
        <v>0</v>
      </c>
      <c r="FF35" s="102">
        <v>0</v>
      </c>
      <c r="FG35" s="102">
        <v>1</v>
      </c>
      <c r="FH35" s="102">
        <v>1</v>
      </c>
      <c r="FI35" s="102">
        <v>0</v>
      </c>
      <c r="FJ35" s="103">
        <v>2</v>
      </c>
      <c r="FK35" s="104">
        <v>2</v>
      </c>
      <c r="FL35" s="101">
        <v>0</v>
      </c>
      <c r="FM35" s="102">
        <v>0</v>
      </c>
      <c r="FN35" s="103">
        <v>0</v>
      </c>
      <c r="FO35" s="413">
        <v>0</v>
      </c>
      <c r="FP35" s="102">
        <v>0</v>
      </c>
      <c r="FQ35" s="102">
        <v>1</v>
      </c>
      <c r="FR35" s="102">
        <v>0</v>
      </c>
      <c r="FS35" s="102">
        <v>1</v>
      </c>
      <c r="FT35" s="102">
        <v>1</v>
      </c>
      <c r="FU35" s="103">
        <v>3</v>
      </c>
      <c r="FV35" s="104">
        <v>3</v>
      </c>
      <c r="FW35" s="101">
        <v>0</v>
      </c>
      <c r="FX35" s="102">
        <v>0</v>
      </c>
      <c r="FY35" s="103">
        <v>0</v>
      </c>
      <c r="FZ35" s="413">
        <v>0</v>
      </c>
      <c r="GA35" s="102">
        <v>0</v>
      </c>
      <c r="GB35" s="102">
        <v>0</v>
      </c>
      <c r="GC35" s="102">
        <v>0</v>
      </c>
      <c r="GD35" s="102">
        <v>0</v>
      </c>
      <c r="GE35" s="102">
        <v>0</v>
      </c>
      <c r="GF35" s="103">
        <v>0</v>
      </c>
      <c r="GG35" s="104">
        <v>0</v>
      </c>
      <c r="GH35" s="101">
        <v>0</v>
      </c>
      <c r="GI35" s="102">
        <v>0</v>
      </c>
      <c r="GJ35" s="103">
        <v>0</v>
      </c>
      <c r="GK35" s="413">
        <v>0</v>
      </c>
      <c r="GL35" s="102">
        <v>0</v>
      </c>
      <c r="GM35" s="102">
        <v>2</v>
      </c>
      <c r="GN35" s="102">
        <v>1</v>
      </c>
      <c r="GO35" s="102">
        <v>2</v>
      </c>
      <c r="GP35" s="102">
        <v>1</v>
      </c>
      <c r="GQ35" s="103">
        <v>6</v>
      </c>
      <c r="GR35" s="104">
        <v>6</v>
      </c>
      <c r="GS35" s="105">
        <v>8</v>
      </c>
      <c r="GT35" s="97">
        <v>3</v>
      </c>
      <c r="GU35" s="98">
        <v>11</v>
      </c>
      <c r="GV35" s="413">
        <v>0</v>
      </c>
      <c r="GW35" s="97">
        <v>17</v>
      </c>
      <c r="GX35" s="97">
        <v>15</v>
      </c>
      <c r="GY35" s="97">
        <v>8</v>
      </c>
      <c r="GZ35" s="97">
        <v>5</v>
      </c>
      <c r="HA35" s="97">
        <v>1</v>
      </c>
      <c r="HB35" s="99">
        <v>46</v>
      </c>
      <c r="HC35" s="100">
        <v>57</v>
      </c>
      <c r="HD35" s="101">
        <v>0</v>
      </c>
      <c r="HE35" s="102">
        <v>0</v>
      </c>
      <c r="HF35" s="103">
        <v>0</v>
      </c>
      <c r="HG35" s="413">
        <v>0</v>
      </c>
      <c r="HH35" s="102">
        <v>0</v>
      </c>
      <c r="HI35" s="102">
        <v>0</v>
      </c>
      <c r="HJ35" s="102">
        <v>0</v>
      </c>
      <c r="HK35" s="102">
        <v>0</v>
      </c>
      <c r="HL35" s="102">
        <v>0</v>
      </c>
      <c r="HM35" s="103">
        <v>0</v>
      </c>
      <c r="HN35" s="104">
        <v>0</v>
      </c>
      <c r="HO35" s="101">
        <v>1</v>
      </c>
      <c r="HP35" s="102">
        <v>0</v>
      </c>
      <c r="HQ35" s="103">
        <v>1</v>
      </c>
      <c r="HR35" s="413">
        <v>0</v>
      </c>
      <c r="HS35" s="102">
        <v>0</v>
      </c>
      <c r="HT35" s="102">
        <v>0</v>
      </c>
      <c r="HU35" s="102">
        <v>0</v>
      </c>
      <c r="HV35" s="102">
        <v>0</v>
      </c>
      <c r="HW35" s="102">
        <v>0</v>
      </c>
      <c r="HX35" s="103">
        <v>0</v>
      </c>
      <c r="HY35" s="104">
        <v>1</v>
      </c>
      <c r="HZ35" s="101">
        <v>0</v>
      </c>
      <c r="IA35" s="102">
        <v>0</v>
      </c>
      <c r="IB35" s="103">
        <v>0</v>
      </c>
      <c r="IC35" s="413">
        <v>0</v>
      </c>
      <c r="ID35" s="102">
        <v>0</v>
      </c>
      <c r="IE35" s="102">
        <v>2</v>
      </c>
      <c r="IF35" s="102">
        <v>0</v>
      </c>
      <c r="IG35" s="102">
        <v>0</v>
      </c>
      <c r="IH35" s="102">
        <v>0</v>
      </c>
      <c r="II35" s="103">
        <v>2</v>
      </c>
      <c r="IJ35" s="104">
        <v>2</v>
      </c>
      <c r="IK35" s="101">
        <v>3</v>
      </c>
      <c r="IL35" s="102">
        <v>0</v>
      </c>
      <c r="IM35" s="103">
        <v>3</v>
      </c>
      <c r="IN35" s="413">
        <v>0</v>
      </c>
      <c r="IO35" s="102">
        <v>5</v>
      </c>
      <c r="IP35" s="102">
        <v>3</v>
      </c>
      <c r="IQ35" s="102">
        <v>2</v>
      </c>
      <c r="IR35" s="102">
        <v>0</v>
      </c>
      <c r="IS35" s="102">
        <v>0</v>
      </c>
      <c r="IT35" s="103">
        <v>10</v>
      </c>
      <c r="IU35" s="104">
        <v>13</v>
      </c>
      <c r="IV35" s="101">
        <v>1</v>
      </c>
      <c r="IW35" s="102">
        <v>2</v>
      </c>
      <c r="IX35" s="103">
        <v>3</v>
      </c>
      <c r="IY35" s="413">
        <v>0</v>
      </c>
      <c r="IZ35" s="102">
        <v>8</v>
      </c>
      <c r="JA35" s="102">
        <v>3</v>
      </c>
      <c r="JB35" s="102">
        <v>4</v>
      </c>
      <c r="JC35" s="102">
        <v>2</v>
      </c>
      <c r="JD35" s="102">
        <v>0</v>
      </c>
      <c r="JE35" s="103">
        <v>17</v>
      </c>
      <c r="JF35" s="104">
        <v>20</v>
      </c>
      <c r="JG35" s="101">
        <v>3</v>
      </c>
      <c r="JH35" s="102">
        <v>1</v>
      </c>
      <c r="JI35" s="103">
        <v>4</v>
      </c>
      <c r="JJ35" s="413">
        <v>0</v>
      </c>
      <c r="JK35" s="102">
        <v>4</v>
      </c>
      <c r="JL35" s="102">
        <v>7</v>
      </c>
      <c r="JM35" s="102">
        <v>2</v>
      </c>
      <c r="JN35" s="102">
        <v>3</v>
      </c>
      <c r="JO35" s="102">
        <v>1</v>
      </c>
      <c r="JP35" s="103">
        <v>17</v>
      </c>
      <c r="JQ35" s="104">
        <v>21</v>
      </c>
      <c r="JR35" s="101">
        <v>0</v>
      </c>
      <c r="JS35" s="102">
        <v>0</v>
      </c>
      <c r="JT35" s="103">
        <v>0</v>
      </c>
      <c r="JU35" s="413">
        <v>0</v>
      </c>
      <c r="JV35" s="102">
        <v>0</v>
      </c>
      <c r="JW35" s="102">
        <v>0</v>
      </c>
      <c r="JX35" s="102">
        <v>0</v>
      </c>
      <c r="JY35" s="102">
        <v>0</v>
      </c>
      <c r="JZ35" s="102">
        <v>0</v>
      </c>
      <c r="KA35" s="103">
        <v>0</v>
      </c>
      <c r="KB35" s="104">
        <v>0</v>
      </c>
      <c r="KC35" s="101">
        <v>8</v>
      </c>
      <c r="KD35" s="102">
        <v>3</v>
      </c>
      <c r="KE35" s="103">
        <v>11</v>
      </c>
      <c r="KF35" s="413">
        <v>0</v>
      </c>
      <c r="KG35" s="102">
        <v>17</v>
      </c>
      <c r="KH35" s="102">
        <v>15</v>
      </c>
      <c r="KI35" s="102">
        <v>8</v>
      </c>
      <c r="KJ35" s="102">
        <v>5</v>
      </c>
      <c r="KK35" s="102">
        <v>1</v>
      </c>
      <c r="KL35" s="103">
        <v>46</v>
      </c>
      <c r="KM35" s="104">
        <v>57</v>
      </c>
    </row>
    <row r="36" spans="2:299" s="70" customFormat="1" ht="21" customHeight="1" x14ac:dyDescent="0.2">
      <c r="B36" s="106" t="s">
        <v>33</v>
      </c>
      <c r="C36" s="96">
        <v>4</v>
      </c>
      <c r="D36" s="97">
        <v>2</v>
      </c>
      <c r="E36" s="98">
        <v>6</v>
      </c>
      <c r="F36" s="413">
        <v>0</v>
      </c>
      <c r="G36" s="97">
        <v>4</v>
      </c>
      <c r="H36" s="97">
        <v>1</v>
      </c>
      <c r="I36" s="97">
        <v>4</v>
      </c>
      <c r="J36" s="97">
        <v>1</v>
      </c>
      <c r="K36" s="97">
        <v>1</v>
      </c>
      <c r="L36" s="99">
        <v>11</v>
      </c>
      <c r="M36" s="100">
        <v>17</v>
      </c>
      <c r="N36" s="101">
        <v>0</v>
      </c>
      <c r="O36" s="102">
        <v>0</v>
      </c>
      <c r="P36" s="103">
        <v>0</v>
      </c>
      <c r="Q36" s="413">
        <v>0</v>
      </c>
      <c r="R36" s="102">
        <v>0</v>
      </c>
      <c r="S36" s="102">
        <v>0</v>
      </c>
      <c r="T36" s="102">
        <v>0</v>
      </c>
      <c r="U36" s="102">
        <v>0</v>
      </c>
      <c r="V36" s="102">
        <v>0</v>
      </c>
      <c r="W36" s="103">
        <v>0</v>
      </c>
      <c r="X36" s="104">
        <v>0</v>
      </c>
      <c r="Y36" s="101">
        <v>0</v>
      </c>
      <c r="Z36" s="102">
        <v>0</v>
      </c>
      <c r="AA36" s="103">
        <v>0</v>
      </c>
      <c r="AB36" s="413">
        <v>0</v>
      </c>
      <c r="AC36" s="102">
        <v>0</v>
      </c>
      <c r="AD36" s="102">
        <v>0</v>
      </c>
      <c r="AE36" s="102">
        <v>0</v>
      </c>
      <c r="AF36" s="102">
        <v>0</v>
      </c>
      <c r="AG36" s="102">
        <v>0</v>
      </c>
      <c r="AH36" s="103">
        <v>0</v>
      </c>
      <c r="AI36" s="104">
        <v>0</v>
      </c>
      <c r="AJ36" s="101">
        <v>1</v>
      </c>
      <c r="AK36" s="102">
        <v>0</v>
      </c>
      <c r="AL36" s="103">
        <v>1</v>
      </c>
      <c r="AM36" s="413">
        <v>0</v>
      </c>
      <c r="AN36" s="102">
        <v>0</v>
      </c>
      <c r="AO36" s="102">
        <v>1</v>
      </c>
      <c r="AP36" s="102">
        <v>0</v>
      </c>
      <c r="AQ36" s="102">
        <v>0</v>
      </c>
      <c r="AR36" s="102">
        <v>0</v>
      </c>
      <c r="AS36" s="103">
        <v>1</v>
      </c>
      <c r="AT36" s="104">
        <v>2</v>
      </c>
      <c r="AU36" s="101">
        <v>1</v>
      </c>
      <c r="AV36" s="102">
        <v>0</v>
      </c>
      <c r="AW36" s="103">
        <v>1</v>
      </c>
      <c r="AX36" s="413">
        <v>0</v>
      </c>
      <c r="AY36" s="102">
        <v>0</v>
      </c>
      <c r="AZ36" s="102">
        <v>0</v>
      </c>
      <c r="BA36" s="102">
        <v>2</v>
      </c>
      <c r="BB36" s="102">
        <v>0</v>
      </c>
      <c r="BC36" s="102">
        <v>0</v>
      </c>
      <c r="BD36" s="103">
        <v>2</v>
      </c>
      <c r="BE36" s="104">
        <v>3</v>
      </c>
      <c r="BF36" s="101">
        <v>1</v>
      </c>
      <c r="BG36" s="102">
        <v>1</v>
      </c>
      <c r="BH36" s="103">
        <v>2</v>
      </c>
      <c r="BI36" s="413">
        <v>0</v>
      </c>
      <c r="BJ36" s="102">
        <v>2</v>
      </c>
      <c r="BK36" s="102">
        <v>0</v>
      </c>
      <c r="BL36" s="102">
        <v>0</v>
      </c>
      <c r="BM36" s="102">
        <v>0</v>
      </c>
      <c r="BN36" s="102">
        <v>0</v>
      </c>
      <c r="BO36" s="103">
        <v>2</v>
      </c>
      <c r="BP36" s="104">
        <v>4</v>
      </c>
      <c r="BQ36" s="101">
        <v>1</v>
      </c>
      <c r="BR36" s="102">
        <v>1</v>
      </c>
      <c r="BS36" s="103">
        <v>2</v>
      </c>
      <c r="BT36" s="413">
        <v>0</v>
      </c>
      <c r="BU36" s="102">
        <v>2</v>
      </c>
      <c r="BV36" s="102">
        <v>0</v>
      </c>
      <c r="BW36" s="102">
        <v>2</v>
      </c>
      <c r="BX36" s="102">
        <v>1</v>
      </c>
      <c r="BY36" s="102">
        <v>1</v>
      </c>
      <c r="BZ36" s="103">
        <v>6</v>
      </c>
      <c r="CA36" s="104">
        <v>8</v>
      </c>
      <c r="CB36" s="101">
        <v>0</v>
      </c>
      <c r="CC36" s="102">
        <v>0</v>
      </c>
      <c r="CD36" s="103">
        <v>0</v>
      </c>
      <c r="CE36" s="413">
        <v>0</v>
      </c>
      <c r="CF36" s="102">
        <v>0</v>
      </c>
      <c r="CG36" s="102">
        <v>0</v>
      </c>
      <c r="CH36" s="102">
        <v>0</v>
      </c>
      <c r="CI36" s="102">
        <v>0</v>
      </c>
      <c r="CJ36" s="102">
        <v>0</v>
      </c>
      <c r="CK36" s="103">
        <v>0</v>
      </c>
      <c r="CL36" s="104">
        <v>0</v>
      </c>
      <c r="CM36" s="101">
        <v>4</v>
      </c>
      <c r="CN36" s="102">
        <v>2</v>
      </c>
      <c r="CO36" s="103">
        <v>6</v>
      </c>
      <c r="CP36" s="413">
        <v>0</v>
      </c>
      <c r="CQ36" s="102">
        <v>4</v>
      </c>
      <c r="CR36" s="102">
        <v>1</v>
      </c>
      <c r="CS36" s="102">
        <v>4</v>
      </c>
      <c r="CT36" s="102">
        <v>1</v>
      </c>
      <c r="CU36" s="102">
        <v>1</v>
      </c>
      <c r="CV36" s="103">
        <v>11</v>
      </c>
      <c r="CW36" s="104">
        <v>17</v>
      </c>
      <c r="CX36" s="105">
        <v>0</v>
      </c>
      <c r="CY36" s="97">
        <v>2</v>
      </c>
      <c r="CZ36" s="98">
        <v>2</v>
      </c>
      <c r="DA36" s="413">
        <v>0</v>
      </c>
      <c r="DB36" s="97">
        <v>0</v>
      </c>
      <c r="DC36" s="97">
        <v>0</v>
      </c>
      <c r="DD36" s="97">
        <v>1</v>
      </c>
      <c r="DE36" s="97">
        <v>0</v>
      </c>
      <c r="DF36" s="97">
        <v>0</v>
      </c>
      <c r="DG36" s="99">
        <v>1</v>
      </c>
      <c r="DH36" s="100">
        <v>3</v>
      </c>
      <c r="DI36" s="101">
        <v>0</v>
      </c>
      <c r="DJ36" s="102">
        <v>0</v>
      </c>
      <c r="DK36" s="103">
        <v>0</v>
      </c>
      <c r="DL36" s="413">
        <v>0</v>
      </c>
      <c r="DM36" s="102">
        <v>0</v>
      </c>
      <c r="DN36" s="102">
        <v>0</v>
      </c>
      <c r="DO36" s="102">
        <v>0</v>
      </c>
      <c r="DP36" s="102">
        <v>0</v>
      </c>
      <c r="DQ36" s="102">
        <v>0</v>
      </c>
      <c r="DR36" s="103">
        <v>0</v>
      </c>
      <c r="DS36" s="104">
        <v>0</v>
      </c>
      <c r="DT36" s="101">
        <v>0</v>
      </c>
      <c r="DU36" s="102">
        <v>0</v>
      </c>
      <c r="DV36" s="103">
        <v>0</v>
      </c>
      <c r="DW36" s="413">
        <v>0</v>
      </c>
      <c r="DX36" s="102">
        <v>0</v>
      </c>
      <c r="DY36" s="102">
        <v>0</v>
      </c>
      <c r="DZ36" s="102">
        <v>0</v>
      </c>
      <c r="EA36" s="102">
        <v>0</v>
      </c>
      <c r="EB36" s="102">
        <v>0</v>
      </c>
      <c r="EC36" s="103">
        <v>0</v>
      </c>
      <c r="ED36" s="104">
        <v>0</v>
      </c>
      <c r="EE36" s="101">
        <v>0</v>
      </c>
      <c r="EF36" s="102">
        <v>0</v>
      </c>
      <c r="EG36" s="103">
        <v>0</v>
      </c>
      <c r="EH36" s="413">
        <v>0</v>
      </c>
      <c r="EI36" s="102">
        <v>0</v>
      </c>
      <c r="EJ36" s="102">
        <v>0</v>
      </c>
      <c r="EK36" s="102">
        <v>0</v>
      </c>
      <c r="EL36" s="102">
        <v>0</v>
      </c>
      <c r="EM36" s="102">
        <v>0</v>
      </c>
      <c r="EN36" s="103">
        <v>0</v>
      </c>
      <c r="EO36" s="104">
        <v>0</v>
      </c>
      <c r="EP36" s="101">
        <v>0</v>
      </c>
      <c r="EQ36" s="102">
        <v>1</v>
      </c>
      <c r="ER36" s="103">
        <v>1</v>
      </c>
      <c r="ES36" s="413">
        <v>0</v>
      </c>
      <c r="ET36" s="102">
        <v>0</v>
      </c>
      <c r="EU36" s="102">
        <v>0</v>
      </c>
      <c r="EV36" s="102">
        <v>0</v>
      </c>
      <c r="EW36" s="102">
        <v>0</v>
      </c>
      <c r="EX36" s="102">
        <v>0</v>
      </c>
      <c r="EY36" s="103">
        <v>0</v>
      </c>
      <c r="EZ36" s="104">
        <v>1</v>
      </c>
      <c r="FA36" s="101">
        <v>0</v>
      </c>
      <c r="FB36" s="102">
        <v>0</v>
      </c>
      <c r="FC36" s="103">
        <v>0</v>
      </c>
      <c r="FD36" s="413">
        <v>0</v>
      </c>
      <c r="FE36" s="102">
        <v>0</v>
      </c>
      <c r="FF36" s="102">
        <v>0</v>
      </c>
      <c r="FG36" s="102">
        <v>0</v>
      </c>
      <c r="FH36" s="102">
        <v>0</v>
      </c>
      <c r="FI36" s="102">
        <v>0</v>
      </c>
      <c r="FJ36" s="103">
        <v>0</v>
      </c>
      <c r="FK36" s="104">
        <v>0</v>
      </c>
      <c r="FL36" s="101">
        <v>0</v>
      </c>
      <c r="FM36" s="102">
        <v>1</v>
      </c>
      <c r="FN36" s="103">
        <v>1</v>
      </c>
      <c r="FO36" s="413">
        <v>0</v>
      </c>
      <c r="FP36" s="102">
        <v>0</v>
      </c>
      <c r="FQ36" s="102">
        <v>0</v>
      </c>
      <c r="FR36" s="102">
        <v>1</v>
      </c>
      <c r="FS36" s="102">
        <v>0</v>
      </c>
      <c r="FT36" s="102">
        <v>0</v>
      </c>
      <c r="FU36" s="103">
        <v>1</v>
      </c>
      <c r="FV36" s="104">
        <v>2</v>
      </c>
      <c r="FW36" s="101">
        <v>0</v>
      </c>
      <c r="FX36" s="102">
        <v>0</v>
      </c>
      <c r="FY36" s="103">
        <v>0</v>
      </c>
      <c r="FZ36" s="413">
        <v>0</v>
      </c>
      <c r="GA36" s="102">
        <v>0</v>
      </c>
      <c r="GB36" s="102">
        <v>0</v>
      </c>
      <c r="GC36" s="102">
        <v>0</v>
      </c>
      <c r="GD36" s="102">
        <v>0</v>
      </c>
      <c r="GE36" s="102">
        <v>0</v>
      </c>
      <c r="GF36" s="103">
        <v>0</v>
      </c>
      <c r="GG36" s="104">
        <v>0</v>
      </c>
      <c r="GH36" s="101">
        <v>0</v>
      </c>
      <c r="GI36" s="102">
        <v>2</v>
      </c>
      <c r="GJ36" s="103">
        <v>2</v>
      </c>
      <c r="GK36" s="413">
        <v>0</v>
      </c>
      <c r="GL36" s="102">
        <v>0</v>
      </c>
      <c r="GM36" s="102">
        <v>0</v>
      </c>
      <c r="GN36" s="102">
        <v>1</v>
      </c>
      <c r="GO36" s="102">
        <v>0</v>
      </c>
      <c r="GP36" s="102">
        <v>0</v>
      </c>
      <c r="GQ36" s="103">
        <v>1</v>
      </c>
      <c r="GR36" s="104">
        <v>3</v>
      </c>
      <c r="GS36" s="105">
        <v>4</v>
      </c>
      <c r="GT36" s="97">
        <v>4</v>
      </c>
      <c r="GU36" s="98">
        <v>8</v>
      </c>
      <c r="GV36" s="413">
        <v>0</v>
      </c>
      <c r="GW36" s="97">
        <v>4</v>
      </c>
      <c r="GX36" s="97">
        <v>1</v>
      </c>
      <c r="GY36" s="97">
        <v>5</v>
      </c>
      <c r="GZ36" s="97">
        <v>1</v>
      </c>
      <c r="HA36" s="97">
        <v>1</v>
      </c>
      <c r="HB36" s="99">
        <v>12</v>
      </c>
      <c r="HC36" s="100">
        <v>20</v>
      </c>
      <c r="HD36" s="101">
        <v>0</v>
      </c>
      <c r="HE36" s="102">
        <v>0</v>
      </c>
      <c r="HF36" s="103">
        <v>0</v>
      </c>
      <c r="HG36" s="413">
        <v>0</v>
      </c>
      <c r="HH36" s="102">
        <v>0</v>
      </c>
      <c r="HI36" s="102">
        <v>0</v>
      </c>
      <c r="HJ36" s="102">
        <v>0</v>
      </c>
      <c r="HK36" s="102">
        <v>0</v>
      </c>
      <c r="HL36" s="102">
        <v>0</v>
      </c>
      <c r="HM36" s="103">
        <v>0</v>
      </c>
      <c r="HN36" s="104">
        <v>0</v>
      </c>
      <c r="HO36" s="101">
        <v>0</v>
      </c>
      <c r="HP36" s="102">
        <v>0</v>
      </c>
      <c r="HQ36" s="103">
        <v>0</v>
      </c>
      <c r="HR36" s="413">
        <v>0</v>
      </c>
      <c r="HS36" s="102">
        <v>0</v>
      </c>
      <c r="HT36" s="102">
        <v>0</v>
      </c>
      <c r="HU36" s="102">
        <v>0</v>
      </c>
      <c r="HV36" s="102">
        <v>0</v>
      </c>
      <c r="HW36" s="102">
        <v>0</v>
      </c>
      <c r="HX36" s="103">
        <v>0</v>
      </c>
      <c r="HY36" s="104">
        <v>0</v>
      </c>
      <c r="HZ36" s="101">
        <v>1</v>
      </c>
      <c r="IA36" s="102">
        <v>0</v>
      </c>
      <c r="IB36" s="103">
        <v>1</v>
      </c>
      <c r="IC36" s="413">
        <v>0</v>
      </c>
      <c r="ID36" s="102">
        <v>0</v>
      </c>
      <c r="IE36" s="102">
        <v>1</v>
      </c>
      <c r="IF36" s="102">
        <v>0</v>
      </c>
      <c r="IG36" s="102">
        <v>0</v>
      </c>
      <c r="IH36" s="102">
        <v>0</v>
      </c>
      <c r="II36" s="103">
        <v>1</v>
      </c>
      <c r="IJ36" s="104">
        <v>2</v>
      </c>
      <c r="IK36" s="101">
        <v>1</v>
      </c>
      <c r="IL36" s="102">
        <v>1</v>
      </c>
      <c r="IM36" s="103">
        <v>2</v>
      </c>
      <c r="IN36" s="413">
        <v>0</v>
      </c>
      <c r="IO36" s="102">
        <v>0</v>
      </c>
      <c r="IP36" s="102">
        <v>0</v>
      </c>
      <c r="IQ36" s="102">
        <v>2</v>
      </c>
      <c r="IR36" s="102">
        <v>0</v>
      </c>
      <c r="IS36" s="102">
        <v>0</v>
      </c>
      <c r="IT36" s="103">
        <v>2</v>
      </c>
      <c r="IU36" s="104">
        <v>4</v>
      </c>
      <c r="IV36" s="101">
        <v>1</v>
      </c>
      <c r="IW36" s="102">
        <v>1</v>
      </c>
      <c r="IX36" s="103">
        <v>2</v>
      </c>
      <c r="IY36" s="413">
        <v>0</v>
      </c>
      <c r="IZ36" s="102">
        <v>2</v>
      </c>
      <c r="JA36" s="102">
        <v>0</v>
      </c>
      <c r="JB36" s="102">
        <v>0</v>
      </c>
      <c r="JC36" s="102">
        <v>0</v>
      </c>
      <c r="JD36" s="102">
        <v>0</v>
      </c>
      <c r="JE36" s="103">
        <v>2</v>
      </c>
      <c r="JF36" s="104">
        <v>4</v>
      </c>
      <c r="JG36" s="101">
        <v>1</v>
      </c>
      <c r="JH36" s="102">
        <v>2</v>
      </c>
      <c r="JI36" s="103">
        <v>3</v>
      </c>
      <c r="JJ36" s="413">
        <v>0</v>
      </c>
      <c r="JK36" s="102">
        <v>2</v>
      </c>
      <c r="JL36" s="102">
        <v>0</v>
      </c>
      <c r="JM36" s="102">
        <v>3</v>
      </c>
      <c r="JN36" s="102">
        <v>1</v>
      </c>
      <c r="JO36" s="102">
        <v>1</v>
      </c>
      <c r="JP36" s="103">
        <v>7</v>
      </c>
      <c r="JQ36" s="104">
        <v>10</v>
      </c>
      <c r="JR36" s="101">
        <v>0</v>
      </c>
      <c r="JS36" s="102">
        <v>0</v>
      </c>
      <c r="JT36" s="103">
        <v>0</v>
      </c>
      <c r="JU36" s="413">
        <v>0</v>
      </c>
      <c r="JV36" s="102">
        <v>0</v>
      </c>
      <c r="JW36" s="102">
        <v>0</v>
      </c>
      <c r="JX36" s="102">
        <v>0</v>
      </c>
      <c r="JY36" s="102">
        <v>0</v>
      </c>
      <c r="JZ36" s="102">
        <v>0</v>
      </c>
      <c r="KA36" s="103">
        <v>0</v>
      </c>
      <c r="KB36" s="104">
        <v>0</v>
      </c>
      <c r="KC36" s="101">
        <v>4</v>
      </c>
      <c r="KD36" s="102">
        <v>4</v>
      </c>
      <c r="KE36" s="103">
        <v>8</v>
      </c>
      <c r="KF36" s="413">
        <v>0</v>
      </c>
      <c r="KG36" s="102">
        <v>4</v>
      </c>
      <c r="KH36" s="102">
        <v>1</v>
      </c>
      <c r="KI36" s="102">
        <v>5</v>
      </c>
      <c r="KJ36" s="102">
        <v>1</v>
      </c>
      <c r="KK36" s="102">
        <v>1</v>
      </c>
      <c r="KL36" s="103">
        <v>12</v>
      </c>
      <c r="KM36" s="104">
        <v>20</v>
      </c>
    </row>
    <row r="37" spans="2:299" s="70" customFormat="1" ht="21" customHeight="1" x14ac:dyDescent="0.2">
      <c r="B37" s="106" t="s">
        <v>34</v>
      </c>
      <c r="C37" s="96">
        <v>2</v>
      </c>
      <c r="D37" s="97">
        <v>3</v>
      </c>
      <c r="E37" s="98">
        <v>5</v>
      </c>
      <c r="F37" s="413">
        <v>0</v>
      </c>
      <c r="G37" s="97">
        <v>6</v>
      </c>
      <c r="H37" s="97">
        <v>8</v>
      </c>
      <c r="I37" s="97">
        <v>3</v>
      </c>
      <c r="J37" s="97">
        <v>2</v>
      </c>
      <c r="K37" s="97">
        <v>1</v>
      </c>
      <c r="L37" s="99">
        <v>20</v>
      </c>
      <c r="M37" s="100">
        <v>25</v>
      </c>
      <c r="N37" s="101">
        <v>0</v>
      </c>
      <c r="O37" s="102">
        <v>0</v>
      </c>
      <c r="P37" s="103">
        <v>0</v>
      </c>
      <c r="Q37" s="413">
        <v>0</v>
      </c>
      <c r="R37" s="102">
        <v>0</v>
      </c>
      <c r="S37" s="102">
        <v>0</v>
      </c>
      <c r="T37" s="102">
        <v>0</v>
      </c>
      <c r="U37" s="102">
        <v>0</v>
      </c>
      <c r="V37" s="102">
        <v>0</v>
      </c>
      <c r="W37" s="103">
        <v>0</v>
      </c>
      <c r="X37" s="104">
        <v>0</v>
      </c>
      <c r="Y37" s="101">
        <v>0</v>
      </c>
      <c r="Z37" s="102">
        <v>0</v>
      </c>
      <c r="AA37" s="103">
        <v>0</v>
      </c>
      <c r="AB37" s="413">
        <v>0</v>
      </c>
      <c r="AC37" s="102">
        <v>1</v>
      </c>
      <c r="AD37" s="102">
        <v>0</v>
      </c>
      <c r="AE37" s="102">
        <v>0</v>
      </c>
      <c r="AF37" s="102">
        <v>0</v>
      </c>
      <c r="AG37" s="102">
        <v>0</v>
      </c>
      <c r="AH37" s="103">
        <v>1</v>
      </c>
      <c r="AI37" s="104">
        <v>1</v>
      </c>
      <c r="AJ37" s="101">
        <v>0</v>
      </c>
      <c r="AK37" s="102">
        <v>0</v>
      </c>
      <c r="AL37" s="103">
        <v>0</v>
      </c>
      <c r="AM37" s="413">
        <v>0</v>
      </c>
      <c r="AN37" s="102">
        <v>0</v>
      </c>
      <c r="AO37" s="102">
        <v>0</v>
      </c>
      <c r="AP37" s="102">
        <v>0</v>
      </c>
      <c r="AQ37" s="102">
        <v>0</v>
      </c>
      <c r="AR37" s="102">
        <v>0</v>
      </c>
      <c r="AS37" s="103">
        <v>0</v>
      </c>
      <c r="AT37" s="104">
        <v>0</v>
      </c>
      <c r="AU37" s="101">
        <v>1</v>
      </c>
      <c r="AV37" s="102">
        <v>1</v>
      </c>
      <c r="AW37" s="103">
        <v>2</v>
      </c>
      <c r="AX37" s="413">
        <v>0</v>
      </c>
      <c r="AY37" s="102">
        <v>0</v>
      </c>
      <c r="AZ37" s="102">
        <v>5</v>
      </c>
      <c r="BA37" s="102">
        <v>0</v>
      </c>
      <c r="BB37" s="102">
        <v>0</v>
      </c>
      <c r="BC37" s="102">
        <v>0</v>
      </c>
      <c r="BD37" s="103">
        <v>5</v>
      </c>
      <c r="BE37" s="104">
        <v>7</v>
      </c>
      <c r="BF37" s="101">
        <v>1</v>
      </c>
      <c r="BG37" s="102">
        <v>2</v>
      </c>
      <c r="BH37" s="103">
        <v>3</v>
      </c>
      <c r="BI37" s="413">
        <v>0</v>
      </c>
      <c r="BJ37" s="102">
        <v>4</v>
      </c>
      <c r="BK37" s="102">
        <v>0</v>
      </c>
      <c r="BL37" s="102">
        <v>3</v>
      </c>
      <c r="BM37" s="102">
        <v>0</v>
      </c>
      <c r="BN37" s="102">
        <v>0</v>
      </c>
      <c r="BO37" s="103">
        <v>7</v>
      </c>
      <c r="BP37" s="104">
        <v>10</v>
      </c>
      <c r="BQ37" s="101">
        <v>0</v>
      </c>
      <c r="BR37" s="102">
        <v>0</v>
      </c>
      <c r="BS37" s="103">
        <v>0</v>
      </c>
      <c r="BT37" s="413">
        <v>0</v>
      </c>
      <c r="BU37" s="102">
        <v>1</v>
      </c>
      <c r="BV37" s="102">
        <v>3</v>
      </c>
      <c r="BW37" s="102">
        <v>0</v>
      </c>
      <c r="BX37" s="102">
        <v>2</v>
      </c>
      <c r="BY37" s="102">
        <v>1</v>
      </c>
      <c r="BZ37" s="103">
        <v>7</v>
      </c>
      <c r="CA37" s="104">
        <v>7</v>
      </c>
      <c r="CB37" s="101">
        <v>0</v>
      </c>
      <c r="CC37" s="102">
        <v>0</v>
      </c>
      <c r="CD37" s="103">
        <v>0</v>
      </c>
      <c r="CE37" s="413">
        <v>0</v>
      </c>
      <c r="CF37" s="102">
        <v>0</v>
      </c>
      <c r="CG37" s="102">
        <v>0</v>
      </c>
      <c r="CH37" s="102">
        <v>0</v>
      </c>
      <c r="CI37" s="102">
        <v>0</v>
      </c>
      <c r="CJ37" s="102">
        <v>0</v>
      </c>
      <c r="CK37" s="103">
        <v>0</v>
      </c>
      <c r="CL37" s="104">
        <v>0</v>
      </c>
      <c r="CM37" s="101">
        <v>2</v>
      </c>
      <c r="CN37" s="102">
        <v>3</v>
      </c>
      <c r="CO37" s="103">
        <v>5</v>
      </c>
      <c r="CP37" s="413">
        <v>0</v>
      </c>
      <c r="CQ37" s="102">
        <v>6</v>
      </c>
      <c r="CR37" s="102">
        <v>8</v>
      </c>
      <c r="CS37" s="102">
        <v>3</v>
      </c>
      <c r="CT37" s="102">
        <v>2</v>
      </c>
      <c r="CU37" s="102">
        <v>1</v>
      </c>
      <c r="CV37" s="103">
        <v>20</v>
      </c>
      <c r="CW37" s="104">
        <v>25</v>
      </c>
      <c r="CX37" s="105">
        <v>0</v>
      </c>
      <c r="CY37" s="97">
        <v>0</v>
      </c>
      <c r="CZ37" s="98">
        <v>0</v>
      </c>
      <c r="DA37" s="413">
        <v>0</v>
      </c>
      <c r="DB37" s="97">
        <v>1</v>
      </c>
      <c r="DC37" s="97">
        <v>0</v>
      </c>
      <c r="DD37" s="97">
        <v>0</v>
      </c>
      <c r="DE37" s="97">
        <v>0</v>
      </c>
      <c r="DF37" s="97">
        <v>1</v>
      </c>
      <c r="DG37" s="99">
        <v>2</v>
      </c>
      <c r="DH37" s="100">
        <v>2</v>
      </c>
      <c r="DI37" s="101">
        <v>0</v>
      </c>
      <c r="DJ37" s="102">
        <v>0</v>
      </c>
      <c r="DK37" s="103">
        <v>0</v>
      </c>
      <c r="DL37" s="413">
        <v>0</v>
      </c>
      <c r="DM37" s="102">
        <v>0</v>
      </c>
      <c r="DN37" s="102">
        <v>0</v>
      </c>
      <c r="DO37" s="102">
        <v>0</v>
      </c>
      <c r="DP37" s="102">
        <v>0</v>
      </c>
      <c r="DQ37" s="102">
        <v>0</v>
      </c>
      <c r="DR37" s="103">
        <v>0</v>
      </c>
      <c r="DS37" s="104">
        <v>0</v>
      </c>
      <c r="DT37" s="101">
        <v>0</v>
      </c>
      <c r="DU37" s="102">
        <v>0</v>
      </c>
      <c r="DV37" s="103">
        <v>0</v>
      </c>
      <c r="DW37" s="413">
        <v>0</v>
      </c>
      <c r="DX37" s="102">
        <v>0</v>
      </c>
      <c r="DY37" s="102">
        <v>0</v>
      </c>
      <c r="DZ37" s="102">
        <v>0</v>
      </c>
      <c r="EA37" s="102">
        <v>0</v>
      </c>
      <c r="EB37" s="102">
        <v>0</v>
      </c>
      <c r="EC37" s="103">
        <v>0</v>
      </c>
      <c r="ED37" s="104">
        <v>0</v>
      </c>
      <c r="EE37" s="101">
        <v>0</v>
      </c>
      <c r="EF37" s="102">
        <v>0</v>
      </c>
      <c r="EG37" s="103">
        <v>0</v>
      </c>
      <c r="EH37" s="413">
        <v>0</v>
      </c>
      <c r="EI37" s="102">
        <v>0</v>
      </c>
      <c r="EJ37" s="102">
        <v>0</v>
      </c>
      <c r="EK37" s="102">
        <v>0</v>
      </c>
      <c r="EL37" s="102">
        <v>0</v>
      </c>
      <c r="EM37" s="102">
        <v>0</v>
      </c>
      <c r="EN37" s="103">
        <v>0</v>
      </c>
      <c r="EO37" s="104">
        <v>0</v>
      </c>
      <c r="EP37" s="101">
        <v>0</v>
      </c>
      <c r="EQ37" s="102">
        <v>0</v>
      </c>
      <c r="ER37" s="103">
        <v>0</v>
      </c>
      <c r="ES37" s="413">
        <v>0</v>
      </c>
      <c r="ET37" s="102">
        <v>0</v>
      </c>
      <c r="EU37" s="102">
        <v>0</v>
      </c>
      <c r="EV37" s="102">
        <v>0</v>
      </c>
      <c r="EW37" s="102">
        <v>0</v>
      </c>
      <c r="EX37" s="102">
        <v>0</v>
      </c>
      <c r="EY37" s="103">
        <v>0</v>
      </c>
      <c r="EZ37" s="104">
        <v>0</v>
      </c>
      <c r="FA37" s="101">
        <v>0</v>
      </c>
      <c r="FB37" s="102">
        <v>0</v>
      </c>
      <c r="FC37" s="103">
        <v>0</v>
      </c>
      <c r="FD37" s="413">
        <v>0</v>
      </c>
      <c r="FE37" s="102">
        <v>0</v>
      </c>
      <c r="FF37" s="102">
        <v>0</v>
      </c>
      <c r="FG37" s="102">
        <v>0</v>
      </c>
      <c r="FH37" s="102">
        <v>0</v>
      </c>
      <c r="FI37" s="102">
        <v>0</v>
      </c>
      <c r="FJ37" s="103">
        <v>0</v>
      </c>
      <c r="FK37" s="104">
        <v>0</v>
      </c>
      <c r="FL37" s="101">
        <v>0</v>
      </c>
      <c r="FM37" s="102">
        <v>0</v>
      </c>
      <c r="FN37" s="103">
        <v>0</v>
      </c>
      <c r="FO37" s="413">
        <v>0</v>
      </c>
      <c r="FP37" s="102">
        <v>1</v>
      </c>
      <c r="FQ37" s="102">
        <v>0</v>
      </c>
      <c r="FR37" s="102">
        <v>0</v>
      </c>
      <c r="FS37" s="102">
        <v>0</v>
      </c>
      <c r="FT37" s="102">
        <v>1</v>
      </c>
      <c r="FU37" s="103">
        <v>2</v>
      </c>
      <c r="FV37" s="104">
        <v>2</v>
      </c>
      <c r="FW37" s="101">
        <v>0</v>
      </c>
      <c r="FX37" s="102">
        <v>0</v>
      </c>
      <c r="FY37" s="103">
        <v>0</v>
      </c>
      <c r="FZ37" s="413">
        <v>0</v>
      </c>
      <c r="GA37" s="102">
        <v>0</v>
      </c>
      <c r="GB37" s="102">
        <v>0</v>
      </c>
      <c r="GC37" s="102">
        <v>0</v>
      </c>
      <c r="GD37" s="102">
        <v>0</v>
      </c>
      <c r="GE37" s="102">
        <v>0</v>
      </c>
      <c r="GF37" s="103">
        <v>0</v>
      </c>
      <c r="GG37" s="104">
        <v>0</v>
      </c>
      <c r="GH37" s="101">
        <v>0</v>
      </c>
      <c r="GI37" s="102">
        <v>0</v>
      </c>
      <c r="GJ37" s="103">
        <v>0</v>
      </c>
      <c r="GK37" s="413">
        <v>0</v>
      </c>
      <c r="GL37" s="102">
        <v>1</v>
      </c>
      <c r="GM37" s="102">
        <v>0</v>
      </c>
      <c r="GN37" s="102">
        <v>0</v>
      </c>
      <c r="GO37" s="102">
        <v>0</v>
      </c>
      <c r="GP37" s="102">
        <v>1</v>
      </c>
      <c r="GQ37" s="103">
        <v>2</v>
      </c>
      <c r="GR37" s="104">
        <v>2</v>
      </c>
      <c r="GS37" s="105">
        <v>2</v>
      </c>
      <c r="GT37" s="97">
        <v>3</v>
      </c>
      <c r="GU37" s="98">
        <v>5</v>
      </c>
      <c r="GV37" s="413">
        <v>0</v>
      </c>
      <c r="GW37" s="97">
        <v>7</v>
      </c>
      <c r="GX37" s="97">
        <v>8</v>
      </c>
      <c r="GY37" s="97">
        <v>3</v>
      </c>
      <c r="GZ37" s="97">
        <v>2</v>
      </c>
      <c r="HA37" s="97">
        <v>2</v>
      </c>
      <c r="HB37" s="99">
        <v>22</v>
      </c>
      <c r="HC37" s="100">
        <v>27</v>
      </c>
      <c r="HD37" s="101">
        <v>0</v>
      </c>
      <c r="HE37" s="102">
        <v>0</v>
      </c>
      <c r="HF37" s="103">
        <v>0</v>
      </c>
      <c r="HG37" s="413">
        <v>0</v>
      </c>
      <c r="HH37" s="102">
        <v>0</v>
      </c>
      <c r="HI37" s="102">
        <v>0</v>
      </c>
      <c r="HJ37" s="102">
        <v>0</v>
      </c>
      <c r="HK37" s="102">
        <v>0</v>
      </c>
      <c r="HL37" s="102">
        <v>0</v>
      </c>
      <c r="HM37" s="103">
        <v>0</v>
      </c>
      <c r="HN37" s="104">
        <v>0</v>
      </c>
      <c r="HO37" s="101">
        <v>0</v>
      </c>
      <c r="HP37" s="102">
        <v>0</v>
      </c>
      <c r="HQ37" s="103">
        <v>0</v>
      </c>
      <c r="HR37" s="413">
        <v>0</v>
      </c>
      <c r="HS37" s="102">
        <v>1</v>
      </c>
      <c r="HT37" s="102">
        <v>0</v>
      </c>
      <c r="HU37" s="102">
        <v>0</v>
      </c>
      <c r="HV37" s="102">
        <v>0</v>
      </c>
      <c r="HW37" s="102">
        <v>0</v>
      </c>
      <c r="HX37" s="103">
        <v>1</v>
      </c>
      <c r="HY37" s="104">
        <v>1</v>
      </c>
      <c r="HZ37" s="101">
        <v>0</v>
      </c>
      <c r="IA37" s="102">
        <v>0</v>
      </c>
      <c r="IB37" s="103">
        <v>0</v>
      </c>
      <c r="IC37" s="413">
        <v>0</v>
      </c>
      <c r="ID37" s="102">
        <v>0</v>
      </c>
      <c r="IE37" s="102">
        <v>0</v>
      </c>
      <c r="IF37" s="102">
        <v>0</v>
      </c>
      <c r="IG37" s="102">
        <v>0</v>
      </c>
      <c r="IH37" s="102">
        <v>0</v>
      </c>
      <c r="II37" s="103">
        <v>0</v>
      </c>
      <c r="IJ37" s="104">
        <v>0</v>
      </c>
      <c r="IK37" s="101">
        <v>1</v>
      </c>
      <c r="IL37" s="102">
        <v>1</v>
      </c>
      <c r="IM37" s="103">
        <v>2</v>
      </c>
      <c r="IN37" s="413">
        <v>0</v>
      </c>
      <c r="IO37" s="102">
        <v>0</v>
      </c>
      <c r="IP37" s="102">
        <v>5</v>
      </c>
      <c r="IQ37" s="102">
        <v>0</v>
      </c>
      <c r="IR37" s="102">
        <v>0</v>
      </c>
      <c r="IS37" s="102">
        <v>0</v>
      </c>
      <c r="IT37" s="103">
        <v>5</v>
      </c>
      <c r="IU37" s="104">
        <v>7</v>
      </c>
      <c r="IV37" s="101">
        <v>1</v>
      </c>
      <c r="IW37" s="102">
        <v>2</v>
      </c>
      <c r="IX37" s="103">
        <v>3</v>
      </c>
      <c r="IY37" s="413">
        <v>0</v>
      </c>
      <c r="IZ37" s="102">
        <v>4</v>
      </c>
      <c r="JA37" s="102">
        <v>0</v>
      </c>
      <c r="JB37" s="102">
        <v>3</v>
      </c>
      <c r="JC37" s="102">
        <v>0</v>
      </c>
      <c r="JD37" s="102">
        <v>0</v>
      </c>
      <c r="JE37" s="103">
        <v>7</v>
      </c>
      <c r="JF37" s="104">
        <v>10</v>
      </c>
      <c r="JG37" s="101">
        <v>0</v>
      </c>
      <c r="JH37" s="102">
        <v>0</v>
      </c>
      <c r="JI37" s="103">
        <v>0</v>
      </c>
      <c r="JJ37" s="413">
        <v>0</v>
      </c>
      <c r="JK37" s="102">
        <v>2</v>
      </c>
      <c r="JL37" s="102">
        <v>3</v>
      </c>
      <c r="JM37" s="102">
        <v>0</v>
      </c>
      <c r="JN37" s="102">
        <v>2</v>
      </c>
      <c r="JO37" s="102">
        <v>2</v>
      </c>
      <c r="JP37" s="103">
        <v>9</v>
      </c>
      <c r="JQ37" s="104">
        <v>9</v>
      </c>
      <c r="JR37" s="101">
        <v>0</v>
      </c>
      <c r="JS37" s="102">
        <v>0</v>
      </c>
      <c r="JT37" s="103">
        <v>0</v>
      </c>
      <c r="JU37" s="413">
        <v>0</v>
      </c>
      <c r="JV37" s="102">
        <v>0</v>
      </c>
      <c r="JW37" s="102">
        <v>0</v>
      </c>
      <c r="JX37" s="102">
        <v>0</v>
      </c>
      <c r="JY37" s="102">
        <v>0</v>
      </c>
      <c r="JZ37" s="102">
        <v>0</v>
      </c>
      <c r="KA37" s="103">
        <v>0</v>
      </c>
      <c r="KB37" s="104">
        <v>0</v>
      </c>
      <c r="KC37" s="101">
        <v>2</v>
      </c>
      <c r="KD37" s="102">
        <v>3</v>
      </c>
      <c r="KE37" s="103">
        <v>5</v>
      </c>
      <c r="KF37" s="413">
        <v>0</v>
      </c>
      <c r="KG37" s="102">
        <v>7</v>
      </c>
      <c r="KH37" s="102">
        <v>8</v>
      </c>
      <c r="KI37" s="102">
        <v>3</v>
      </c>
      <c r="KJ37" s="102">
        <v>2</v>
      </c>
      <c r="KK37" s="102">
        <v>2</v>
      </c>
      <c r="KL37" s="103">
        <v>22</v>
      </c>
      <c r="KM37" s="104">
        <v>27</v>
      </c>
    </row>
    <row r="38" spans="2:299" s="70" customFormat="1" ht="21" customHeight="1" x14ac:dyDescent="0.2">
      <c r="B38" s="106" t="s">
        <v>35</v>
      </c>
      <c r="C38" s="96">
        <v>8</v>
      </c>
      <c r="D38" s="97">
        <v>5</v>
      </c>
      <c r="E38" s="98">
        <v>13</v>
      </c>
      <c r="F38" s="413">
        <v>0</v>
      </c>
      <c r="G38" s="97">
        <v>22</v>
      </c>
      <c r="H38" s="97">
        <v>8</v>
      </c>
      <c r="I38" s="97">
        <v>5</v>
      </c>
      <c r="J38" s="97">
        <v>4</v>
      </c>
      <c r="K38" s="97">
        <v>5</v>
      </c>
      <c r="L38" s="99">
        <v>44</v>
      </c>
      <c r="M38" s="100">
        <v>57</v>
      </c>
      <c r="N38" s="101">
        <v>0</v>
      </c>
      <c r="O38" s="102">
        <v>0</v>
      </c>
      <c r="P38" s="103">
        <v>0</v>
      </c>
      <c r="Q38" s="413">
        <v>0</v>
      </c>
      <c r="R38" s="102">
        <v>2</v>
      </c>
      <c r="S38" s="102">
        <v>1</v>
      </c>
      <c r="T38" s="102">
        <v>0</v>
      </c>
      <c r="U38" s="102">
        <v>0</v>
      </c>
      <c r="V38" s="102">
        <v>0</v>
      </c>
      <c r="W38" s="103">
        <v>3</v>
      </c>
      <c r="X38" s="104">
        <v>3</v>
      </c>
      <c r="Y38" s="101">
        <v>0</v>
      </c>
      <c r="Z38" s="102">
        <v>0</v>
      </c>
      <c r="AA38" s="103">
        <v>0</v>
      </c>
      <c r="AB38" s="413">
        <v>0</v>
      </c>
      <c r="AC38" s="102">
        <v>0</v>
      </c>
      <c r="AD38" s="102">
        <v>1</v>
      </c>
      <c r="AE38" s="102">
        <v>0</v>
      </c>
      <c r="AF38" s="102">
        <v>0</v>
      </c>
      <c r="AG38" s="102">
        <v>0</v>
      </c>
      <c r="AH38" s="103">
        <v>1</v>
      </c>
      <c r="AI38" s="104">
        <v>1</v>
      </c>
      <c r="AJ38" s="101">
        <v>1</v>
      </c>
      <c r="AK38" s="102">
        <v>2</v>
      </c>
      <c r="AL38" s="103">
        <v>3</v>
      </c>
      <c r="AM38" s="413">
        <v>0</v>
      </c>
      <c r="AN38" s="102">
        <v>0</v>
      </c>
      <c r="AO38" s="102">
        <v>0</v>
      </c>
      <c r="AP38" s="102">
        <v>0</v>
      </c>
      <c r="AQ38" s="102">
        <v>0</v>
      </c>
      <c r="AR38" s="102">
        <v>1</v>
      </c>
      <c r="AS38" s="103">
        <v>1</v>
      </c>
      <c r="AT38" s="104">
        <v>4</v>
      </c>
      <c r="AU38" s="101">
        <v>2</v>
      </c>
      <c r="AV38" s="102">
        <v>2</v>
      </c>
      <c r="AW38" s="103">
        <v>4</v>
      </c>
      <c r="AX38" s="413">
        <v>0</v>
      </c>
      <c r="AY38" s="102">
        <v>7</v>
      </c>
      <c r="AZ38" s="102">
        <v>0</v>
      </c>
      <c r="BA38" s="102">
        <v>2</v>
      </c>
      <c r="BB38" s="102">
        <v>1</v>
      </c>
      <c r="BC38" s="102">
        <v>0</v>
      </c>
      <c r="BD38" s="103">
        <v>10</v>
      </c>
      <c r="BE38" s="104">
        <v>14</v>
      </c>
      <c r="BF38" s="101">
        <v>3</v>
      </c>
      <c r="BG38" s="102">
        <v>0</v>
      </c>
      <c r="BH38" s="103">
        <v>3</v>
      </c>
      <c r="BI38" s="413">
        <v>0</v>
      </c>
      <c r="BJ38" s="102">
        <v>5</v>
      </c>
      <c r="BK38" s="102">
        <v>0</v>
      </c>
      <c r="BL38" s="102">
        <v>1</v>
      </c>
      <c r="BM38" s="102">
        <v>0</v>
      </c>
      <c r="BN38" s="102">
        <v>0</v>
      </c>
      <c r="BO38" s="103">
        <v>6</v>
      </c>
      <c r="BP38" s="104">
        <v>9</v>
      </c>
      <c r="BQ38" s="101">
        <v>2</v>
      </c>
      <c r="BR38" s="102">
        <v>1</v>
      </c>
      <c r="BS38" s="103">
        <v>3</v>
      </c>
      <c r="BT38" s="413">
        <v>0</v>
      </c>
      <c r="BU38" s="102">
        <v>8</v>
      </c>
      <c r="BV38" s="102">
        <v>6</v>
      </c>
      <c r="BW38" s="102">
        <v>2</v>
      </c>
      <c r="BX38" s="102">
        <v>3</v>
      </c>
      <c r="BY38" s="102">
        <v>4</v>
      </c>
      <c r="BZ38" s="103">
        <v>23</v>
      </c>
      <c r="CA38" s="104">
        <v>26</v>
      </c>
      <c r="CB38" s="101">
        <v>0</v>
      </c>
      <c r="CC38" s="102">
        <v>0</v>
      </c>
      <c r="CD38" s="103">
        <v>0</v>
      </c>
      <c r="CE38" s="413">
        <v>0</v>
      </c>
      <c r="CF38" s="102">
        <v>0</v>
      </c>
      <c r="CG38" s="102">
        <v>0</v>
      </c>
      <c r="CH38" s="102">
        <v>0</v>
      </c>
      <c r="CI38" s="102">
        <v>0</v>
      </c>
      <c r="CJ38" s="102">
        <v>0</v>
      </c>
      <c r="CK38" s="103">
        <v>0</v>
      </c>
      <c r="CL38" s="104">
        <v>0</v>
      </c>
      <c r="CM38" s="101">
        <v>8</v>
      </c>
      <c r="CN38" s="102">
        <v>5</v>
      </c>
      <c r="CO38" s="103">
        <v>13</v>
      </c>
      <c r="CP38" s="413">
        <v>0</v>
      </c>
      <c r="CQ38" s="102">
        <v>22</v>
      </c>
      <c r="CR38" s="102">
        <v>8</v>
      </c>
      <c r="CS38" s="102">
        <v>5</v>
      </c>
      <c r="CT38" s="102">
        <v>4</v>
      </c>
      <c r="CU38" s="102">
        <v>5</v>
      </c>
      <c r="CV38" s="103">
        <v>44</v>
      </c>
      <c r="CW38" s="104">
        <v>57</v>
      </c>
      <c r="CX38" s="105">
        <v>2</v>
      </c>
      <c r="CY38" s="97">
        <v>0</v>
      </c>
      <c r="CZ38" s="98">
        <v>2</v>
      </c>
      <c r="DA38" s="413">
        <v>0</v>
      </c>
      <c r="DB38" s="97">
        <v>3</v>
      </c>
      <c r="DC38" s="97">
        <v>2</v>
      </c>
      <c r="DD38" s="97">
        <v>1</v>
      </c>
      <c r="DE38" s="97">
        <v>2</v>
      </c>
      <c r="DF38" s="97">
        <v>2</v>
      </c>
      <c r="DG38" s="99">
        <v>10</v>
      </c>
      <c r="DH38" s="100">
        <v>12</v>
      </c>
      <c r="DI38" s="101">
        <v>0</v>
      </c>
      <c r="DJ38" s="102">
        <v>0</v>
      </c>
      <c r="DK38" s="103">
        <v>0</v>
      </c>
      <c r="DL38" s="413">
        <v>0</v>
      </c>
      <c r="DM38" s="102">
        <v>0</v>
      </c>
      <c r="DN38" s="102">
        <v>0</v>
      </c>
      <c r="DO38" s="102">
        <v>0</v>
      </c>
      <c r="DP38" s="102">
        <v>0</v>
      </c>
      <c r="DQ38" s="102">
        <v>0</v>
      </c>
      <c r="DR38" s="103">
        <v>0</v>
      </c>
      <c r="DS38" s="104">
        <v>0</v>
      </c>
      <c r="DT38" s="101">
        <v>0</v>
      </c>
      <c r="DU38" s="102">
        <v>0</v>
      </c>
      <c r="DV38" s="103">
        <v>0</v>
      </c>
      <c r="DW38" s="413">
        <v>0</v>
      </c>
      <c r="DX38" s="102">
        <v>0</v>
      </c>
      <c r="DY38" s="102">
        <v>0</v>
      </c>
      <c r="DZ38" s="102">
        <v>0</v>
      </c>
      <c r="EA38" s="102">
        <v>0</v>
      </c>
      <c r="EB38" s="102">
        <v>1</v>
      </c>
      <c r="EC38" s="103">
        <v>1</v>
      </c>
      <c r="ED38" s="104">
        <v>1</v>
      </c>
      <c r="EE38" s="101">
        <v>0</v>
      </c>
      <c r="EF38" s="102">
        <v>0</v>
      </c>
      <c r="EG38" s="103">
        <v>0</v>
      </c>
      <c r="EH38" s="413">
        <v>0</v>
      </c>
      <c r="EI38" s="102">
        <v>0</v>
      </c>
      <c r="EJ38" s="102">
        <v>0</v>
      </c>
      <c r="EK38" s="102">
        <v>0</v>
      </c>
      <c r="EL38" s="102">
        <v>0</v>
      </c>
      <c r="EM38" s="102">
        <v>0</v>
      </c>
      <c r="EN38" s="103">
        <v>0</v>
      </c>
      <c r="EO38" s="104">
        <v>0</v>
      </c>
      <c r="EP38" s="101">
        <v>1</v>
      </c>
      <c r="EQ38" s="102">
        <v>0</v>
      </c>
      <c r="ER38" s="103">
        <v>1</v>
      </c>
      <c r="ES38" s="413">
        <v>0</v>
      </c>
      <c r="ET38" s="102">
        <v>1</v>
      </c>
      <c r="EU38" s="102">
        <v>0</v>
      </c>
      <c r="EV38" s="102">
        <v>0</v>
      </c>
      <c r="EW38" s="102">
        <v>0</v>
      </c>
      <c r="EX38" s="102">
        <v>0</v>
      </c>
      <c r="EY38" s="103">
        <v>1</v>
      </c>
      <c r="EZ38" s="104">
        <v>2</v>
      </c>
      <c r="FA38" s="101">
        <v>1</v>
      </c>
      <c r="FB38" s="102">
        <v>0</v>
      </c>
      <c r="FC38" s="103">
        <v>1</v>
      </c>
      <c r="FD38" s="413">
        <v>0</v>
      </c>
      <c r="FE38" s="102">
        <v>0</v>
      </c>
      <c r="FF38" s="102">
        <v>1</v>
      </c>
      <c r="FG38" s="102">
        <v>0</v>
      </c>
      <c r="FH38" s="102">
        <v>0</v>
      </c>
      <c r="FI38" s="102">
        <v>1</v>
      </c>
      <c r="FJ38" s="103">
        <v>2</v>
      </c>
      <c r="FK38" s="104">
        <v>3</v>
      </c>
      <c r="FL38" s="101">
        <v>0</v>
      </c>
      <c r="FM38" s="102">
        <v>0</v>
      </c>
      <c r="FN38" s="103">
        <v>0</v>
      </c>
      <c r="FO38" s="413">
        <v>0</v>
      </c>
      <c r="FP38" s="102">
        <v>2</v>
      </c>
      <c r="FQ38" s="102">
        <v>1</v>
      </c>
      <c r="FR38" s="102">
        <v>1</v>
      </c>
      <c r="FS38" s="102">
        <v>2</v>
      </c>
      <c r="FT38" s="102">
        <v>0</v>
      </c>
      <c r="FU38" s="103">
        <v>6</v>
      </c>
      <c r="FV38" s="104">
        <v>6</v>
      </c>
      <c r="FW38" s="101">
        <v>0</v>
      </c>
      <c r="FX38" s="102">
        <v>0</v>
      </c>
      <c r="FY38" s="103">
        <v>0</v>
      </c>
      <c r="FZ38" s="413">
        <v>0</v>
      </c>
      <c r="GA38" s="102">
        <v>0</v>
      </c>
      <c r="GB38" s="102">
        <v>0</v>
      </c>
      <c r="GC38" s="102">
        <v>0</v>
      </c>
      <c r="GD38" s="102">
        <v>0</v>
      </c>
      <c r="GE38" s="102">
        <v>0</v>
      </c>
      <c r="GF38" s="103">
        <v>0</v>
      </c>
      <c r="GG38" s="104">
        <v>0</v>
      </c>
      <c r="GH38" s="101">
        <v>2</v>
      </c>
      <c r="GI38" s="102">
        <v>0</v>
      </c>
      <c r="GJ38" s="103">
        <v>2</v>
      </c>
      <c r="GK38" s="413">
        <v>0</v>
      </c>
      <c r="GL38" s="102">
        <v>3</v>
      </c>
      <c r="GM38" s="102">
        <v>2</v>
      </c>
      <c r="GN38" s="102">
        <v>1</v>
      </c>
      <c r="GO38" s="102">
        <v>2</v>
      </c>
      <c r="GP38" s="102">
        <v>2</v>
      </c>
      <c r="GQ38" s="103">
        <v>10</v>
      </c>
      <c r="GR38" s="104">
        <v>12</v>
      </c>
      <c r="GS38" s="105">
        <v>10</v>
      </c>
      <c r="GT38" s="97">
        <v>5</v>
      </c>
      <c r="GU38" s="98">
        <v>15</v>
      </c>
      <c r="GV38" s="413">
        <v>0</v>
      </c>
      <c r="GW38" s="97">
        <v>25</v>
      </c>
      <c r="GX38" s="97">
        <v>10</v>
      </c>
      <c r="GY38" s="97">
        <v>6</v>
      </c>
      <c r="GZ38" s="97">
        <v>6</v>
      </c>
      <c r="HA38" s="97">
        <v>7</v>
      </c>
      <c r="HB38" s="99">
        <v>54</v>
      </c>
      <c r="HC38" s="100">
        <v>69</v>
      </c>
      <c r="HD38" s="101">
        <v>0</v>
      </c>
      <c r="HE38" s="102">
        <v>0</v>
      </c>
      <c r="HF38" s="103">
        <v>0</v>
      </c>
      <c r="HG38" s="413">
        <v>0</v>
      </c>
      <c r="HH38" s="102">
        <v>2</v>
      </c>
      <c r="HI38" s="102">
        <v>1</v>
      </c>
      <c r="HJ38" s="102">
        <v>0</v>
      </c>
      <c r="HK38" s="102">
        <v>0</v>
      </c>
      <c r="HL38" s="102">
        <v>0</v>
      </c>
      <c r="HM38" s="103">
        <v>3</v>
      </c>
      <c r="HN38" s="104">
        <v>3</v>
      </c>
      <c r="HO38" s="101">
        <v>0</v>
      </c>
      <c r="HP38" s="102">
        <v>0</v>
      </c>
      <c r="HQ38" s="103">
        <v>0</v>
      </c>
      <c r="HR38" s="413">
        <v>0</v>
      </c>
      <c r="HS38" s="102">
        <v>0</v>
      </c>
      <c r="HT38" s="102">
        <v>1</v>
      </c>
      <c r="HU38" s="102">
        <v>0</v>
      </c>
      <c r="HV38" s="102">
        <v>0</v>
      </c>
      <c r="HW38" s="102">
        <v>1</v>
      </c>
      <c r="HX38" s="103">
        <v>2</v>
      </c>
      <c r="HY38" s="104">
        <v>2</v>
      </c>
      <c r="HZ38" s="101">
        <v>1</v>
      </c>
      <c r="IA38" s="102">
        <v>2</v>
      </c>
      <c r="IB38" s="103">
        <v>3</v>
      </c>
      <c r="IC38" s="413">
        <v>0</v>
      </c>
      <c r="ID38" s="102">
        <v>0</v>
      </c>
      <c r="IE38" s="102">
        <v>0</v>
      </c>
      <c r="IF38" s="102">
        <v>0</v>
      </c>
      <c r="IG38" s="102">
        <v>0</v>
      </c>
      <c r="IH38" s="102">
        <v>1</v>
      </c>
      <c r="II38" s="103">
        <v>1</v>
      </c>
      <c r="IJ38" s="104">
        <v>4</v>
      </c>
      <c r="IK38" s="101">
        <v>3</v>
      </c>
      <c r="IL38" s="102">
        <v>2</v>
      </c>
      <c r="IM38" s="103">
        <v>5</v>
      </c>
      <c r="IN38" s="413">
        <v>0</v>
      </c>
      <c r="IO38" s="102">
        <v>8</v>
      </c>
      <c r="IP38" s="102">
        <v>0</v>
      </c>
      <c r="IQ38" s="102">
        <v>2</v>
      </c>
      <c r="IR38" s="102">
        <v>1</v>
      </c>
      <c r="IS38" s="102">
        <v>0</v>
      </c>
      <c r="IT38" s="103">
        <v>11</v>
      </c>
      <c r="IU38" s="104">
        <v>16</v>
      </c>
      <c r="IV38" s="101">
        <v>4</v>
      </c>
      <c r="IW38" s="102">
        <v>0</v>
      </c>
      <c r="IX38" s="103">
        <v>4</v>
      </c>
      <c r="IY38" s="413">
        <v>0</v>
      </c>
      <c r="IZ38" s="102">
        <v>5</v>
      </c>
      <c r="JA38" s="102">
        <v>1</v>
      </c>
      <c r="JB38" s="102">
        <v>1</v>
      </c>
      <c r="JC38" s="102">
        <v>0</v>
      </c>
      <c r="JD38" s="102">
        <v>1</v>
      </c>
      <c r="JE38" s="103">
        <v>8</v>
      </c>
      <c r="JF38" s="104">
        <v>12</v>
      </c>
      <c r="JG38" s="101">
        <v>2</v>
      </c>
      <c r="JH38" s="102">
        <v>1</v>
      </c>
      <c r="JI38" s="103">
        <v>3</v>
      </c>
      <c r="JJ38" s="413">
        <v>0</v>
      </c>
      <c r="JK38" s="102">
        <v>10</v>
      </c>
      <c r="JL38" s="102">
        <v>7</v>
      </c>
      <c r="JM38" s="102">
        <v>3</v>
      </c>
      <c r="JN38" s="102">
        <v>5</v>
      </c>
      <c r="JO38" s="102">
        <v>4</v>
      </c>
      <c r="JP38" s="103">
        <v>29</v>
      </c>
      <c r="JQ38" s="104">
        <v>32</v>
      </c>
      <c r="JR38" s="101">
        <v>0</v>
      </c>
      <c r="JS38" s="102">
        <v>0</v>
      </c>
      <c r="JT38" s="103">
        <v>0</v>
      </c>
      <c r="JU38" s="413">
        <v>0</v>
      </c>
      <c r="JV38" s="102">
        <v>0</v>
      </c>
      <c r="JW38" s="102">
        <v>0</v>
      </c>
      <c r="JX38" s="102">
        <v>0</v>
      </c>
      <c r="JY38" s="102">
        <v>0</v>
      </c>
      <c r="JZ38" s="102">
        <v>0</v>
      </c>
      <c r="KA38" s="103">
        <v>0</v>
      </c>
      <c r="KB38" s="104">
        <v>0</v>
      </c>
      <c r="KC38" s="101">
        <v>10</v>
      </c>
      <c r="KD38" s="102">
        <v>5</v>
      </c>
      <c r="KE38" s="103">
        <v>15</v>
      </c>
      <c r="KF38" s="413">
        <v>0</v>
      </c>
      <c r="KG38" s="102">
        <v>25</v>
      </c>
      <c r="KH38" s="102">
        <v>10</v>
      </c>
      <c r="KI38" s="102">
        <v>6</v>
      </c>
      <c r="KJ38" s="102">
        <v>6</v>
      </c>
      <c r="KK38" s="102">
        <v>7</v>
      </c>
      <c r="KL38" s="103">
        <v>54</v>
      </c>
      <c r="KM38" s="104">
        <v>69</v>
      </c>
    </row>
    <row r="39" spans="2:299" s="70" customFormat="1" ht="21" customHeight="1" x14ac:dyDescent="0.2">
      <c r="B39" s="106" t="s">
        <v>36</v>
      </c>
      <c r="C39" s="96">
        <v>5</v>
      </c>
      <c r="D39" s="97">
        <v>4</v>
      </c>
      <c r="E39" s="98">
        <v>9</v>
      </c>
      <c r="F39" s="413">
        <v>0</v>
      </c>
      <c r="G39" s="97">
        <v>14</v>
      </c>
      <c r="H39" s="97">
        <v>8</v>
      </c>
      <c r="I39" s="97">
        <v>7</v>
      </c>
      <c r="J39" s="97">
        <v>4</v>
      </c>
      <c r="K39" s="97">
        <v>4</v>
      </c>
      <c r="L39" s="99">
        <v>37</v>
      </c>
      <c r="M39" s="100">
        <v>46</v>
      </c>
      <c r="N39" s="101">
        <v>0</v>
      </c>
      <c r="O39" s="102">
        <v>0</v>
      </c>
      <c r="P39" s="103">
        <v>0</v>
      </c>
      <c r="Q39" s="413">
        <v>0</v>
      </c>
      <c r="R39" s="102">
        <v>1</v>
      </c>
      <c r="S39" s="102">
        <v>1</v>
      </c>
      <c r="T39" s="102">
        <v>0</v>
      </c>
      <c r="U39" s="102">
        <v>0</v>
      </c>
      <c r="V39" s="102">
        <v>1</v>
      </c>
      <c r="W39" s="103">
        <v>3</v>
      </c>
      <c r="X39" s="104">
        <v>3</v>
      </c>
      <c r="Y39" s="101">
        <v>1</v>
      </c>
      <c r="Z39" s="102">
        <v>0</v>
      </c>
      <c r="AA39" s="103">
        <v>1</v>
      </c>
      <c r="AB39" s="413">
        <v>0</v>
      </c>
      <c r="AC39" s="102">
        <v>2</v>
      </c>
      <c r="AD39" s="102">
        <v>1</v>
      </c>
      <c r="AE39" s="102">
        <v>0</v>
      </c>
      <c r="AF39" s="102">
        <v>0</v>
      </c>
      <c r="AG39" s="102">
        <v>0</v>
      </c>
      <c r="AH39" s="103">
        <v>3</v>
      </c>
      <c r="AI39" s="104">
        <v>4</v>
      </c>
      <c r="AJ39" s="101">
        <v>1</v>
      </c>
      <c r="AK39" s="102">
        <v>0</v>
      </c>
      <c r="AL39" s="103">
        <v>1</v>
      </c>
      <c r="AM39" s="413">
        <v>0</v>
      </c>
      <c r="AN39" s="102">
        <v>0</v>
      </c>
      <c r="AO39" s="102">
        <v>0</v>
      </c>
      <c r="AP39" s="102">
        <v>2</v>
      </c>
      <c r="AQ39" s="102">
        <v>1</v>
      </c>
      <c r="AR39" s="102">
        <v>1</v>
      </c>
      <c r="AS39" s="103">
        <v>4</v>
      </c>
      <c r="AT39" s="104">
        <v>5</v>
      </c>
      <c r="AU39" s="101">
        <v>0</v>
      </c>
      <c r="AV39" s="102">
        <v>1</v>
      </c>
      <c r="AW39" s="103">
        <v>1</v>
      </c>
      <c r="AX39" s="413">
        <v>0</v>
      </c>
      <c r="AY39" s="102">
        <v>2</v>
      </c>
      <c r="AZ39" s="102">
        <v>3</v>
      </c>
      <c r="BA39" s="102">
        <v>1</v>
      </c>
      <c r="BB39" s="102">
        <v>0</v>
      </c>
      <c r="BC39" s="102">
        <v>1</v>
      </c>
      <c r="BD39" s="103">
        <v>7</v>
      </c>
      <c r="BE39" s="104">
        <v>8</v>
      </c>
      <c r="BF39" s="101">
        <v>1</v>
      </c>
      <c r="BG39" s="102">
        <v>0</v>
      </c>
      <c r="BH39" s="103">
        <v>1</v>
      </c>
      <c r="BI39" s="413">
        <v>0</v>
      </c>
      <c r="BJ39" s="102">
        <v>5</v>
      </c>
      <c r="BK39" s="102">
        <v>2</v>
      </c>
      <c r="BL39" s="102">
        <v>1</v>
      </c>
      <c r="BM39" s="102">
        <v>2</v>
      </c>
      <c r="BN39" s="102">
        <v>1</v>
      </c>
      <c r="BO39" s="103">
        <v>11</v>
      </c>
      <c r="BP39" s="104">
        <v>12</v>
      </c>
      <c r="BQ39" s="101">
        <v>2</v>
      </c>
      <c r="BR39" s="102">
        <v>3</v>
      </c>
      <c r="BS39" s="103">
        <v>5</v>
      </c>
      <c r="BT39" s="413">
        <v>0</v>
      </c>
      <c r="BU39" s="102">
        <v>4</v>
      </c>
      <c r="BV39" s="102">
        <v>1</v>
      </c>
      <c r="BW39" s="102">
        <v>3</v>
      </c>
      <c r="BX39" s="102">
        <v>1</v>
      </c>
      <c r="BY39" s="102">
        <v>0</v>
      </c>
      <c r="BZ39" s="103">
        <v>9</v>
      </c>
      <c r="CA39" s="104">
        <v>14</v>
      </c>
      <c r="CB39" s="101">
        <v>0</v>
      </c>
      <c r="CC39" s="102">
        <v>0</v>
      </c>
      <c r="CD39" s="103">
        <v>0</v>
      </c>
      <c r="CE39" s="413">
        <v>0</v>
      </c>
      <c r="CF39" s="102">
        <v>0</v>
      </c>
      <c r="CG39" s="102">
        <v>0</v>
      </c>
      <c r="CH39" s="102">
        <v>0</v>
      </c>
      <c r="CI39" s="102">
        <v>0</v>
      </c>
      <c r="CJ39" s="102">
        <v>0</v>
      </c>
      <c r="CK39" s="103">
        <v>0</v>
      </c>
      <c r="CL39" s="104">
        <v>0</v>
      </c>
      <c r="CM39" s="101">
        <v>5</v>
      </c>
      <c r="CN39" s="102">
        <v>4</v>
      </c>
      <c r="CO39" s="103">
        <v>9</v>
      </c>
      <c r="CP39" s="413">
        <v>0</v>
      </c>
      <c r="CQ39" s="102">
        <v>14</v>
      </c>
      <c r="CR39" s="102">
        <v>8</v>
      </c>
      <c r="CS39" s="102">
        <v>7</v>
      </c>
      <c r="CT39" s="102">
        <v>4</v>
      </c>
      <c r="CU39" s="102">
        <v>4</v>
      </c>
      <c r="CV39" s="103">
        <v>37</v>
      </c>
      <c r="CW39" s="104">
        <v>46</v>
      </c>
      <c r="CX39" s="105">
        <v>2</v>
      </c>
      <c r="CY39" s="97">
        <v>3</v>
      </c>
      <c r="CZ39" s="98">
        <v>5</v>
      </c>
      <c r="DA39" s="413">
        <v>0</v>
      </c>
      <c r="DB39" s="97">
        <v>4</v>
      </c>
      <c r="DC39" s="97">
        <v>2</v>
      </c>
      <c r="DD39" s="97">
        <v>1</v>
      </c>
      <c r="DE39" s="97">
        <v>0</v>
      </c>
      <c r="DF39" s="97">
        <v>0</v>
      </c>
      <c r="DG39" s="99">
        <v>7</v>
      </c>
      <c r="DH39" s="100">
        <v>12</v>
      </c>
      <c r="DI39" s="101">
        <v>0</v>
      </c>
      <c r="DJ39" s="102">
        <v>0</v>
      </c>
      <c r="DK39" s="103">
        <v>0</v>
      </c>
      <c r="DL39" s="413">
        <v>0</v>
      </c>
      <c r="DM39" s="102">
        <v>1</v>
      </c>
      <c r="DN39" s="102">
        <v>0</v>
      </c>
      <c r="DO39" s="102">
        <v>0</v>
      </c>
      <c r="DP39" s="102">
        <v>0</v>
      </c>
      <c r="DQ39" s="102">
        <v>0</v>
      </c>
      <c r="DR39" s="103">
        <v>1</v>
      </c>
      <c r="DS39" s="104">
        <v>1</v>
      </c>
      <c r="DT39" s="101">
        <v>0</v>
      </c>
      <c r="DU39" s="102">
        <v>0</v>
      </c>
      <c r="DV39" s="103">
        <v>0</v>
      </c>
      <c r="DW39" s="413">
        <v>0</v>
      </c>
      <c r="DX39" s="102">
        <v>0</v>
      </c>
      <c r="DY39" s="102">
        <v>0</v>
      </c>
      <c r="DZ39" s="102">
        <v>0</v>
      </c>
      <c r="EA39" s="102">
        <v>0</v>
      </c>
      <c r="EB39" s="102">
        <v>0</v>
      </c>
      <c r="EC39" s="103">
        <v>0</v>
      </c>
      <c r="ED39" s="104">
        <v>0</v>
      </c>
      <c r="EE39" s="101">
        <v>1</v>
      </c>
      <c r="EF39" s="102">
        <v>0</v>
      </c>
      <c r="EG39" s="103">
        <v>1</v>
      </c>
      <c r="EH39" s="413">
        <v>0</v>
      </c>
      <c r="EI39" s="102">
        <v>0</v>
      </c>
      <c r="EJ39" s="102">
        <v>0</v>
      </c>
      <c r="EK39" s="102">
        <v>0</v>
      </c>
      <c r="EL39" s="102">
        <v>0</v>
      </c>
      <c r="EM39" s="102">
        <v>0</v>
      </c>
      <c r="EN39" s="103">
        <v>0</v>
      </c>
      <c r="EO39" s="104">
        <v>1</v>
      </c>
      <c r="EP39" s="101">
        <v>0</v>
      </c>
      <c r="EQ39" s="102">
        <v>0</v>
      </c>
      <c r="ER39" s="103">
        <v>0</v>
      </c>
      <c r="ES39" s="413">
        <v>0</v>
      </c>
      <c r="ET39" s="102">
        <v>1</v>
      </c>
      <c r="EU39" s="102">
        <v>0</v>
      </c>
      <c r="EV39" s="102">
        <v>0</v>
      </c>
      <c r="EW39" s="102">
        <v>0</v>
      </c>
      <c r="EX39" s="102">
        <v>0</v>
      </c>
      <c r="EY39" s="103">
        <v>1</v>
      </c>
      <c r="EZ39" s="104">
        <v>1</v>
      </c>
      <c r="FA39" s="101">
        <v>0</v>
      </c>
      <c r="FB39" s="102">
        <v>2</v>
      </c>
      <c r="FC39" s="103">
        <v>2</v>
      </c>
      <c r="FD39" s="413">
        <v>0</v>
      </c>
      <c r="FE39" s="102">
        <v>0</v>
      </c>
      <c r="FF39" s="102">
        <v>2</v>
      </c>
      <c r="FG39" s="102">
        <v>0</v>
      </c>
      <c r="FH39" s="102">
        <v>0</v>
      </c>
      <c r="FI39" s="102">
        <v>0</v>
      </c>
      <c r="FJ39" s="103">
        <v>2</v>
      </c>
      <c r="FK39" s="104">
        <v>4</v>
      </c>
      <c r="FL39" s="101">
        <v>1</v>
      </c>
      <c r="FM39" s="102">
        <v>1</v>
      </c>
      <c r="FN39" s="103">
        <v>2</v>
      </c>
      <c r="FO39" s="413">
        <v>0</v>
      </c>
      <c r="FP39" s="102">
        <v>2</v>
      </c>
      <c r="FQ39" s="102">
        <v>0</v>
      </c>
      <c r="FR39" s="102">
        <v>1</v>
      </c>
      <c r="FS39" s="102">
        <v>0</v>
      </c>
      <c r="FT39" s="102">
        <v>0</v>
      </c>
      <c r="FU39" s="103">
        <v>3</v>
      </c>
      <c r="FV39" s="104">
        <v>5</v>
      </c>
      <c r="FW39" s="101">
        <v>0</v>
      </c>
      <c r="FX39" s="102">
        <v>0</v>
      </c>
      <c r="FY39" s="103">
        <v>0</v>
      </c>
      <c r="FZ39" s="413">
        <v>0</v>
      </c>
      <c r="GA39" s="102">
        <v>0</v>
      </c>
      <c r="GB39" s="102">
        <v>0</v>
      </c>
      <c r="GC39" s="102">
        <v>0</v>
      </c>
      <c r="GD39" s="102">
        <v>0</v>
      </c>
      <c r="GE39" s="102">
        <v>0</v>
      </c>
      <c r="GF39" s="103">
        <v>0</v>
      </c>
      <c r="GG39" s="104">
        <v>0</v>
      </c>
      <c r="GH39" s="101">
        <v>2</v>
      </c>
      <c r="GI39" s="102">
        <v>3</v>
      </c>
      <c r="GJ39" s="103">
        <v>5</v>
      </c>
      <c r="GK39" s="413">
        <v>0</v>
      </c>
      <c r="GL39" s="102">
        <v>4</v>
      </c>
      <c r="GM39" s="102">
        <v>2</v>
      </c>
      <c r="GN39" s="102">
        <v>1</v>
      </c>
      <c r="GO39" s="102">
        <v>0</v>
      </c>
      <c r="GP39" s="102">
        <v>0</v>
      </c>
      <c r="GQ39" s="103">
        <v>7</v>
      </c>
      <c r="GR39" s="104">
        <v>12</v>
      </c>
      <c r="GS39" s="105">
        <v>7</v>
      </c>
      <c r="GT39" s="97">
        <v>7</v>
      </c>
      <c r="GU39" s="98">
        <v>14</v>
      </c>
      <c r="GV39" s="413">
        <v>0</v>
      </c>
      <c r="GW39" s="97">
        <v>18</v>
      </c>
      <c r="GX39" s="97">
        <v>10</v>
      </c>
      <c r="GY39" s="97">
        <v>8</v>
      </c>
      <c r="GZ39" s="97">
        <v>4</v>
      </c>
      <c r="HA39" s="97">
        <v>4</v>
      </c>
      <c r="HB39" s="99">
        <v>44</v>
      </c>
      <c r="HC39" s="100">
        <v>58</v>
      </c>
      <c r="HD39" s="101">
        <v>0</v>
      </c>
      <c r="HE39" s="102">
        <v>0</v>
      </c>
      <c r="HF39" s="103">
        <v>0</v>
      </c>
      <c r="HG39" s="413">
        <v>0</v>
      </c>
      <c r="HH39" s="102">
        <v>2</v>
      </c>
      <c r="HI39" s="102">
        <v>1</v>
      </c>
      <c r="HJ39" s="102">
        <v>0</v>
      </c>
      <c r="HK39" s="102">
        <v>0</v>
      </c>
      <c r="HL39" s="102">
        <v>1</v>
      </c>
      <c r="HM39" s="103">
        <v>4</v>
      </c>
      <c r="HN39" s="104">
        <v>4</v>
      </c>
      <c r="HO39" s="101">
        <v>1</v>
      </c>
      <c r="HP39" s="102">
        <v>0</v>
      </c>
      <c r="HQ39" s="103">
        <v>1</v>
      </c>
      <c r="HR39" s="413">
        <v>0</v>
      </c>
      <c r="HS39" s="102">
        <v>2</v>
      </c>
      <c r="HT39" s="102">
        <v>1</v>
      </c>
      <c r="HU39" s="102">
        <v>0</v>
      </c>
      <c r="HV39" s="102">
        <v>0</v>
      </c>
      <c r="HW39" s="102">
        <v>0</v>
      </c>
      <c r="HX39" s="103">
        <v>3</v>
      </c>
      <c r="HY39" s="104">
        <v>4</v>
      </c>
      <c r="HZ39" s="101">
        <v>2</v>
      </c>
      <c r="IA39" s="102">
        <v>0</v>
      </c>
      <c r="IB39" s="103">
        <v>2</v>
      </c>
      <c r="IC39" s="413">
        <v>0</v>
      </c>
      <c r="ID39" s="102">
        <v>0</v>
      </c>
      <c r="IE39" s="102">
        <v>0</v>
      </c>
      <c r="IF39" s="102">
        <v>2</v>
      </c>
      <c r="IG39" s="102">
        <v>1</v>
      </c>
      <c r="IH39" s="102">
        <v>1</v>
      </c>
      <c r="II39" s="103">
        <v>4</v>
      </c>
      <c r="IJ39" s="104">
        <v>6</v>
      </c>
      <c r="IK39" s="101">
        <v>0</v>
      </c>
      <c r="IL39" s="102">
        <v>1</v>
      </c>
      <c r="IM39" s="103">
        <v>1</v>
      </c>
      <c r="IN39" s="413">
        <v>0</v>
      </c>
      <c r="IO39" s="102">
        <v>3</v>
      </c>
      <c r="IP39" s="102">
        <v>3</v>
      </c>
      <c r="IQ39" s="102">
        <v>1</v>
      </c>
      <c r="IR39" s="102">
        <v>0</v>
      </c>
      <c r="IS39" s="102">
        <v>1</v>
      </c>
      <c r="IT39" s="103">
        <v>8</v>
      </c>
      <c r="IU39" s="104">
        <v>9</v>
      </c>
      <c r="IV39" s="101">
        <v>1</v>
      </c>
      <c r="IW39" s="102">
        <v>2</v>
      </c>
      <c r="IX39" s="103">
        <v>3</v>
      </c>
      <c r="IY39" s="413">
        <v>0</v>
      </c>
      <c r="IZ39" s="102">
        <v>5</v>
      </c>
      <c r="JA39" s="102">
        <v>4</v>
      </c>
      <c r="JB39" s="102">
        <v>1</v>
      </c>
      <c r="JC39" s="102">
        <v>2</v>
      </c>
      <c r="JD39" s="102">
        <v>1</v>
      </c>
      <c r="JE39" s="103">
        <v>13</v>
      </c>
      <c r="JF39" s="104">
        <v>16</v>
      </c>
      <c r="JG39" s="101">
        <v>3</v>
      </c>
      <c r="JH39" s="102">
        <v>4</v>
      </c>
      <c r="JI39" s="103">
        <v>7</v>
      </c>
      <c r="JJ39" s="413">
        <v>0</v>
      </c>
      <c r="JK39" s="102">
        <v>6</v>
      </c>
      <c r="JL39" s="102">
        <v>1</v>
      </c>
      <c r="JM39" s="102">
        <v>4</v>
      </c>
      <c r="JN39" s="102">
        <v>1</v>
      </c>
      <c r="JO39" s="102">
        <v>0</v>
      </c>
      <c r="JP39" s="103">
        <v>12</v>
      </c>
      <c r="JQ39" s="104">
        <v>19</v>
      </c>
      <c r="JR39" s="101">
        <v>0</v>
      </c>
      <c r="JS39" s="102">
        <v>0</v>
      </c>
      <c r="JT39" s="103">
        <v>0</v>
      </c>
      <c r="JU39" s="413">
        <v>0</v>
      </c>
      <c r="JV39" s="102">
        <v>0</v>
      </c>
      <c r="JW39" s="102">
        <v>0</v>
      </c>
      <c r="JX39" s="102">
        <v>0</v>
      </c>
      <c r="JY39" s="102">
        <v>0</v>
      </c>
      <c r="JZ39" s="102">
        <v>0</v>
      </c>
      <c r="KA39" s="103">
        <v>0</v>
      </c>
      <c r="KB39" s="104">
        <v>0</v>
      </c>
      <c r="KC39" s="101">
        <v>7</v>
      </c>
      <c r="KD39" s="102">
        <v>7</v>
      </c>
      <c r="KE39" s="103">
        <v>14</v>
      </c>
      <c r="KF39" s="413">
        <v>0</v>
      </c>
      <c r="KG39" s="102">
        <v>18</v>
      </c>
      <c r="KH39" s="102">
        <v>10</v>
      </c>
      <c r="KI39" s="102">
        <v>8</v>
      </c>
      <c r="KJ39" s="102">
        <v>4</v>
      </c>
      <c r="KK39" s="102">
        <v>4</v>
      </c>
      <c r="KL39" s="103">
        <v>44</v>
      </c>
      <c r="KM39" s="104">
        <v>58</v>
      </c>
    </row>
    <row r="40" spans="2:299" s="70" customFormat="1" ht="21" customHeight="1" thickBot="1" x14ac:dyDescent="0.25">
      <c r="B40" s="108" t="s">
        <v>37</v>
      </c>
      <c r="C40" s="109">
        <v>0</v>
      </c>
      <c r="D40" s="110">
        <v>0</v>
      </c>
      <c r="E40" s="111">
        <v>0</v>
      </c>
      <c r="F40" s="414">
        <v>0</v>
      </c>
      <c r="G40" s="110">
        <v>1</v>
      </c>
      <c r="H40" s="110">
        <v>3</v>
      </c>
      <c r="I40" s="110">
        <v>1</v>
      </c>
      <c r="J40" s="110">
        <v>0</v>
      </c>
      <c r="K40" s="110">
        <v>0</v>
      </c>
      <c r="L40" s="112">
        <v>5</v>
      </c>
      <c r="M40" s="113">
        <v>5</v>
      </c>
      <c r="N40" s="114">
        <v>0</v>
      </c>
      <c r="O40" s="115">
        <v>0</v>
      </c>
      <c r="P40" s="116">
        <v>0</v>
      </c>
      <c r="Q40" s="414">
        <v>0</v>
      </c>
      <c r="R40" s="115">
        <v>0</v>
      </c>
      <c r="S40" s="115">
        <v>0</v>
      </c>
      <c r="T40" s="115">
        <v>0</v>
      </c>
      <c r="U40" s="115">
        <v>0</v>
      </c>
      <c r="V40" s="115">
        <v>0</v>
      </c>
      <c r="W40" s="116">
        <v>0</v>
      </c>
      <c r="X40" s="117">
        <v>0</v>
      </c>
      <c r="Y40" s="114">
        <v>0</v>
      </c>
      <c r="Z40" s="115">
        <v>0</v>
      </c>
      <c r="AA40" s="116">
        <v>0</v>
      </c>
      <c r="AB40" s="414">
        <v>0</v>
      </c>
      <c r="AC40" s="115">
        <v>0</v>
      </c>
      <c r="AD40" s="115">
        <v>0</v>
      </c>
      <c r="AE40" s="115">
        <v>1</v>
      </c>
      <c r="AF40" s="115">
        <v>0</v>
      </c>
      <c r="AG40" s="115">
        <v>0</v>
      </c>
      <c r="AH40" s="116">
        <v>1</v>
      </c>
      <c r="AI40" s="117">
        <v>1</v>
      </c>
      <c r="AJ40" s="114">
        <v>0</v>
      </c>
      <c r="AK40" s="115">
        <v>0</v>
      </c>
      <c r="AL40" s="116">
        <v>0</v>
      </c>
      <c r="AM40" s="414">
        <v>0</v>
      </c>
      <c r="AN40" s="115">
        <v>1</v>
      </c>
      <c r="AO40" s="115">
        <v>2</v>
      </c>
      <c r="AP40" s="115">
        <v>0</v>
      </c>
      <c r="AQ40" s="115">
        <v>0</v>
      </c>
      <c r="AR40" s="115">
        <v>0</v>
      </c>
      <c r="AS40" s="116">
        <v>3</v>
      </c>
      <c r="AT40" s="117">
        <v>3</v>
      </c>
      <c r="AU40" s="114">
        <v>0</v>
      </c>
      <c r="AV40" s="115">
        <v>0</v>
      </c>
      <c r="AW40" s="116">
        <v>0</v>
      </c>
      <c r="AX40" s="414">
        <v>0</v>
      </c>
      <c r="AY40" s="115">
        <v>0</v>
      </c>
      <c r="AZ40" s="115">
        <v>0</v>
      </c>
      <c r="BA40" s="115">
        <v>0</v>
      </c>
      <c r="BB40" s="115">
        <v>0</v>
      </c>
      <c r="BC40" s="115">
        <v>0</v>
      </c>
      <c r="BD40" s="116">
        <v>0</v>
      </c>
      <c r="BE40" s="117">
        <v>0</v>
      </c>
      <c r="BF40" s="114">
        <v>0</v>
      </c>
      <c r="BG40" s="115">
        <v>0</v>
      </c>
      <c r="BH40" s="116">
        <v>0</v>
      </c>
      <c r="BI40" s="414">
        <v>0</v>
      </c>
      <c r="BJ40" s="115">
        <v>0</v>
      </c>
      <c r="BK40" s="115">
        <v>0</v>
      </c>
      <c r="BL40" s="115">
        <v>0</v>
      </c>
      <c r="BM40" s="115">
        <v>0</v>
      </c>
      <c r="BN40" s="115">
        <v>0</v>
      </c>
      <c r="BO40" s="116">
        <v>0</v>
      </c>
      <c r="BP40" s="117">
        <v>0</v>
      </c>
      <c r="BQ40" s="114">
        <v>0</v>
      </c>
      <c r="BR40" s="115">
        <v>0</v>
      </c>
      <c r="BS40" s="116">
        <v>0</v>
      </c>
      <c r="BT40" s="414">
        <v>0</v>
      </c>
      <c r="BU40" s="115">
        <v>0</v>
      </c>
      <c r="BV40" s="115">
        <v>1</v>
      </c>
      <c r="BW40" s="115">
        <v>0</v>
      </c>
      <c r="BX40" s="115">
        <v>0</v>
      </c>
      <c r="BY40" s="115">
        <v>0</v>
      </c>
      <c r="BZ40" s="116">
        <v>1</v>
      </c>
      <c r="CA40" s="117">
        <v>1</v>
      </c>
      <c r="CB40" s="114">
        <v>0</v>
      </c>
      <c r="CC40" s="115">
        <v>0</v>
      </c>
      <c r="CD40" s="116">
        <v>0</v>
      </c>
      <c r="CE40" s="414">
        <v>0</v>
      </c>
      <c r="CF40" s="115">
        <v>0</v>
      </c>
      <c r="CG40" s="115">
        <v>0</v>
      </c>
      <c r="CH40" s="115">
        <v>0</v>
      </c>
      <c r="CI40" s="115">
        <v>0</v>
      </c>
      <c r="CJ40" s="115">
        <v>0</v>
      </c>
      <c r="CK40" s="116">
        <v>0</v>
      </c>
      <c r="CL40" s="117">
        <v>0</v>
      </c>
      <c r="CM40" s="114">
        <v>0</v>
      </c>
      <c r="CN40" s="115">
        <v>0</v>
      </c>
      <c r="CO40" s="116">
        <v>0</v>
      </c>
      <c r="CP40" s="414">
        <v>0</v>
      </c>
      <c r="CQ40" s="115">
        <v>1</v>
      </c>
      <c r="CR40" s="115">
        <v>3</v>
      </c>
      <c r="CS40" s="115">
        <v>1</v>
      </c>
      <c r="CT40" s="115">
        <v>0</v>
      </c>
      <c r="CU40" s="115">
        <v>0</v>
      </c>
      <c r="CV40" s="116">
        <v>5</v>
      </c>
      <c r="CW40" s="117">
        <v>5</v>
      </c>
      <c r="CX40" s="118">
        <v>0</v>
      </c>
      <c r="CY40" s="110">
        <v>0</v>
      </c>
      <c r="CZ40" s="111">
        <v>0</v>
      </c>
      <c r="DA40" s="414">
        <v>0</v>
      </c>
      <c r="DB40" s="110">
        <v>0</v>
      </c>
      <c r="DC40" s="110">
        <v>0</v>
      </c>
      <c r="DD40" s="110">
        <v>0</v>
      </c>
      <c r="DE40" s="110">
        <v>0</v>
      </c>
      <c r="DF40" s="110">
        <v>0</v>
      </c>
      <c r="DG40" s="112">
        <v>0</v>
      </c>
      <c r="DH40" s="113">
        <v>0</v>
      </c>
      <c r="DI40" s="114">
        <v>0</v>
      </c>
      <c r="DJ40" s="115">
        <v>0</v>
      </c>
      <c r="DK40" s="116">
        <v>0</v>
      </c>
      <c r="DL40" s="414">
        <v>0</v>
      </c>
      <c r="DM40" s="115">
        <v>0</v>
      </c>
      <c r="DN40" s="115">
        <v>0</v>
      </c>
      <c r="DO40" s="115">
        <v>0</v>
      </c>
      <c r="DP40" s="115">
        <v>0</v>
      </c>
      <c r="DQ40" s="115">
        <v>0</v>
      </c>
      <c r="DR40" s="116">
        <v>0</v>
      </c>
      <c r="DS40" s="117">
        <v>0</v>
      </c>
      <c r="DT40" s="114">
        <v>0</v>
      </c>
      <c r="DU40" s="115">
        <v>0</v>
      </c>
      <c r="DV40" s="116">
        <v>0</v>
      </c>
      <c r="DW40" s="414">
        <v>0</v>
      </c>
      <c r="DX40" s="115">
        <v>0</v>
      </c>
      <c r="DY40" s="115">
        <v>0</v>
      </c>
      <c r="DZ40" s="115">
        <v>0</v>
      </c>
      <c r="EA40" s="115">
        <v>0</v>
      </c>
      <c r="EB40" s="115">
        <v>0</v>
      </c>
      <c r="EC40" s="116">
        <v>0</v>
      </c>
      <c r="ED40" s="117">
        <v>0</v>
      </c>
      <c r="EE40" s="114">
        <v>0</v>
      </c>
      <c r="EF40" s="115">
        <v>0</v>
      </c>
      <c r="EG40" s="116">
        <v>0</v>
      </c>
      <c r="EH40" s="414">
        <v>0</v>
      </c>
      <c r="EI40" s="115">
        <v>0</v>
      </c>
      <c r="EJ40" s="115">
        <v>0</v>
      </c>
      <c r="EK40" s="115">
        <v>0</v>
      </c>
      <c r="EL40" s="115">
        <v>0</v>
      </c>
      <c r="EM40" s="115">
        <v>0</v>
      </c>
      <c r="EN40" s="116">
        <v>0</v>
      </c>
      <c r="EO40" s="117">
        <v>0</v>
      </c>
      <c r="EP40" s="114">
        <v>0</v>
      </c>
      <c r="EQ40" s="115">
        <v>0</v>
      </c>
      <c r="ER40" s="116">
        <v>0</v>
      </c>
      <c r="ES40" s="414">
        <v>0</v>
      </c>
      <c r="ET40" s="115">
        <v>0</v>
      </c>
      <c r="EU40" s="115">
        <v>0</v>
      </c>
      <c r="EV40" s="115">
        <v>0</v>
      </c>
      <c r="EW40" s="115">
        <v>0</v>
      </c>
      <c r="EX40" s="115">
        <v>0</v>
      </c>
      <c r="EY40" s="116">
        <v>0</v>
      </c>
      <c r="EZ40" s="117">
        <v>0</v>
      </c>
      <c r="FA40" s="114">
        <v>0</v>
      </c>
      <c r="FB40" s="115">
        <v>0</v>
      </c>
      <c r="FC40" s="116">
        <v>0</v>
      </c>
      <c r="FD40" s="414">
        <v>0</v>
      </c>
      <c r="FE40" s="115">
        <v>0</v>
      </c>
      <c r="FF40" s="115">
        <v>0</v>
      </c>
      <c r="FG40" s="115">
        <v>0</v>
      </c>
      <c r="FH40" s="115">
        <v>0</v>
      </c>
      <c r="FI40" s="115">
        <v>0</v>
      </c>
      <c r="FJ40" s="116">
        <v>0</v>
      </c>
      <c r="FK40" s="117">
        <v>0</v>
      </c>
      <c r="FL40" s="114">
        <v>0</v>
      </c>
      <c r="FM40" s="115">
        <v>0</v>
      </c>
      <c r="FN40" s="116">
        <v>0</v>
      </c>
      <c r="FO40" s="414">
        <v>0</v>
      </c>
      <c r="FP40" s="115">
        <v>0</v>
      </c>
      <c r="FQ40" s="115">
        <v>0</v>
      </c>
      <c r="FR40" s="115">
        <v>0</v>
      </c>
      <c r="FS40" s="115">
        <v>0</v>
      </c>
      <c r="FT40" s="115">
        <v>0</v>
      </c>
      <c r="FU40" s="116">
        <v>0</v>
      </c>
      <c r="FV40" s="117">
        <v>0</v>
      </c>
      <c r="FW40" s="114">
        <v>0</v>
      </c>
      <c r="FX40" s="115">
        <v>0</v>
      </c>
      <c r="FY40" s="116">
        <v>0</v>
      </c>
      <c r="FZ40" s="414">
        <v>0</v>
      </c>
      <c r="GA40" s="115">
        <v>0</v>
      </c>
      <c r="GB40" s="115">
        <v>0</v>
      </c>
      <c r="GC40" s="115">
        <v>0</v>
      </c>
      <c r="GD40" s="115">
        <v>0</v>
      </c>
      <c r="GE40" s="115">
        <v>0</v>
      </c>
      <c r="GF40" s="116">
        <v>0</v>
      </c>
      <c r="GG40" s="117">
        <v>0</v>
      </c>
      <c r="GH40" s="114">
        <v>0</v>
      </c>
      <c r="GI40" s="115">
        <v>0</v>
      </c>
      <c r="GJ40" s="116">
        <v>0</v>
      </c>
      <c r="GK40" s="414">
        <v>0</v>
      </c>
      <c r="GL40" s="115">
        <v>0</v>
      </c>
      <c r="GM40" s="115">
        <v>0</v>
      </c>
      <c r="GN40" s="115">
        <v>0</v>
      </c>
      <c r="GO40" s="115">
        <v>0</v>
      </c>
      <c r="GP40" s="115">
        <v>0</v>
      </c>
      <c r="GQ40" s="116">
        <v>0</v>
      </c>
      <c r="GR40" s="117">
        <v>0</v>
      </c>
      <c r="GS40" s="118">
        <v>0</v>
      </c>
      <c r="GT40" s="110">
        <v>0</v>
      </c>
      <c r="GU40" s="111">
        <v>0</v>
      </c>
      <c r="GV40" s="414">
        <v>0</v>
      </c>
      <c r="GW40" s="110">
        <v>1</v>
      </c>
      <c r="GX40" s="110">
        <v>3</v>
      </c>
      <c r="GY40" s="110">
        <v>1</v>
      </c>
      <c r="GZ40" s="110">
        <v>0</v>
      </c>
      <c r="HA40" s="110">
        <v>0</v>
      </c>
      <c r="HB40" s="112">
        <v>5</v>
      </c>
      <c r="HC40" s="113">
        <v>5</v>
      </c>
      <c r="HD40" s="114">
        <v>0</v>
      </c>
      <c r="HE40" s="115">
        <v>0</v>
      </c>
      <c r="HF40" s="116">
        <v>0</v>
      </c>
      <c r="HG40" s="414">
        <v>0</v>
      </c>
      <c r="HH40" s="115">
        <v>0</v>
      </c>
      <c r="HI40" s="115">
        <v>0</v>
      </c>
      <c r="HJ40" s="115">
        <v>0</v>
      </c>
      <c r="HK40" s="115">
        <v>0</v>
      </c>
      <c r="HL40" s="115">
        <v>0</v>
      </c>
      <c r="HM40" s="116">
        <v>0</v>
      </c>
      <c r="HN40" s="117">
        <v>0</v>
      </c>
      <c r="HO40" s="114">
        <v>0</v>
      </c>
      <c r="HP40" s="115">
        <v>0</v>
      </c>
      <c r="HQ40" s="116">
        <v>0</v>
      </c>
      <c r="HR40" s="414">
        <v>0</v>
      </c>
      <c r="HS40" s="115">
        <v>0</v>
      </c>
      <c r="HT40" s="115">
        <v>0</v>
      </c>
      <c r="HU40" s="115">
        <v>1</v>
      </c>
      <c r="HV40" s="115">
        <v>0</v>
      </c>
      <c r="HW40" s="115">
        <v>0</v>
      </c>
      <c r="HX40" s="116">
        <v>1</v>
      </c>
      <c r="HY40" s="117">
        <v>1</v>
      </c>
      <c r="HZ40" s="114">
        <v>0</v>
      </c>
      <c r="IA40" s="115">
        <v>0</v>
      </c>
      <c r="IB40" s="116">
        <v>0</v>
      </c>
      <c r="IC40" s="414">
        <v>0</v>
      </c>
      <c r="ID40" s="115">
        <v>1</v>
      </c>
      <c r="IE40" s="115">
        <v>2</v>
      </c>
      <c r="IF40" s="115">
        <v>0</v>
      </c>
      <c r="IG40" s="115">
        <v>0</v>
      </c>
      <c r="IH40" s="115">
        <v>0</v>
      </c>
      <c r="II40" s="116">
        <v>3</v>
      </c>
      <c r="IJ40" s="117">
        <v>3</v>
      </c>
      <c r="IK40" s="114">
        <v>0</v>
      </c>
      <c r="IL40" s="115">
        <v>0</v>
      </c>
      <c r="IM40" s="116">
        <v>0</v>
      </c>
      <c r="IN40" s="414">
        <v>0</v>
      </c>
      <c r="IO40" s="115">
        <v>0</v>
      </c>
      <c r="IP40" s="115">
        <v>0</v>
      </c>
      <c r="IQ40" s="115">
        <v>0</v>
      </c>
      <c r="IR40" s="115">
        <v>0</v>
      </c>
      <c r="IS40" s="115">
        <v>0</v>
      </c>
      <c r="IT40" s="116">
        <v>0</v>
      </c>
      <c r="IU40" s="117">
        <v>0</v>
      </c>
      <c r="IV40" s="114">
        <v>0</v>
      </c>
      <c r="IW40" s="115">
        <v>0</v>
      </c>
      <c r="IX40" s="116">
        <v>0</v>
      </c>
      <c r="IY40" s="414">
        <v>0</v>
      </c>
      <c r="IZ40" s="115">
        <v>0</v>
      </c>
      <c r="JA40" s="115">
        <v>0</v>
      </c>
      <c r="JB40" s="115">
        <v>0</v>
      </c>
      <c r="JC40" s="115">
        <v>0</v>
      </c>
      <c r="JD40" s="115">
        <v>0</v>
      </c>
      <c r="JE40" s="116">
        <v>0</v>
      </c>
      <c r="JF40" s="117">
        <v>0</v>
      </c>
      <c r="JG40" s="114">
        <v>0</v>
      </c>
      <c r="JH40" s="115">
        <v>0</v>
      </c>
      <c r="JI40" s="116">
        <v>0</v>
      </c>
      <c r="JJ40" s="414">
        <v>0</v>
      </c>
      <c r="JK40" s="115">
        <v>0</v>
      </c>
      <c r="JL40" s="115">
        <v>1</v>
      </c>
      <c r="JM40" s="115">
        <v>0</v>
      </c>
      <c r="JN40" s="115">
        <v>0</v>
      </c>
      <c r="JO40" s="115">
        <v>0</v>
      </c>
      <c r="JP40" s="116">
        <v>1</v>
      </c>
      <c r="JQ40" s="117">
        <v>1</v>
      </c>
      <c r="JR40" s="114">
        <v>0</v>
      </c>
      <c r="JS40" s="115">
        <v>0</v>
      </c>
      <c r="JT40" s="116">
        <v>0</v>
      </c>
      <c r="JU40" s="414">
        <v>0</v>
      </c>
      <c r="JV40" s="115">
        <v>0</v>
      </c>
      <c r="JW40" s="115">
        <v>0</v>
      </c>
      <c r="JX40" s="115">
        <v>0</v>
      </c>
      <c r="JY40" s="115">
        <v>0</v>
      </c>
      <c r="JZ40" s="115">
        <v>0</v>
      </c>
      <c r="KA40" s="116">
        <v>0</v>
      </c>
      <c r="KB40" s="117">
        <v>0</v>
      </c>
      <c r="KC40" s="114">
        <v>0</v>
      </c>
      <c r="KD40" s="115">
        <v>0</v>
      </c>
      <c r="KE40" s="116">
        <v>0</v>
      </c>
      <c r="KF40" s="414">
        <v>0</v>
      </c>
      <c r="KG40" s="115">
        <v>1</v>
      </c>
      <c r="KH40" s="115">
        <v>3</v>
      </c>
      <c r="KI40" s="115">
        <v>1</v>
      </c>
      <c r="KJ40" s="115">
        <v>0</v>
      </c>
      <c r="KK40" s="115">
        <v>0</v>
      </c>
      <c r="KL40" s="116">
        <v>5</v>
      </c>
      <c r="KM40" s="117">
        <v>5</v>
      </c>
    </row>
    <row r="41" spans="2:299" ht="32.25" customHeight="1" x14ac:dyDescent="0.2">
      <c r="C41" s="70" t="s">
        <v>124</v>
      </c>
    </row>
  </sheetData>
  <mergeCells count="36">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 ref="I1:J1"/>
    <mergeCell ref="F1:G1"/>
    <mergeCell ref="CB4:CL5"/>
    <mergeCell ref="B3:B5"/>
    <mergeCell ref="C3:CW3"/>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93" width="9" style="70"/>
    <col min="94" max="94" width="8.44140625" style="70" customWidth="1"/>
    <col min="95" max="102" width="9" style="70"/>
    <col min="103" max="104" width="9" style="71"/>
    <col min="105" max="105" width="7.77734375" style="71" customWidth="1"/>
    <col min="106" max="115" width="9" style="71"/>
    <col min="116" max="116" width="7.77734375" style="71" customWidth="1"/>
    <col min="117" max="126" width="9" style="71"/>
    <col min="127" max="127" width="7.77734375" style="71" customWidth="1"/>
    <col min="128" max="137" width="9" style="71"/>
    <col min="138" max="138" width="8" style="71" customWidth="1"/>
    <col min="139" max="148" width="9" style="71"/>
    <col min="149" max="149" width="7.77734375" style="71" customWidth="1"/>
    <col min="150" max="159" width="9" style="71"/>
    <col min="160" max="160" width="7.44140625" style="71" customWidth="1"/>
    <col min="161" max="170" width="9" style="71"/>
    <col min="171" max="171" width="7.88671875" style="71" customWidth="1"/>
    <col min="172" max="181" width="9" style="71"/>
    <col min="182" max="182" width="7.21875" style="71" customWidth="1"/>
    <col min="183" max="192" width="9" style="71"/>
    <col min="193" max="193" width="8" style="71" customWidth="1"/>
    <col min="194" max="203" width="9" style="71"/>
    <col min="204" max="204" width="7.88671875" style="71" customWidth="1"/>
    <col min="205" max="214" width="9" style="71"/>
    <col min="215" max="215" width="7.88671875" style="71" customWidth="1"/>
    <col min="216" max="225" width="9" style="71"/>
    <col min="226" max="226" width="7.33203125" style="71" customWidth="1"/>
    <col min="227" max="236" width="9" style="71"/>
    <col min="237" max="237" width="7.6640625" style="71" customWidth="1"/>
    <col min="238" max="247" width="9" style="71"/>
    <col min="248" max="248" width="8" style="71" customWidth="1"/>
    <col min="249" max="258" width="9" style="71"/>
    <col min="259" max="259" width="8" style="71" customWidth="1"/>
    <col min="260" max="269" width="9" style="71"/>
    <col min="270" max="270" width="8" style="71" customWidth="1"/>
    <col min="271" max="280" width="9" style="71"/>
    <col min="281" max="281" width="8" style="71" customWidth="1"/>
    <col min="282" max="291" width="9" style="71"/>
    <col min="292" max="292" width="8.109375" style="71" customWidth="1"/>
    <col min="293" max="16384" width="9" style="71"/>
  </cols>
  <sheetData>
    <row r="1" spans="2:299" ht="24" customHeight="1" x14ac:dyDescent="0.2">
      <c r="B1" s="9" t="s">
        <v>119</v>
      </c>
      <c r="F1" s="442">
        <f>第１表!F2</f>
        <v>6</v>
      </c>
      <c r="G1" s="442"/>
      <c r="H1" s="18">
        <f>第１表!G2</f>
        <v>10</v>
      </c>
      <c r="I1" s="441">
        <f>H1</f>
        <v>10</v>
      </c>
      <c r="J1" s="441"/>
    </row>
    <row r="2" spans="2:299" ht="24" customHeight="1" thickBot="1" x14ac:dyDescent="0.25">
      <c r="B2" s="10" t="s">
        <v>150</v>
      </c>
    </row>
    <row r="3" spans="2:299" ht="21" customHeight="1" thickBot="1" x14ac:dyDescent="0.25">
      <c r="B3" s="428" t="s">
        <v>38</v>
      </c>
      <c r="C3" s="423" t="s">
        <v>96</v>
      </c>
      <c r="D3" s="423"/>
      <c r="E3" s="423"/>
      <c r="F3" s="423"/>
      <c r="G3" s="423"/>
      <c r="H3" s="423"/>
      <c r="I3" s="423"/>
      <c r="J3" s="423"/>
      <c r="K3" s="423"/>
      <c r="L3" s="423"/>
      <c r="M3" s="423"/>
      <c r="N3" s="423"/>
      <c r="O3" s="423"/>
      <c r="P3" s="423"/>
      <c r="Q3" s="423"/>
      <c r="R3" s="423"/>
      <c r="S3" s="423"/>
      <c r="T3" s="423"/>
      <c r="U3" s="423"/>
      <c r="V3" s="423"/>
      <c r="W3" s="423"/>
      <c r="X3" s="423"/>
      <c r="Y3" s="423"/>
      <c r="Z3" s="423"/>
      <c r="AA3" s="423"/>
      <c r="AB3" s="423"/>
      <c r="AC3" s="423"/>
      <c r="AD3" s="423"/>
      <c r="AE3" s="423"/>
      <c r="AF3" s="423"/>
      <c r="AG3" s="423"/>
      <c r="AH3" s="423"/>
      <c r="AI3" s="423"/>
      <c r="AJ3" s="423"/>
      <c r="AK3" s="423"/>
      <c r="AL3" s="423"/>
      <c r="AM3" s="423"/>
      <c r="AN3" s="423"/>
      <c r="AO3" s="423"/>
      <c r="AP3" s="423"/>
      <c r="AQ3" s="423"/>
      <c r="AR3" s="423"/>
      <c r="AS3" s="423"/>
      <c r="AT3" s="423"/>
      <c r="AU3" s="423"/>
      <c r="AV3" s="423"/>
      <c r="AW3" s="423"/>
      <c r="AX3" s="423"/>
      <c r="AY3" s="423"/>
      <c r="AZ3" s="423"/>
      <c r="BA3" s="423"/>
      <c r="BB3" s="423"/>
      <c r="BC3" s="423"/>
      <c r="BD3" s="423"/>
      <c r="BE3" s="423"/>
      <c r="BF3" s="423"/>
      <c r="BG3" s="423"/>
      <c r="BH3" s="423"/>
      <c r="BI3" s="423"/>
      <c r="BJ3" s="423"/>
      <c r="BK3" s="423"/>
      <c r="BL3" s="423"/>
      <c r="BM3" s="423"/>
      <c r="BN3" s="423"/>
      <c r="BO3" s="423"/>
      <c r="BP3" s="423"/>
      <c r="BQ3" s="423"/>
      <c r="BR3" s="423"/>
      <c r="BS3" s="423"/>
      <c r="BT3" s="423"/>
      <c r="BU3" s="423"/>
      <c r="BV3" s="423"/>
      <c r="BW3" s="423"/>
      <c r="BX3" s="423"/>
      <c r="BY3" s="423"/>
      <c r="BZ3" s="423"/>
      <c r="CA3" s="423"/>
      <c r="CB3" s="423"/>
      <c r="CC3" s="423"/>
      <c r="CD3" s="423"/>
      <c r="CE3" s="423"/>
      <c r="CF3" s="423"/>
      <c r="CG3" s="423"/>
      <c r="CH3" s="423"/>
      <c r="CI3" s="423"/>
      <c r="CJ3" s="423"/>
      <c r="CK3" s="423"/>
      <c r="CL3" s="423"/>
      <c r="CM3" s="423"/>
      <c r="CN3" s="423"/>
      <c r="CO3" s="423"/>
      <c r="CP3" s="423"/>
      <c r="CQ3" s="423"/>
      <c r="CR3" s="423"/>
      <c r="CS3" s="423"/>
      <c r="CT3" s="423"/>
      <c r="CU3" s="423"/>
      <c r="CV3" s="423"/>
      <c r="CW3" s="424"/>
      <c r="CX3" s="423" t="s">
        <v>102</v>
      </c>
      <c r="CY3" s="423"/>
      <c r="CZ3" s="423"/>
      <c r="DA3" s="423"/>
      <c r="DB3" s="423"/>
      <c r="DC3" s="423"/>
      <c r="DD3" s="423"/>
      <c r="DE3" s="423"/>
      <c r="DF3" s="423"/>
      <c r="DG3" s="423"/>
      <c r="DH3" s="423"/>
      <c r="DI3" s="423"/>
      <c r="DJ3" s="423"/>
      <c r="DK3" s="423"/>
      <c r="DL3" s="423"/>
      <c r="DM3" s="423"/>
      <c r="DN3" s="423"/>
      <c r="DO3" s="423"/>
      <c r="DP3" s="423"/>
      <c r="DQ3" s="423"/>
      <c r="DR3" s="423"/>
      <c r="DS3" s="423"/>
      <c r="DT3" s="423"/>
      <c r="DU3" s="423"/>
      <c r="DV3" s="423"/>
      <c r="DW3" s="423"/>
      <c r="DX3" s="423"/>
      <c r="DY3" s="423"/>
      <c r="DZ3" s="423"/>
      <c r="EA3" s="423"/>
      <c r="EB3" s="423"/>
      <c r="EC3" s="423"/>
      <c r="ED3" s="423"/>
      <c r="EE3" s="423"/>
      <c r="EF3" s="423"/>
      <c r="EG3" s="423"/>
      <c r="EH3" s="423"/>
      <c r="EI3" s="423"/>
      <c r="EJ3" s="423"/>
      <c r="EK3" s="423"/>
      <c r="EL3" s="423"/>
      <c r="EM3" s="423"/>
      <c r="EN3" s="423"/>
      <c r="EO3" s="423"/>
      <c r="EP3" s="423"/>
      <c r="EQ3" s="423"/>
      <c r="ER3" s="423"/>
      <c r="ES3" s="423"/>
      <c r="ET3" s="423"/>
      <c r="EU3" s="423"/>
      <c r="EV3" s="423"/>
      <c r="EW3" s="423"/>
      <c r="EX3" s="423"/>
      <c r="EY3" s="423"/>
      <c r="EZ3" s="423"/>
      <c r="FA3" s="423"/>
      <c r="FB3" s="423"/>
      <c r="FC3" s="423"/>
      <c r="FD3" s="423"/>
      <c r="FE3" s="423"/>
      <c r="FF3" s="423"/>
      <c r="FG3" s="423"/>
      <c r="FH3" s="423"/>
      <c r="FI3" s="423"/>
      <c r="FJ3" s="423"/>
      <c r="FK3" s="423"/>
      <c r="FL3" s="423"/>
      <c r="FM3" s="423"/>
      <c r="FN3" s="423"/>
      <c r="FO3" s="423"/>
      <c r="FP3" s="423"/>
      <c r="FQ3" s="423"/>
      <c r="FR3" s="423"/>
      <c r="FS3" s="423"/>
      <c r="FT3" s="423"/>
      <c r="FU3" s="423"/>
      <c r="FV3" s="423"/>
      <c r="FW3" s="423"/>
      <c r="FX3" s="423"/>
      <c r="FY3" s="423"/>
      <c r="FZ3" s="423"/>
      <c r="GA3" s="423"/>
      <c r="GB3" s="423"/>
      <c r="GC3" s="423"/>
      <c r="GD3" s="423"/>
      <c r="GE3" s="423"/>
      <c r="GF3" s="423"/>
      <c r="GG3" s="423"/>
      <c r="GH3" s="423"/>
      <c r="GI3" s="423"/>
      <c r="GJ3" s="423"/>
      <c r="GK3" s="423"/>
      <c r="GL3" s="423"/>
      <c r="GM3" s="423"/>
      <c r="GN3" s="423"/>
      <c r="GO3" s="423"/>
      <c r="GP3" s="423"/>
      <c r="GQ3" s="423"/>
      <c r="GR3" s="424"/>
      <c r="GS3" s="423" t="s">
        <v>103</v>
      </c>
      <c r="GT3" s="423"/>
      <c r="GU3" s="423"/>
      <c r="GV3" s="423"/>
      <c r="GW3" s="423"/>
      <c r="GX3" s="423"/>
      <c r="GY3" s="423"/>
      <c r="GZ3" s="423"/>
      <c r="HA3" s="423"/>
      <c r="HB3" s="423"/>
      <c r="HC3" s="423"/>
      <c r="HD3" s="423"/>
      <c r="HE3" s="423"/>
      <c r="HF3" s="423"/>
      <c r="HG3" s="423"/>
      <c r="HH3" s="423"/>
      <c r="HI3" s="423"/>
      <c r="HJ3" s="423"/>
      <c r="HK3" s="423"/>
      <c r="HL3" s="423"/>
      <c r="HM3" s="423"/>
      <c r="HN3" s="423"/>
      <c r="HO3" s="423"/>
      <c r="HP3" s="423"/>
      <c r="HQ3" s="423"/>
      <c r="HR3" s="423"/>
      <c r="HS3" s="423"/>
      <c r="HT3" s="423"/>
      <c r="HU3" s="423"/>
      <c r="HV3" s="423"/>
      <c r="HW3" s="423"/>
      <c r="HX3" s="423"/>
      <c r="HY3" s="423"/>
      <c r="HZ3" s="423"/>
      <c r="IA3" s="423"/>
      <c r="IB3" s="423"/>
      <c r="IC3" s="423"/>
      <c r="ID3" s="423"/>
      <c r="IE3" s="423"/>
      <c r="IF3" s="423"/>
      <c r="IG3" s="423"/>
      <c r="IH3" s="423"/>
      <c r="II3" s="423"/>
      <c r="IJ3" s="423"/>
      <c r="IK3" s="423"/>
      <c r="IL3" s="423"/>
      <c r="IM3" s="423"/>
      <c r="IN3" s="423"/>
      <c r="IO3" s="423"/>
      <c r="IP3" s="423"/>
      <c r="IQ3" s="423"/>
      <c r="IR3" s="423"/>
      <c r="IS3" s="423"/>
      <c r="IT3" s="423"/>
      <c r="IU3" s="423"/>
      <c r="IV3" s="423"/>
      <c r="IW3" s="423"/>
      <c r="IX3" s="423"/>
      <c r="IY3" s="423"/>
      <c r="IZ3" s="423"/>
      <c r="JA3" s="423"/>
      <c r="JB3" s="423"/>
      <c r="JC3" s="423"/>
      <c r="JD3" s="423"/>
      <c r="JE3" s="423"/>
      <c r="JF3" s="423"/>
      <c r="JG3" s="423"/>
      <c r="JH3" s="423"/>
      <c r="JI3" s="423"/>
      <c r="JJ3" s="423"/>
      <c r="JK3" s="423"/>
      <c r="JL3" s="423"/>
      <c r="JM3" s="423"/>
      <c r="JN3" s="423"/>
      <c r="JO3" s="423"/>
      <c r="JP3" s="423"/>
      <c r="JQ3" s="423"/>
      <c r="JR3" s="423"/>
      <c r="JS3" s="423"/>
      <c r="JT3" s="423"/>
      <c r="JU3" s="423"/>
      <c r="JV3" s="423"/>
      <c r="JW3" s="423"/>
      <c r="JX3" s="423"/>
      <c r="JY3" s="423"/>
      <c r="JZ3" s="423"/>
      <c r="KA3" s="423"/>
      <c r="KB3" s="423"/>
      <c r="KC3" s="423"/>
      <c r="KD3" s="423"/>
      <c r="KE3" s="423"/>
      <c r="KF3" s="423"/>
      <c r="KG3" s="423"/>
      <c r="KH3" s="423"/>
      <c r="KI3" s="423"/>
      <c r="KJ3" s="423"/>
      <c r="KK3" s="423"/>
      <c r="KL3" s="423"/>
      <c r="KM3" s="424"/>
    </row>
    <row r="4" spans="2:299" ht="21" customHeight="1" thickBot="1" x14ac:dyDescent="0.25">
      <c r="B4" s="440"/>
      <c r="C4" s="425" t="s">
        <v>39</v>
      </c>
      <c r="D4" s="426"/>
      <c r="E4" s="426"/>
      <c r="F4" s="426"/>
      <c r="G4" s="426"/>
      <c r="H4" s="426"/>
      <c r="I4" s="426"/>
      <c r="J4" s="426"/>
      <c r="K4" s="426"/>
      <c r="L4" s="426"/>
      <c r="M4" s="426"/>
      <c r="N4" s="426"/>
      <c r="O4" s="426"/>
      <c r="P4" s="426"/>
      <c r="Q4" s="426"/>
      <c r="R4" s="426"/>
      <c r="S4" s="426"/>
      <c r="T4" s="426"/>
      <c r="U4" s="426"/>
      <c r="V4" s="426"/>
      <c r="W4" s="426"/>
      <c r="X4" s="426"/>
      <c r="Y4" s="426"/>
      <c r="Z4" s="426"/>
      <c r="AA4" s="426"/>
      <c r="AB4" s="426"/>
      <c r="AC4" s="426"/>
      <c r="AD4" s="426"/>
      <c r="AE4" s="426"/>
      <c r="AF4" s="426"/>
      <c r="AG4" s="426"/>
      <c r="AH4" s="426"/>
      <c r="AI4" s="426"/>
      <c r="AJ4" s="426"/>
      <c r="AK4" s="426"/>
      <c r="AL4" s="426"/>
      <c r="AM4" s="426"/>
      <c r="AN4" s="426"/>
      <c r="AO4" s="426"/>
      <c r="AP4" s="426"/>
      <c r="AQ4" s="426"/>
      <c r="AR4" s="426"/>
      <c r="AS4" s="426"/>
      <c r="AT4" s="426"/>
      <c r="AU4" s="426"/>
      <c r="AV4" s="426"/>
      <c r="AW4" s="426"/>
      <c r="AX4" s="426"/>
      <c r="AY4" s="426"/>
      <c r="AZ4" s="426"/>
      <c r="BA4" s="426"/>
      <c r="BB4" s="426"/>
      <c r="BC4" s="426"/>
      <c r="BD4" s="426"/>
      <c r="BE4" s="426"/>
      <c r="BF4" s="426"/>
      <c r="BG4" s="426"/>
      <c r="BH4" s="426"/>
      <c r="BI4" s="426"/>
      <c r="BJ4" s="426"/>
      <c r="BK4" s="426"/>
      <c r="BL4" s="426"/>
      <c r="BM4" s="426"/>
      <c r="BN4" s="426"/>
      <c r="BO4" s="426"/>
      <c r="BP4" s="426"/>
      <c r="BQ4" s="426"/>
      <c r="BR4" s="426"/>
      <c r="BS4" s="426"/>
      <c r="BT4" s="426"/>
      <c r="BU4" s="426"/>
      <c r="BV4" s="426"/>
      <c r="BW4" s="426"/>
      <c r="BX4" s="426"/>
      <c r="BY4" s="426"/>
      <c r="BZ4" s="426"/>
      <c r="CA4" s="427"/>
      <c r="CB4" s="428" t="s">
        <v>40</v>
      </c>
      <c r="CC4" s="429"/>
      <c r="CD4" s="429"/>
      <c r="CE4" s="429"/>
      <c r="CF4" s="429"/>
      <c r="CG4" s="429"/>
      <c r="CH4" s="429"/>
      <c r="CI4" s="429"/>
      <c r="CJ4" s="429"/>
      <c r="CK4" s="429"/>
      <c r="CL4" s="430"/>
      <c r="CM4" s="428" t="s">
        <v>41</v>
      </c>
      <c r="CN4" s="429"/>
      <c r="CO4" s="429"/>
      <c r="CP4" s="429"/>
      <c r="CQ4" s="429"/>
      <c r="CR4" s="429"/>
      <c r="CS4" s="429"/>
      <c r="CT4" s="429"/>
      <c r="CU4" s="429"/>
      <c r="CV4" s="429"/>
      <c r="CW4" s="430"/>
      <c r="CX4" s="425" t="s">
        <v>39</v>
      </c>
      <c r="CY4" s="426"/>
      <c r="CZ4" s="426"/>
      <c r="DA4" s="426"/>
      <c r="DB4" s="426"/>
      <c r="DC4" s="426"/>
      <c r="DD4" s="426"/>
      <c r="DE4" s="426"/>
      <c r="DF4" s="426"/>
      <c r="DG4" s="426"/>
      <c r="DH4" s="426"/>
      <c r="DI4" s="426"/>
      <c r="DJ4" s="426"/>
      <c r="DK4" s="426"/>
      <c r="DL4" s="426"/>
      <c r="DM4" s="426"/>
      <c r="DN4" s="426"/>
      <c r="DO4" s="426"/>
      <c r="DP4" s="426"/>
      <c r="DQ4" s="426"/>
      <c r="DR4" s="426"/>
      <c r="DS4" s="426"/>
      <c r="DT4" s="426"/>
      <c r="DU4" s="426"/>
      <c r="DV4" s="426"/>
      <c r="DW4" s="426"/>
      <c r="DX4" s="426"/>
      <c r="DY4" s="426"/>
      <c r="DZ4" s="426"/>
      <c r="EA4" s="426"/>
      <c r="EB4" s="426"/>
      <c r="EC4" s="426"/>
      <c r="ED4" s="426"/>
      <c r="EE4" s="426"/>
      <c r="EF4" s="426"/>
      <c r="EG4" s="426"/>
      <c r="EH4" s="426"/>
      <c r="EI4" s="426"/>
      <c r="EJ4" s="426"/>
      <c r="EK4" s="426"/>
      <c r="EL4" s="426"/>
      <c r="EM4" s="426"/>
      <c r="EN4" s="426"/>
      <c r="EO4" s="426"/>
      <c r="EP4" s="426"/>
      <c r="EQ4" s="426"/>
      <c r="ER4" s="426"/>
      <c r="ES4" s="426"/>
      <c r="ET4" s="426"/>
      <c r="EU4" s="426"/>
      <c r="EV4" s="426"/>
      <c r="EW4" s="426"/>
      <c r="EX4" s="426"/>
      <c r="EY4" s="426"/>
      <c r="EZ4" s="426"/>
      <c r="FA4" s="426"/>
      <c r="FB4" s="426"/>
      <c r="FC4" s="426"/>
      <c r="FD4" s="426"/>
      <c r="FE4" s="426"/>
      <c r="FF4" s="426"/>
      <c r="FG4" s="426"/>
      <c r="FH4" s="426"/>
      <c r="FI4" s="426"/>
      <c r="FJ4" s="426"/>
      <c r="FK4" s="426"/>
      <c r="FL4" s="426"/>
      <c r="FM4" s="426"/>
      <c r="FN4" s="426"/>
      <c r="FO4" s="426"/>
      <c r="FP4" s="426"/>
      <c r="FQ4" s="426"/>
      <c r="FR4" s="426"/>
      <c r="FS4" s="426"/>
      <c r="FT4" s="426"/>
      <c r="FU4" s="426"/>
      <c r="FV4" s="427"/>
      <c r="FW4" s="428" t="s">
        <v>40</v>
      </c>
      <c r="FX4" s="429"/>
      <c r="FY4" s="429"/>
      <c r="FZ4" s="429"/>
      <c r="GA4" s="429"/>
      <c r="GB4" s="429"/>
      <c r="GC4" s="429"/>
      <c r="GD4" s="429"/>
      <c r="GE4" s="429"/>
      <c r="GF4" s="429"/>
      <c r="GG4" s="430"/>
      <c r="GH4" s="428" t="s">
        <v>41</v>
      </c>
      <c r="GI4" s="429"/>
      <c r="GJ4" s="429"/>
      <c r="GK4" s="429"/>
      <c r="GL4" s="429"/>
      <c r="GM4" s="429"/>
      <c r="GN4" s="429"/>
      <c r="GO4" s="429"/>
      <c r="GP4" s="429"/>
      <c r="GQ4" s="429"/>
      <c r="GR4" s="430"/>
      <c r="GS4" s="425" t="s">
        <v>39</v>
      </c>
      <c r="GT4" s="426"/>
      <c r="GU4" s="426"/>
      <c r="GV4" s="426"/>
      <c r="GW4" s="426"/>
      <c r="GX4" s="426"/>
      <c r="GY4" s="426"/>
      <c r="GZ4" s="426"/>
      <c r="HA4" s="426"/>
      <c r="HB4" s="426"/>
      <c r="HC4" s="426"/>
      <c r="HD4" s="426"/>
      <c r="HE4" s="426"/>
      <c r="HF4" s="426"/>
      <c r="HG4" s="426"/>
      <c r="HH4" s="426"/>
      <c r="HI4" s="426"/>
      <c r="HJ4" s="426"/>
      <c r="HK4" s="426"/>
      <c r="HL4" s="426"/>
      <c r="HM4" s="426"/>
      <c r="HN4" s="426"/>
      <c r="HO4" s="426"/>
      <c r="HP4" s="426"/>
      <c r="HQ4" s="426"/>
      <c r="HR4" s="426"/>
      <c r="HS4" s="426"/>
      <c r="HT4" s="426"/>
      <c r="HU4" s="426"/>
      <c r="HV4" s="426"/>
      <c r="HW4" s="426"/>
      <c r="HX4" s="426"/>
      <c r="HY4" s="426"/>
      <c r="HZ4" s="426"/>
      <c r="IA4" s="426"/>
      <c r="IB4" s="426"/>
      <c r="IC4" s="426"/>
      <c r="ID4" s="426"/>
      <c r="IE4" s="426"/>
      <c r="IF4" s="426"/>
      <c r="IG4" s="426"/>
      <c r="IH4" s="426"/>
      <c r="II4" s="426"/>
      <c r="IJ4" s="426"/>
      <c r="IK4" s="426"/>
      <c r="IL4" s="426"/>
      <c r="IM4" s="426"/>
      <c r="IN4" s="426"/>
      <c r="IO4" s="426"/>
      <c r="IP4" s="426"/>
      <c r="IQ4" s="426"/>
      <c r="IR4" s="426"/>
      <c r="IS4" s="426"/>
      <c r="IT4" s="426"/>
      <c r="IU4" s="426"/>
      <c r="IV4" s="426"/>
      <c r="IW4" s="426"/>
      <c r="IX4" s="426"/>
      <c r="IY4" s="426"/>
      <c r="IZ4" s="426"/>
      <c r="JA4" s="426"/>
      <c r="JB4" s="426"/>
      <c r="JC4" s="426"/>
      <c r="JD4" s="426"/>
      <c r="JE4" s="426"/>
      <c r="JF4" s="426"/>
      <c r="JG4" s="426"/>
      <c r="JH4" s="426"/>
      <c r="JI4" s="426"/>
      <c r="JJ4" s="426"/>
      <c r="JK4" s="426"/>
      <c r="JL4" s="426"/>
      <c r="JM4" s="426"/>
      <c r="JN4" s="426"/>
      <c r="JO4" s="426"/>
      <c r="JP4" s="426"/>
      <c r="JQ4" s="427"/>
      <c r="JR4" s="428" t="s">
        <v>40</v>
      </c>
      <c r="JS4" s="429"/>
      <c r="JT4" s="429"/>
      <c r="JU4" s="429"/>
      <c r="JV4" s="429"/>
      <c r="JW4" s="429"/>
      <c r="JX4" s="429"/>
      <c r="JY4" s="429"/>
      <c r="JZ4" s="429"/>
      <c r="KA4" s="429"/>
      <c r="KB4" s="430"/>
      <c r="KC4" s="428" t="s">
        <v>41</v>
      </c>
      <c r="KD4" s="429"/>
      <c r="KE4" s="429"/>
      <c r="KF4" s="429"/>
      <c r="KG4" s="429"/>
      <c r="KH4" s="429"/>
      <c r="KI4" s="429"/>
      <c r="KJ4" s="429"/>
      <c r="KK4" s="429"/>
      <c r="KL4" s="429"/>
      <c r="KM4" s="430"/>
    </row>
    <row r="5" spans="2:299" ht="21" customHeight="1" thickBot="1" x14ac:dyDescent="0.25">
      <c r="B5" s="434"/>
      <c r="C5" s="434"/>
      <c r="D5" s="435"/>
      <c r="E5" s="435"/>
      <c r="F5" s="435"/>
      <c r="G5" s="435"/>
      <c r="H5" s="435"/>
      <c r="I5" s="435"/>
      <c r="J5" s="435"/>
      <c r="K5" s="435"/>
      <c r="L5" s="435"/>
      <c r="M5" s="436"/>
      <c r="N5" s="437" t="s">
        <v>97</v>
      </c>
      <c r="O5" s="438"/>
      <c r="P5" s="438"/>
      <c r="Q5" s="438"/>
      <c r="R5" s="438"/>
      <c r="S5" s="438"/>
      <c r="T5" s="438"/>
      <c r="U5" s="438"/>
      <c r="V5" s="438"/>
      <c r="W5" s="438"/>
      <c r="X5" s="439"/>
      <c r="Y5" s="437" t="s">
        <v>98</v>
      </c>
      <c r="Z5" s="438"/>
      <c r="AA5" s="438"/>
      <c r="AB5" s="438"/>
      <c r="AC5" s="438"/>
      <c r="AD5" s="438"/>
      <c r="AE5" s="438"/>
      <c r="AF5" s="438"/>
      <c r="AG5" s="438"/>
      <c r="AH5" s="438"/>
      <c r="AI5" s="439"/>
      <c r="AJ5" s="437" t="s">
        <v>99</v>
      </c>
      <c r="AK5" s="438"/>
      <c r="AL5" s="438"/>
      <c r="AM5" s="438"/>
      <c r="AN5" s="438"/>
      <c r="AO5" s="438"/>
      <c r="AP5" s="438"/>
      <c r="AQ5" s="438"/>
      <c r="AR5" s="438"/>
      <c r="AS5" s="438"/>
      <c r="AT5" s="439"/>
      <c r="AU5" s="437" t="s">
        <v>100</v>
      </c>
      <c r="AV5" s="438"/>
      <c r="AW5" s="438"/>
      <c r="AX5" s="438"/>
      <c r="AY5" s="438"/>
      <c r="AZ5" s="438"/>
      <c r="BA5" s="438"/>
      <c r="BB5" s="438"/>
      <c r="BC5" s="438"/>
      <c r="BD5" s="438"/>
      <c r="BE5" s="439"/>
      <c r="BF5" s="437" t="s">
        <v>162</v>
      </c>
      <c r="BG5" s="438"/>
      <c r="BH5" s="438"/>
      <c r="BI5" s="438"/>
      <c r="BJ5" s="438"/>
      <c r="BK5" s="438"/>
      <c r="BL5" s="438"/>
      <c r="BM5" s="438"/>
      <c r="BN5" s="438"/>
      <c r="BO5" s="438"/>
      <c r="BP5" s="439"/>
      <c r="BQ5" s="437" t="s">
        <v>101</v>
      </c>
      <c r="BR5" s="438"/>
      <c r="BS5" s="438"/>
      <c r="BT5" s="438"/>
      <c r="BU5" s="438"/>
      <c r="BV5" s="438"/>
      <c r="BW5" s="438"/>
      <c r="BX5" s="438"/>
      <c r="BY5" s="438"/>
      <c r="BZ5" s="438"/>
      <c r="CA5" s="439"/>
      <c r="CB5" s="431"/>
      <c r="CC5" s="432"/>
      <c r="CD5" s="432"/>
      <c r="CE5" s="432"/>
      <c r="CF5" s="432"/>
      <c r="CG5" s="432"/>
      <c r="CH5" s="432"/>
      <c r="CI5" s="432"/>
      <c r="CJ5" s="432"/>
      <c r="CK5" s="432"/>
      <c r="CL5" s="433"/>
      <c r="CM5" s="431"/>
      <c r="CN5" s="432"/>
      <c r="CO5" s="432"/>
      <c r="CP5" s="432"/>
      <c r="CQ5" s="432"/>
      <c r="CR5" s="432"/>
      <c r="CS5" s="432"/>
      <c r="CT5" s="432"/>
      <c r="CU5" s="432"/>
      <c r="CV5" s="432"/>
      <c r="CW5" s="433"/>
      <c r="CX5" s="434"/>
      <c r="CY5" s="435"/>
      <c r="CZ5" s="435"/>
      <c r="DA5" s="435"/>
      <c r="DB5" s="435"/>
      <c r="DC5" s="435"/>
      <c r="DD5" s="435"/>
      <c r="DE5" s="435"/>
      <c r="DF5" s="435"/>
      <c r="DG5" s="435"/>
      <c r="DH5" s="436"/>
      <c r="DI5" s="437" t="s">
        <v>97</v>
      </c>
      <c r="DJ5" s="438"/>
      <c r="DK5" s="438"/>
      <c r="DL5" s="438"/>
      <c r="DM5" s="438"/>
      <c r="DN5" s="438"/>
      <c r="DO5" s="438"/>
      <c r="DP5" s="438"/>
      <c r="DQ5" s="438"/>
      <c r="DR5" s="438"/>
      <c r="DS5" s="439"/>
      <c r="DT5" s="437" t="s">
        <v>98</v>
      </c>
      <c r="DU5" s="438"/>
      <c r="DV5" s="438"/>
      <c r="DW5" s="438"/>
      <c r="DX5" s="438"/>
      <c r="DY5" s="438"/>
      <c r="DZ5" s="438"/>
      <c r="EA5" s="438"/>
      <c r="EB5" s="438"/>
      <c r="EC5" s="438"/>
      <c r="ED5" s="439"/>
      <c r="EE5" s="437" t="s">
        <v>99</v>
      </c>
      <c r="EF5" s="438"/>
      <c r="EG5" s="438"/>
      <c r="EH5" s="438"/>
      <c r="EI5" s="438"/>
      <c r="EJ5" s="438"/>
      <c r="EK5" s="438"/>
      <c r="EL5" s="438"/>
      <c r="EM5" s="438"/>
      <c r="EN5" s="438"/>
      <c r="EO5" s="439"/>
      <c r="EP5" s="437" t="s">
        <v>100</v>
      </c>
      <c r="EQ5" s="438"/>
      <c r="ER5" s="438"/>
      <c r="ES5" s="438"/>
      <c r="ET5" s="438"/>
      <c r="EU5" s="438"/>
      <c r="EV5" s="438"/>
      <c r="EW5" s="438"/>
      <c r="EX5" s="438"/>
      <c r="EY5" s="438"/>
      <c r="EZ5" s="439"/>
      <c r="FA5" s="437" t="s">
        <v>162</v>
      </c>
      <c r="FB5" s="438"/>
      <c r="FC5" s="438"/>
      <c r="FD5" s="438"/>
      <c r="FE5" s="438"/>
      <c r="FF5" s="438"/>
      <c r="FG5" s="438"/>
      <c r="FH5" s="438"/>
      <c r="FI5" s="438"/>
      <c r="FJ5" s="438"/>
      <c r="FK5" s="439"/>
      <c r="FL5" s="437" t="s">
        <v>101</v>
      </c>
      <c r="FM5" s="438"/>
      <c r="FN5" s="438"/>
      <c r="FO5" s="438"/>
      <c r="FP5" s="438"/>
      <c r="FQ5" s="438"/>
      <c r="FR5" s="438"/>
      <c r="FS5" s="438"/>
      <c r="FT5" s="438"/>
      <c r="FU5" s="438"/>
      <c r="FV5" s="439"/>
      <c r="FW5" s="431"/>
      <c r="FX5" s="432"/>
      <c r="FY5" s="432"/>
      <c r="FZ5" s="432"/>
      <c r="GA5" s="432"/>
      <c r="GB5" s="432"/>
      <c r="GC5" s="432"/>
      <c r="GD5" s="432"/>
      <c r="GE5" s="432"/>
      <c r="GF5" s="432"/>
      <c r="GG5" s="433"/>
      <c r="GH5" s="431"/>
      <c r="GI5" s="432"/>
      <c r="GJ5" s="432"/>
      <c r="GK5" s="432"/>
      <c r="GL5" s="432"/>
      <c r="GM5" s="432"/>
      <c r="GN5" s="432"/>
      <c r="GO5" s="432"/>
      <c r="GP5" s="432"/>
      <c r="GQ5" s="432"/>
      <c r="GR5" s="433"/>
      <c r="GS5" s="434"/>
      <c r="GT5" s="435"/>
      <c r="GU5" s="435"/>
      <c r="GV5" s="435"/>
      <c r="GW5" s="435"/>
      <c r="GX5" s="435"/>
      <c r="GY5" s="435"/>
      <c r="GZ5" s="435"/>
      <c r="HA5" s="435"/>
      <c r="HB5" s="435"/>
      <c r="HC5" s="436"/>
      <c r="HD5" s="437" t="s">
        <v>97</v>
      </c>
      <c r="HE5" s="438"/>
      <c r="HF5" s="438"/>
      <c r="HG5" s="438"/>
      <c r="HH5" s="438"/>
      <c r="HI5" s="438"/>
      <c r="HJ5" s="438"/>
      <c r="HK5" s="438"/>
      <c r="HL5" s="438"/>
      <c r="HM5" s="438"/>
      <c r="HN5" s="439"/>
      <c r="HO5" s="437" t="s">
        <v>98</v>
      </c>
      <c r="HP5" s="438"/>
      <c r="HQ5" s="438"/>
      <c r="HR5" s="438"/>
      <c r="HS5" s="438"/>
      <c r="HT5" s="438"/>
      <c r="HU5" s="438"/>
      <c r="HV5" s="438"/>
      <c r="HW5" s="438"/>
      <c r="HX5" s="438"/>
      <c r="HY5" s="439"/>
      <c r="HZ5" s="437" t="s">
        <v>99</v>
      </c>
      <c r="IA5" s="438"/>
      <c r="IB5" s="438"/>
      <c r="IC5" s="438"/>
      <c r="ID5" s="438"/>
      <c r="IE5" s="438"/>
      <c r="IF5" s="438"/>
      <c r="IG5" s="438"/>
      <c r="IH5" s="438"/>
      <c r="II5" s="438"/>
      <c r="IJ5" s="439"/>
      <c r="IK5" s="437" t="s">
        <v>100</v>
      </c>
      <c r="IL5" s="438"/>
      <c r="IM5" s="438"/>
      <c r="IN5" s="438"/>
      <c r="IO5" s="438"/>
      <c r="IP5" s="438"/>
      <c r="IQ5" s="438"/>
      <c r="IR5" s="438"/>
      <c r="IS5" s="438"/>
      <c r="IT5" s="438"/>
      <c r="IU5" s="439"/>
      <c r="IV5" s="437" t="s">
        <v>162</v>
      </c>
      <c r="IW5" s="438"/>
      <c r="IX5" s="438"/>
      <c r="IY5" s="438"/>
      <c r="IZ5" s="438"/>
      <c r="JA5" s="438"/>
      <c r="JB5" s="438"/>
      <c r="JC5" s="438"/>
      <c r="JD5" s="438"/>
      <c r="JE5" s="438"/>
      <c r="JF5" s="439"/>
      <c r="JG5" s="437" t="s">
        <v>101</v>
      </c>
      <c r="JH5" s="438"/>
      <c r="JI5" s="438"/>
      <c r="JJ5" s="438"/>
      <c r="JK5" s="438"/>
      <c r="JL5" s="438"/>
      <c r="JM5" s="438"/>
      <c r="JN5" s="438"/>
      <c r="JO5" s="438"/>
      <c r="JP5" s="438"/>
      <c r="JQ5" s="439"/>
      <c r="JR5" s="431"/>
      <c r="JS5" s="432"/>
      <c r="JT5" s="432"/>
      <c r="JU5" s="432"/>
      <c r="JV5" s="432"/>
      <c r="JW5" s="432"/>
      <c r="JX5" s="432"/>
      <c r="JY5" s="432"/>
      <c r="JZ5" s="432"/>
      <c r="KA5" s="432"/>
      <c r="KB5" s="433"/>
      <c r="KC5" s="431"/>
      <c r="KD5" s="432"/>
      <c r="KE5" s="432"/>
      <c r="KF5" s="432"/>
      <c r="KG5" s="432"/>
      <c r="KH5" s="432"/>
      <c r="KI5" s="432"/>
      <c r="KJ5" s="432"/>
      <c r="KK5" s="432"/>
      <c r="KL5" s="432"/>
      <c r="KM5" s="433"/>
    </row>
    <row r="6" spans="2:299" ht="30" customHeight="1" thickBot="1" x14ac:dyDescent="0.25">
      <c r="B6" s="72" t="s">
        <v>42</v>
      </c>
      <c r="C6" s="73" t="s">
        <v>43</v>
      </c>
      <c r="D6" s="74" t="s">
        <v>44</v>
      </c>
      <c r="E6" s="75" t="s">
        <v>45</v>
      </c>
      <c r="F6" s="76" t="s">
        <v>46</v>
      </c>
      <c r="G6" s="74" t="s">
        <v>47</v>
      </c>
      <c r="H6" s="74" t="s">
        <v>48</v>
      </c>
      <c r="I6" s="74" t="s">
        <v>49</v>
      </c>
      <c r="J6" s="74" t="s">
        <v>50</v>
      </c>
      <c r="K6" s="74" t="s">
        <v>51</v>
      </c>
      <c r="L6" s="75" t="s">
        <v>45</v>
      </c>
      <c r="M6" s="77" t="s">
        <v>52</v>
      </c>
      <c r="N6" s="78" t="s">
        <v>43</v>
      </c>
      <c r="O6" s="79" t="s">
        <v>44</v>
      </c>
      <c r="P6" s="80" t="s">
        <v>45</v>
      </c>
      <c r="Q6" s="81" t="s">
        <v>46</v>
      </c>
      <c r="R6" s="79" t="s">
        <v>47</v>
      </c>
      <c r="S6" s="79" t="s">
        <v>48</v>
      </c>
      <c r="T6" s="79" t="s">
        <v>49</v>
      </c>
      <c r="U6" s="79" t="s">
        <v>50</v>
      </c>
      <c r="V6" s="79" t="s">
        <v>51</v>
      </c>
      <c r="W6" s="80" t="s">
        <v>45</v>
      </c>
      <c r="X6" s="82" t="s">
        <v>52</v>
      </c>
      <c r="Y6" s="78" t="s">
        <v>43</v>
      </c>
      <c r="Z6" s="79" t="s">
        <v>44</v>
      </c>
      <c r="AA6" s="80" t="s">
        <v>45</v>
      </c>
      <c r="AB6" s="81" t="s">
        <v>46</v>
      </c>
      <c r="AC6" s="79" t="s">
        <v>47</v>
      </c>
      <c r="AD6" s="79" t="s">
        <v>48</v>
      </c>
      <c r="AE6" s="79" t="s">
        <v>49</v>
      </c>
      <c r="AF6" s="79" t="s">
        <v>50</v>
      </c>
      <c r="AG6" s="79" t="s">
        <v>51</v>
      </c>
      <c r="AH6" s="80" t="s">
        <v>45</v>
      </c>
      <c r="AI6" s="83" t="s">
        <v>52</v>
      </c>
      <c r="AJ6" s="78" t="s">
        <v>43</v>
      </c>
      <c r="AK6" s="79" t="s">
        <v>44</v>
      </c>
      <c r="AL6" s="80" t="s">
        <v>45</v>
      </c>
      <c r="AM6" s="81" t="s">
        <v>46</v>
      </c>
      <c r="AN6" s="79" t="s">
        <v>47</v>
      </c>
      <c r="AO6" s="79" t="s">
        <v>48</v>
      </c>
      <c r="AP6" s="79" t="s">
        <v>49</v>
      </c>
      <c r="AQ6" s="79" t="s">
        <v>50</v>
      </c>
      <c r="AR6" s="79" t="s">
        <v>51</v>
      </c>
      <c r="AS6" s="80" t="s">
        <v>45</v>
      </c>
      <c r="AT6" s="83" t="s">
        <v>52</v>
      </c>
      <c r="AU6" s="78" t="s">
        <v>43</v>
      </c>
      <c r="AV6" s="79" t="s">
        <v>44</v>
      </c>
      <c r="AW6" s="80" t="s">
        <v>45</v>
      </c>
      <c r="AX6" s="81" t="s">
        <v>46</v>
      </c>
      <c r="AY6" s="79" t="s">
        <v>47</v>
      </c>
      <c r="AZ6" s="79" t="s">
        <v>48</v>
      </c>
      <c r="BA6" s="79" t="s">
        <v>49</v>
      </c>
      <c r="BB6" s="79" t="s">
        <v>50</v>
      </c>
      <c r="BC6" s="79" t="s">
        <v>51</v>
      </c>
      <c r="BD6" s="80" t="s">
        <v>45</v>
      </c>
      <c r="BE6" s="83" t="s">
        <v>52</v>
      </c>
      <c r="BF6" s="78" t="s">
        <v>43</v>
      </c>
      <c r="BG6" s="79" t="s">
        <v>44</v>
      </c>
      <c r="BH6" s="80" t="s">
        <v>45</v>
      </c>
      <c r="BI6" s="81" t="s">
        <v>46</v>
      </c>
      <c r="BJ6" s="79" t="s">
        <v>47</v>
      </c>
      <c r="BK6" s="79" t="s">
        <v>48</v>
      </c>
      <c r="BL6" s="79" t="s">
        <v>49</v>
      </c>
      <c r="BM6" s="79" t="s">
        <v>50</v>
      </c>
      <c r="BN6" s="79" t="s">
        <v>51</v>
      </c>
      <c r="BO6" s="80" t="s">
        <v>45</v>
      </c>
      <c r="BP6" s="83" t="s">
        <v>52</v>
      </c>
      <c r="BQ6" s="78" t="s">
        <v>43</v>
      </c>
      <c r="BR6" s="79" t="s">
        <v>44</v>
      </c>
      <c r="BS6" s="80" t="s">
        <v>45</v>
      </c>
      <c r="BT6" s="81" t="s">
        <v>46</v>
      </c>
      <c r="BU6" s="79" t="s">
        <v>47</v>
      </c>
      <c r="BV6" s="79" t="s">
        <v>48</v>
      </c>
      <c r="BW6" s="79" t="s">
        <v>49</v>
      </c>
      <c r="BX6" s="79" t="s">
        <v>50</v>
      </c>
      <c r="BY6" s="79" t="s">
        <v>51</v>
      </c>
      <c r="BZ6" s="80" t="s">
        <v>45</v>
      </c>
      <c r="CA6" s="83" t="s">
        <v>52</v>
      </c>
      <c r="CB6" s="78" t="s">
        <v>43</v>
      </c>
      <c r="CC6" s="79" t="s">
        <v>44</v>
      </c>
      <c r="CD6" s="80" t="s">
        <v>45</v>
      </c>
      <c r="CE6" s="81" t="s">
        <v>46</v>
      </c>
      <c r="CF6" s="79" t="s">
        <v>47</v>
      </c>
      <c r="CG6" s="79" t="s">
        <v>48</v>
      </c>
      <c r="CH6" s="79" t="s">
        <v>49</v>
      </c>
      <c r="CI6" s="79" t="s">
        <v>50</v>
      </c>
      <c r="CJ6" s="79" t="s">
        <v>51</v>
      </c>
      <c r="CK6" s="80" t="s">
        <v>45</v>
      </c>
      <c r="CL6" s="83" t="s">
        <v>52</v>
      </c>
      <c r="CM6" s="78" t="s">
        <v>43</v>
      </c>
      <c r="CN6" s="79" t="s">
        <v>44</v>
      </c>
      <c r="CO6" s="80" t="s">
        <v>45</v>
      </c>
      <c r="CP6" s="81" t="s">
        <v>46</v>
      </c>
      <c r="CQ6" s="79" t="s">
        <v>47</v>
      </c>
      <c r="CR6" s="79" t="s">
        <v>48</v>
      </c>
      <c r="CS6" s="79" t="s">
        <v>49</v>
      </c>
      <c r="CT6" s="79" t="s">
        <v>50</v>
      </c>
      <c r="CU6" s="79" t="s">
        <v>51</v>
      </c>
      <c r="CV6" s="80" t="s">
        <v>45</v>
      </c>
      <c r="CW6" s="83" t="s">
        <v>52</v>
      </c>
      <c r="CX6" s="73" t="s">
        <v>43</v>
      </c>
      <c r="CY6" s="74" t="s">
        <v>44</v>
      </c>
      <c r="CZ6" s="75" t="s">
        <v>45</v>
      </c>
      <c r="DA6" s="76" t="s">
        <v>46</v>
      </c>
      <c r="DB6" s="74" t="s">
        <v>47</v>
      </c>
      <c r="DC6" s="74" t="s">
        <v>48</v>
      </c>
      <c r="DD6" s="74" t="s">
        <v>49</v>
      </c>
      <c r="DE6" s="74" t="s">
        <v>50</v>
      </c>
      <c r="DF6" s="74" t="s">
        <v>51</v>
      </c>
      <c r="DG6" s="75" t="s">
        <v>45</v>
      </c>
      <c r="DH6" s="77" t="s">
        <v>52</v>
      </c>
      <c r="DI6" s="78" t="s">
        <v>43</v>
      </c>
      <c r="DJ6" s="79" t="s">
        <v>44</v>
      </c>
      <c r="DK6" s="80" t="s">
        <v>45</v>
      </c>
      <c r="DL6" s="81" t="s">
        <v>46</v>
      </c>
      <c r="DM6" s="79" t="s">
        <v>47</v>
      </c>
      <c r="DN6" s="79" t="s">
        <v>48</v>
      </c>
      <c r="DO6" s="79" t="s">
        <v>49</v>
      </c>
      <c r="DP6" s="79" t="s">
        <v>50</v>
      </c>
      <c r="DQ6" s="79" t="s">
        <v>51</v>
      </c>
      <c r="DR6" s="80" t="s">
        <v>45</v>
      </c>
      <c r="DS6" s="83" t="s">
        <v>52</v>
      </c>
      <c r="DT6" s="78" t="s">
        <v>43</v>
      </c>
      <c r="DU6" s="79" t="s">
        <v>44</v>
      </c>
      <c r="DV6" s="80" t="s">
        <v>45</v>
      </c>
      <c r="DW6" s="81" t="s">
        <v>46</v>
      </c>
      <c r="DX6" s="79" t="s">
        <v>47</v>
      </c>
      <c r="DY6" s="79" t="s">
        <v>48</v>
      </c>
      <c r="DZ6" s="79" t="s">
        <v>49</v>
      </c>
      <c r="EA6" s="79" t="s">
        <v>50</v>
      </c>
      <c r="EB6" s="79" t="s">
        <v>51</v>
      </c>
      <c r="EC6" s="80" t="s">
        <v>45</v>
      </c>
      <c r="ED6" s="83" t="s">
        <v>52</v>
      </c>
      <c r="EE6" s="78" t="s">
        <v>43</v>
      </c>
      <c r="EF6" s="79" t="s">
        <v>44</v>
      </c>
      <c r="EG6" s="80" t="s">
        <v>45</v>
      </c>
      <c r="EH6" s="81" t="s">
        <v>46</v>
      </c>
      <c r="EI6" s="79" t="s">
        <v>47</v>
      </c>
      <c r="EJ6" s="79" t="s">
        <v>48</v>
      </c>
      <c r="EK6" s="79" t="s">
        <v>49</v>
      </c>
      <c r="EL6" s="79" t="s">
        <v>50</v>
      </c>
      <c r="EM6" s="79" t="s">
        <v>51</v>
      </c>
      <c r="EN6" s="80" t="s">
        <v>45</v>
      </c>
      <c r="EO6" s="83" t="s">
        <v>52</v>
      </c>
      <c r="EP6" s="78" t="s">
        <v>43</v>
      </c>
      <c r="EQ6" s="79" t="s">
        <v>44</v>
      </c>
      <c r="ER6" s="80" t="s">
        <v>45</v>
      </c>
      <c r="ES6" s="81" t="s">
        <v>46</v>
      </c>
      <c r="ET6" s="79" t="s">
        <v>47</v>
      </c>
      <c r="EU6" s="79" t="s">
        <v>48</v>
      </c>
      <c r="EV6" s="79" t="s">
        <v>49</v>
      </c>
      <c r="EW6" s="79" t="s">
        <v>50</v>
      </c>
      <c r="EX6" s="79" t="s">
        <v>51</v>
      </c>
      <c r="EY6" s="80" t="s">
        <v>45</v>
      </c>
      <c r="EZ6" s="83" t="s">
        <v>52</v>
      </c>
      <c r="FA6" s="78" t="s">
        <v>43</v>
      </c>
      <c r="FB6" s="79" t="s">
        <v>44</v>
      </c>
      <c r="FC6" s="80" t="s">
        <v>45</v>
      </c>
      <c r="FD6" s="81" t="s">
        <v>46</v>
      </c>
      <c r="FE6" s="79" t="s">
        <v>47</v>
      </c>
      <c r="FF6" s="79" t="s">
        <v>48</v>
      </c>
      <c r="FG6" s="79" t="s">
        <v>49</v>
      </c>
      <c r="FH6" s="79" t="s">
        <v>50</v>
      </c>
      <c r="FI6" s="79" t="s">
        <v>51</v>
      </c>
      <c r="FJ6" s="80" t="s">
        <v>45</v>
      </c>
      <c r="FK6" s="83" t="s">
        <v>52</v>
      </c>
      <c r="FL6" s="78" t="s">
        <v>43</v>
      </c>
      <c r="FM6" s="79" t="s">
        <v>44</v>
      </c>
      <c r="FN6" s="80" t="s">
        <v>45</v>
      </c>
      <c r="FO6" s="81" t="s">
        <v>46</v>
      </c>
      <c r="FP6" s="79" t="s">
        <v>47</v>
      </c>
      <c r="FQ6" s="79" t="s">
        <v>48</v>
      </c>
      <c r="FR6" s="79" t="s">
        <v>49</v>
      </c>
      <c r="FS6" s="79" t="s">
        <v>50</v>
      </c>
      <c r="FT6" s="79" t="s">
        <v>51</v>
      </c>
      <c r="FU6" s="80" t="s">
        <v>45</v>
      </c>
      <c r="FV6" s="83" t="s">
        <v>52</v>
      </c>
      <c r="FW6" s="78" t="s">
        <v>43</v>
      </c>
      <c r="FX6" s="79" t="s">
        <v>44</v>
      </c>
      <c r="FY6" s="80" t="s">
        <v>45</v>
      </c>
      <c r="FZ6" s="81" t="s">
        <v>46</v>
      </c>
      <c r="GA6" s="79" t="s">
        <v>47</v>
      </c>
      <c r="GB6" s="79" t="s">
        <v>48</v>
      </c>
      <c r="GC6" s="79" t="s">
        <v>49</v>
      </c>
      <c r="GD6" s="79" t="s">
        <v>50</v>
      </c>
      <c r="GE6" s="79" t="s">
        <v>51</v>
      </c>
      <c r="GF6" s="80" t="s">
        <v>45</v>
      </c>
      <c r="GG6" s="83" t="s">
        <v>52</v>
      </c>
      <c r="GH6" s="78" t="s">
        <v>43</v>
      </c>
      <c r="GI6" s="79" t="s">
        <v>44</v>
      </c>
      <c r="GJ6" s="80" t="s">
        <v>45</v>
      </c>
      <c r="GK6" s="81" t="s">
        <v>46</v>
      </c>
      <c r="GL6" s="79" t="s">
        <v>47</v>
      </c>
      <c r="GM6" s="79" t="s">
        <v>48</v>
      </c>
      <c r="GN6" s="79" t="s">
        <v>49</v>
      </c>
      <c r="GO6" s="79" t="s">
        <v>50</v>
      </c>
      <c r="GP6" s="79" t="s">
        <v>51</v>
      </c>
      <c r="GQ6" s="80" t="s">
        <v>45</v>
      </c>
      <c r="GR6" s="83" t="s">
        <v>52</v>
      </c>
      <c r="GS6" s="73" t="s">
        <v>43</v>
      </c>
      <c r="GT6" s="74" t="s">
        <v>44</v>
      </c>
      <c r="GU6" s="75" t="s">
        <v>45</v>
      </c>
      <c r="GV6" s="76" t="s">
        <v>46</v>
      </c>
      <c r="GW6" s="74" t="s">
        <v>47</v>
      </c>
      <c r="GX6" s="74" t="s">
        <v>48</v>
      </c>
      <c r="GY6" s="74" t="s">
        <v>49</v>
      </c>
      <c r="GZ6" s="74" t="s">
        <v>50</v>
      </c>
      <c r="HA6" s="74" t="s">
        <v>51</v>
      </c>
      <c r="HB6" s="75" t="s">
        <v>45</v>
      </c>
      <c r="HC6" s="77" t="s">
        <v>52</v>
      </c>
      <c r="HD6" s="78" t="s">
        <v>43</v>
      </c>
      <c r="HE6" s="79" t="s">
        <v>44</v>
      </c>
      <c r="HF6" s="80" t="s">
        <v>45</v>
      </c>
      <c r="HG6" s="81" t="s">
        <v>46</v>
      </c>
      <c r="HH6" s="79" t="s">
        <v>47</v>
      </c>
      <c r="HI6" s="79" t="s">
        <v>48</v>
      </c>
      <c r="HJ6" s="79" t="s">
        <v>49</v>
      </c>
      <c r="HK6" s="79" t="s">
        <v>50</v>
      </c>
      <c r="HL6" s="79" t="s">
        <v>51</v>
      </c>
      <c r="HM6" s="80" t="s">
        <v>45</v>
      </c>
      <c r="HN6" s="83" t="s">
        <v>52</v>
      </c>
      <c r="HO6" s="78" t="s">
        <v>43</v>
      </c>
      <c r="HP6" s="79" t="s">
        <v>44</v>
      </c>
      <c r="HQ6" s="80" t="s">
        <v>45</v>
      </c>
      <c r="HR6" s="81" t="s">
        <v>46</v>
      </c>
      <c r="HS6" s="79" t="s">
        <v>47</v>
      </c>
      <c r="HT6" s="79" t="s">
        <v>48</v>
      </c>
      <c r="HU6" s="79" t="s">
        <v>49</v>
      </c>
      <c r="HV6" s="79" t="s">
        <v>50</v>
      </c>
      <c r="HW6" s="79" t="s">
        <v>51</v>
      </c>
      <c r="HX6" s="80" t="s">
        <v>45</v>
      </c>
      <c r="HY6" s="83" t="s">
        <v>52</v>
      </c>
      <c r="HZ6" s="78" t="s">
        <v>43</v>
      </c>
      <c r="IA6" s="79" t="s">
        <v>44</v>
      </c>
      <c r="IB6" s="80" t="s">
        <v>45</v>
      </c>
      <c r="IC6" s="81" t="s">
        <v>46</v>
      </c>
      <c r="ID6" s="79" t="s">
        <v>47</v>
      </c>
      <c r="IE6" s="79" t="s">
        <v>48</v>
      </c>
      <c r="IF6" s="79" t="s">
        <v>49</v>
      </c>
      <c r="IG6" s="79" t="s">
        <v>50</v>
      </c>
      <c r="IH6" s="79" t="s">
        <v>51</v>
      </c>
      <c r="II6" s="80" t="s">
        <v>45</v>
      </c>
      <c r="IJ6" s="83" t="s">
        <v>52</v>
      </c>
      <c r="IK6" s="78" t="s">
        <v>43</v>
      </c>
      <c r="IL6" s="79" t="s">
        <v>44</v>
      </c>
      <c r="IM6" s="80" t="s">
        <v>45</v>
      </c>
      <c r="IN6" s="81" t="s">
        <v>46</v>
      </c>
      <c r="IO6" s="79" t="s">
        <v>47</v>
      </c>
      <c r="IP6" s="79" t="s">
        <v>48</v>
      </c>
      <c r="IQ6" s="79" t="s">
        <v>49</v>
      </c>
      <c r="IR6" s="79" t="s">
        <v>50</v>
      </c>
      <c r="IS6" s="79" t="s">
        <v>51</v>
      </c>
      <c r="IT6" s="80" t="s">
        <v>45</v>
      </c>
      <c r="IU6" s="83" t="s">
        <v>52</v>
      </c>
      <c r="IV6" s="78" t="s">
        <v>43</v>
      </c>
      <c r="IW6" s="79" t="s">
        <v>44</v>
      </c>
      <c r="IX6" s="80" t="s">
        <v>45</v>
      </c>
      <c r="IY6" s="81" t="s">
        <v>46</v>
      </c>
      <c r="IZ6" s="79" t="s">
        <v>47</v>
      </c>
      <c r="JA6" s="79" t="s">
        <v>48</v>
      </c>
      <c r="JB6" s="79" t="s">
        <v>49</v>
      </c>
      <c r="JC6" s="79" t="s">
        <v>50</v>
      </c>
      <c r="JD6" s="79" t="s">
        <v>51</v>
      </c>
      <c r="JE6" s="80" t="s">
        <v>45</v>
      </c>
      <c r="JF6" s="83" t="s">
        <v>52</v>
      </c>
      <c r="JG6" s="78" t="s">
        <v>43</v>
      </c>
      <c r="JH6" s="79" t="s">
        <v>44</v>
      </c>
      <c r="JI6" s="80" t="s">
        <v>45</v>
      </c>
      <c r="JJ6" s="81" t="s">
        <v>46</v>
      </c>
      <c r="JK6" s="79" t="s">
        <v>47</v>
      </c>
      <c r="JL6" s="79" t="s">
        <v>48</v>
      </c>
      <c r="JM6" s="79" t="s">
        <v>49</v>
      </c>
      <c r="JN6" s="79" t="s">
        <v>50</v>
      </c>
      <c r="JO6" s="79" t="s">
        <v>51</v>
      </c>
      <c r="JP6" s="80" t="s">
        <v>45</v>
      </c>
      <c r="JQ6" s="83" t="s">
        <v>52</v>
      </c>
      <c r="JR6" s="78" t="s">
        <v>43</v>
      </c>
      <c r="JS6" s="79" t="s">
        <v>44</v>
      </c>
      <c r="JT6" s="80" t="s">
        <v>45</v>
      </c>
      <c r="JU6" s="81" t="s">
        <v>46</v>
      </c>
      <c r="JV6" s="79" t="s">
        <v>47</v>
      </c>
      <c r="JW6" s="79" t="s">
        <v>48</v>
      </c>
      <c r="JX6" s="79" t="s">
        <v>49</v>
      </c>
      <c r="JY6" s="79" t="s">
        <v>50</v>
      </c>
      <c r="JZ6" s="79" t="s">
        <v>51</v>
      </c>
      <c r="KA6" s="80" t="s">
        <v>45</v>
      </c>
      <c r="KB6" s="83" t="s">
        <v>52</v>
      </c>
      <c r="KC6" s="78" t="s">
        <v>43</v>
      </c>
      <c r="KD6" s="79" t="s">
        <v>44</v>
      </c>
      <c r="KE6" s="80" t="s">
        <v>45</v>
      </c>
      <c r="KF6" s="81" t="s">
        <v>46</v>
      </c>
      <c r="KG6" s="79" t="s">
        <v>47</v>
      </c>
      <c r="KH6" s="79" t="s">
        <v>48</v>
      </c>
      <c r="KI6" s="79" t="s">
        <v>49</v>
      </c>
      <c r="KJ6" s="79" t="s">
        <v>50</v>
      </c>
      <c r="KK6" s="79" t="s">
        <v>51</v>
      </c>
      <c r="KL6" s="80" t="s">
        <v>45</v>
      </c>
      <c r="KM6" s="83" t="s">
        <v>52</v>
      </c>
    </row>
    <row r="7" spans="2:299" s="70" customFormat="1" ht="21" customHeight="1" x14ac:dyDescent="0.2">
      <c r="B7" s="84" t="s">
        <v>4</v>
      </c>
      <c r="C7" s="85">
        <v>3597</v>
      </c>
      <c r="D7" s="86">
        <v>3554</v>
      </c>
      <c r="E7" s="87">
        <v>7151</v>
      </c>
      <c r="F7" s="412">
        <v>0</v>
      </c>
      <c r="G7" s="86">
        <v>4584</v>
      </c>
      <c r="H7" s="86">
        <v>4297</v>
      </c>
      <c r="I7" s="86">
        <v>2572</v>
      </c>
      <c r="J7" s="86">
        <v>2157</v>
      </c>
      <c r="K7" s="86">
        <v>1418</v>
      </c>
      <c r="L7" s="88">
        <v>15028</v>
      </c>
      <c r="M7" s="89">
        <v>22179</v>
      </c>
      <c r="N7" s="90">
        <v>114</v>
      </c>
      <c r="O7" s="91">
        <v>158</v>
      </c>
      <c r="P7" s="92">
        <v>272</v>
      </c>
      <c r="Q7" s="412">
        <v>0</v>
      </c>
      <c r="R7" s="91">
        <v>118</v>
      </c>
      <c r="S7" s="91">
        <v>135</v>
      </c>
      <c r="T7" s="91">
        <v>86</v>
      </c>
      <c r="U7" s="91">
        <v>82</v>
      </c>
      <c r="V7" s="91">
        <v>67</v>
      </c>
      <c r="W7" s="92">
        <v>488</v>
      </c>
      <c r="X7" s="93">
        <v>760</v>
      </c>
      <c r="Y7" s="90">
        <v>233</v>
      </c>
      <c r="Z7" s="91">
        <v>266</v>
      </c>
      <c r="AA7" s="92">
        <v>499</v>
      </c>
      <c r="AB7" s="412">
        <v>0</v>
      </c>
      <c r="AC7" s="91">
        <v>256</v>
      </c>
      <c r="AD7" s="91">
        <v>301</v>
      </c>
      <c r="AE7" s="91">
        <v>169</v>
      </c>
      <c r="AF7" s="91">
        <v>175</v>
      </c>
      <c r="AG7" s="91">
        <v>111</v>
      </c>
      <c r="AH7" s="92">
        <v>1012</v>
      </c>
      <c r="AI7" s="93">
        <v>1511</v>
      </c>
      <c r="AJ7" s="90">
        <v>420</v>
      </c>
      <c r="AK7" s="91">
        <v>440</v>
      </c>
      <c r="AL7" s="92">
        <v>860</v>
      </c>
      <c r="AM7" s="412">
        <v>0</v>
      </c>
      <c r="AN7" s="91">
        <v>521</v>
      </c>
      <c r="AO7" s="91">
        <v>481</v>
      </c>
      <c r="AP7" s="91">
        <v>277</v>
      </c>
      <c r="AQ7" s="91">
        <v>245</v>
      </c>
      <c r="AR7" s="91">
        <v>207</v>
      </c>
      <c r="AS7" s="92">
        <v>1731</v>
      </c>
      <c r="AT7" s="93">
        <v>2591</v>
      </c>
      <c r="AU7" s="90">
        <v>822</v>
      </c>
      <c r="AV7" s="91">
        <v>770</v>
      </c>
      <c r="AW7" s="92">
        <v>1592</v>
      </c>
      <c r="AX7" s="412">
        <v>0</v>
      </c>
      <c r="AY7" s="91">
        <v>1044</v>
      </c>
      <c r="AZ7" s="91">
        <v>901</v>
      </c>
      <c r="BA7" s="91">
        <v>492</v>
      </c>
      <c r="BB7" s="91">
        <v>436</v>
      </c>
      <c r="BC7" s="91">
        <v>293</v>
      </c>
      <c r="BD7" s="92">
        <v>3166</v>
      </c>
      <c r="BE7" s="93">
        <v>4758</v>
      </c>
      <c r="BF7" s="90">
        <v>1161</v>
      </c>
      <c r="BG7" s="91">
        <v>994</v>
      </c>
      <c r="BH7" s="92">
        <v>2155</v>
      </c>
      <c r="BI7" s="412">
        <v>0</v>
      </c>
      <c r="BJ7" s="91">
        <v>1369</v>
      </c>
      <c r="BK7" s="91">
        <v>1183</v>
      </c>
      <c r="BL7" s="91">
        <v>699</v>
      </c>
      <c r="BM7" s="91">
        <v>553</v>
      </c>
      <c r="BN7" s="91">
        <v>358</v>
      </c>
      <c r="BO7" s="92">
        <v>4162</v>
      </c>
      <c r="BP7" s="93">
        <v>6317</v>
      </c>
      <c r="BQ7" s="90">
        <v>847</v>
      </c>
      <c r="BR7" s="91">
        <v>926</v>
      </c>
      <c r="BS7" s="92">
        <v>1773</v>
      </c>
      <c r="BT7" s="412">
        <v>0</v>
      </c>
      <c r="BU7" s="91">
        <v>1276</v>
      </c>
      <c r="BV7" s="91">
        <v>1296</v>
      </c>
      <c r="BW7" s="91">
        <v>849</v>
      </c>
      <c r="BX7" s="91">
        <v>666</v>
      </c>
      <c r="BY7" s="91">
        <v>382</v>
      </c>
      <c r="BZ7" s="92">
        <v>4469</v>
      </c>
      <c r="CA7" s="93">
        <v>6242</v>
      </c>
      <c r="CB7" s="90">
        <v>0</v>
      </c>
      <c r="CC7" s="91">
        <v>0</v>
      </c>
      <c r="CD7" s="92">
        <v>0</v>
      </c>
      <c r="CE7" s="412">
        <v>0</v>
      </c>
      <c r="CF7" s="91">
        <v>0</v>
      </c>
      <c r="CG7" s="91">
        <v>0</v>
      </c>
      <c r="CH7" s="91">
        <v>0</v>
      </c>
      <c r="CI7" s="91">
        <v>0</v>
      </c>
      <c r="CJ7" s="91">
        <v>0</v>
      </c>
      <c r="CK7" s="92">
        <v>0</v>
      </c>
      <c r="CL7" s="93">
        <v>0</v>
      </c>
      <c r="CM7" s="90">
        <v>3597</v>
      </c>
      <c r="CN7" s="91">
        <v>3554</v>
      </c>
      <c r="CO7" s="92">
        <v>7151</v>
      </c>
      <c r="CP7" s="412">
        <v>0</v>
      </c>
      <c r="CQ7" s="91">
        <v>4584</v>
      </c>
      <c r="CR7" s="91">
        <v>4297</v>
      </c>
      <c r="CS7" s="91">
        <v>2572</v>
      </c>
      <c r="CT7" s="91">
        <v>2157</v>
      </c>
      <c r="CU7" s="91">
        <v>1418</v>
      </c>
      <c r="CV7" s="92">
        <v>15028</v>
      </c>
      <c r="CW7" s="93">
        <v>22179</v>
      </c>
      <c r="CX7" s="94">
        <v>1282</v>
      </c>
      <c r="CY7" s="86">
        <v>1552</v>
      </c>
      <c r="CZ7" s="87">
        <v>2834</v>
      </c>
      <c r="DA7" s="412">
        <v>0</v>
      </c>
      <c r="DB7" s="86">
        <v>1843</v>
      </c>
      <c r="DC7" s="86">
        <v>1754</v>
      </c>
      <c r="DD7" s="86">
        <v>1105</v>
      </c>
      <c r="DE7" s="86">
        <v>1110</v>
      </c>
      <c r="DF7" s="86">
        <v>730</v>
      </c>
      <c r="DG7" s="88">
        <v>6542</v>
      </c>
      <c r="DH7" s="89">
        <v>9376</v>
      </c>
      <c r="DI7" s="90">
        <v>31</v>
      </c>
      <c r="DJ7" s="91">
        <v>40</v>
      </c>
      <c r="DK7" s="92">
        <v>71</v>
      </c>
      <c r="DL7" s="412">
        <v>0</v>
      </c>
      <c r="DM7" s="91">
        <v>26</v>
      </c>
      <c r="DN7" s="91">
        <v>42</v>
      </c>
      <c r="DO7" s="91">
        <v>20</v>
      </c>
      <c r="DP7" s="91">
        <v>20</v>
      </c>
      <c r="DQ7" s="91">
        <v>12</v>
      </c>
      <c r="DR7" s="92">
        <v>120</v>
      </c>
      <c r="DS7" s="93">
        <v>191</v>
      </c>
      <c r="DT7" s="90">
        <v>79</v>
      </c>
      <c r="DU7" s="91">
        <v>93</v>
      </c>
      <c r="DV7" s="92">
        <v>172</v>
      </c>
      <c r="DW7" s="412">
        <v>0</v>
      </c>
      <c r="DX7" s="91">
        <v>76</v>
      </c>
      <c r="DY7" s="91">
        <v>76</v>
      </c>
      <c r="DZ7" s="91">
        <v>47</v>
      </c>
      <c r="EA7" s="91">
        <v>35</v>
      </c>
      <c r="EB7" s="91">
        <v>36</v>
      </c>
      <c r="EC7" s="92">
        <v>270</v>
      </c>
      <c r="ED7" s="93">
        <v>442</v>
      </c>
      <c r="EE7" s="90">
        <v>199</v>
      </c>
      <c r="EF7" s="91">
        <v>222</v>
      </c>
      <c r="EG7" s="92">
        <v>421</v>
      </c>
      <c r="EH7" s="412">
        <v>0</v>
      </c>
      <c r="EI7" s="91">
        <v>209</v>
      </c>
      <c r="EJ7" s="91">
        <v>181</v>
      </c>
      <c r="EK7" s="91">
        <v>81</v>
      </c>
      <c r="EL7" s="91">
        <v>66</v>
      </c>
      <c r="EM7" s="91">
        <v>64</v>
      </c>
      <c r="EN7" s="92">
        <v>601</v>
      </c>
      <c r="EO7" s="93">
        <v>1022</v>
      </c>
      <c r="EP7" s="90">
        <v>386</v>
      </c>
      <c r="EQ7" s="91">
        <v>377</v>
      </c>
      <c r="ER7" s="92">
        <v>763</v>
      </c>
      <c r="ES7" s="412">
        <v>0</v>
      </c>
      <c r="ET7" s="91">
        <v>367</v>
      </c>
      <c r="EU7" s="91">
        <v>304</v>
      </c>
      <c r="EV7" s="91">
        <v>167</v>
      </c>
      <c r="EW7" s="91">
        <v>160</v>
      </c>
      <c r="EX7" s="91">
        <v>103</v>
      </c>
      <c r="EY7" s="92">
        <v>1101</v>
      </c>
      <c r="EZ7" s="93">
        <v>1864</v>
      </c>
      <c r="FA7" s="90">
        <v>341</v>
      </c>
      <c r="FB7" s="91">
        <v>459</v>
      </c>
      <c r="FC7" s="92">
        <v>800</v>
      </c>
      <c r="FD7" s="412">
        <v>0</v>
      </c>
      <c r="FE7" s="91">
        <v>582</v>
      </c>
      <c r="FF7" s="91">
        <v>487</v>
      </c>
      <c r="FG7" s="91">
        <v>257</v>
      </c>
      <c r="FH7" s="91">
        <v>266</v>
      </c>
      <c r="FI7" s="91">
        <v>179</v>
      </c>
      <c r="FJ7" s="92">
        <v>1771</v>
      </c>
      <c r="FK7" s="93">
        <v>2571</v>
      </c>
      <c r="FL7" s="90">
        <v>246</v>
      </c>
      <c r="FM7" s="91">
        <v>361</v>
      </c>
      <c r="FN7" s="92">
        <v>607</v>
      </c>
      <c r="FO7" s="412">
        <v>0</v>
      </c>
      <c r="FP7" s="91">
        <v>583</v>
      </c>
      <c r="FQ7" s="91">
        <v>664</v>
      </c>
      <c r="FR7" s="91">
        <v>533</v>
      </c>
      <c r="FS7" s="91">
        <v>563</v>
      </c>
      <c r="FT7" s="91">
        <v>336</v>
      </c>
      <c r="FU7" s="92">
        <v>2679</v>
      </c>
      <c r="FV7" s="93">
        <v>3286</v>
      </c>
      <c r="FW7" s="90">
        <v>0</v>
      </c>
      <c r="FX7" s="91">
        <v>0</v>
      </c>
      <c r="FY7" s="92">
        <v>0</v>
      </c>
      <c r="FZ7" s="412">
        <v>0</v>
      </c>
      <c r="GA7" s="91">
        <v>0</v>
      </c>
      <c r="GB7" s="91">
        <v>0</v>
      </c>
      <c r="GC7" s="91">
        <v>0</v>
      </c>
      <c r="GD7" s="91">
        <v>0</v>
      </c>
      <c r="GE7" s="91">
        <v>0</v>
      </c>
      <c r="GF7" s="92">
        <v>0</v>
      </c>
      <c r="GG7" s="93">
        <v>0</v>
      </c>
      <c r="GH7" s="90">
        <v>1282</v>
      </c>
      <c r="GI7" s="91">
        <v>1552</v>
      </c>
      <c r="GJ7" s="92">
        <v>2834</v>
      </c>
      <c r="GK7" s="412">
        <v>0</v>
      </c>
      <c r="GL7" s="91">
        <v>1843</v>
      </c>
      <c r="GM7" s="91">
        <v>1754</v>
      </c>
      <c r="GN7" s="91">
        <v>1105</v>
      </c>
      <c r="GO7" s="91">
        <v>1110</v>
      </c>
      <c r="GP7" s="91">
        <v>730</v>
      </c>
      <c r="GQ7" s="92">
        <v>6542</v>
      </c>
      <c r="GR7" s="93">
        <v>9376</v>
      </c>
      <c r="GS7" s="94">
        <v>4879</v>
      </c>
      <c r="GT7" s="86">
        <v>5106</v>
      </c>
      <c r="GU7" s="87">
        <v>9985</v>
      </c>
      <c r="GV7" s="412">
        <v>0</v>
      </c>
      <c r="GW7" s="86">
        <v>6427</v>
      </c>
      <c r="GX7" s="86">
        <v>6051</v>
      </c>
      <c r="GY7" s="86">
        <v>3677</v>
      </c>
      <c r="GZ7" s="86">
        <v>3267</v>
      </c>
      <c r="HA7" s="86">
        <v>2148</v>
      </c>
      <c r="HB7" s="88">
        <v>21570</v>
      </c>
      <c r="HC7" s="89">
        <v>31555</v>
      </c>
      <c r="HD7" s="90">
        <v>145</v>
      </c>
      <c r="HE7" s="91">
        <v>198</v>
      </c>
      <c r="HF7" s="92">
        <v>343</v>
      </c>
      <c r="HG7" s="412">
        <v>0</v>
      </c>
      <c r="HH7" s="91">
        <v>144</v>
      </c>
      <c r="HI7" s="91">
        <v>177</v>
      </c>
      <c r="HJ7" s="91">
        <v>106</v>
      </c>
      <c r="HK7" s="91">
        <v>102</v>
      </c>
      <c r="HL7" s="91">
        <v>79</v>
      </c>
      <c r="HM7" s="92">
        <v>608</v>
      </c>
      <c r="HN7" s="93">
        <v>951</v>
      </c>
      <c r="HO7" s="90">
        <v>312</v>
      </c>
      <c r="HP7" s="91">
        <v>359</v>
      </c>
      <c r="HQ7" s="92">
        <v>671</v>
      </c>
      <c r="HR7" s="412">
        <v>0</v>
      </c>
      <c r="HS7" s="91">
        <v>332</v>
      </c>
      <c r="HT7" s="91">
        <v>377</v>
      </c>
      <c r="HU7" s="91">
        <v>216</v>
      </c>
      <c r="HV7" s="91">
        <v>210</v>
      </c>
      <c r="HW7" s="91">
        <v>147</v>
      </c>
      <c r="HX7" s="92">
        <v>1282</v>
      </c>
      <c r="HY7" s="93">
        <v>1953</v>
      </c>
      <c r="HZ7" s="90">
        <v>619</v>
      </c>
      <c r="IA7" s="91">
        <v>662</v>
      </c>
      <c r="IB7" s="92">
        <v>1281</v>
      </c>
      <c r="IC7" s="412">
        <v>0</v>
      </c>
      <c r="ID7" s="91">
        <v>730</v>
      </c>
      <c r="IE7" s="91">
        <v>662</v>
      </c>
      <c r="IF7" s="91">
        <v>358</v>
      </c>
      <c r="IG7" s="91">
        <v>311</v>
      </c>
      <c r="IH7" s="91">
        <v>271</v>
      </c>
      <c r="II7" s="92">
        <v>2332</v>
      </c>
      <c r="IJ7" s="93">
        <v>3613</v>
      </c>
      <c r="IK7" s="90">
        <v>1208</v>
      </c>
      <c r="IL7" s="91">
        <v>1147</v>
      </c>
      <c r="IM7" s="92">
        <v>2355</v>
      </c>
      <c r="IN7" s="412">
        <v>0</v>
      </c>
      <c r="IO7" s="91">
        <v>1411</v>
      </c>
      <c r="IP7" s="91">
        <v>1205</v>
      </c>
      <c r="IQ7" s="91">
        <v>659</v>
      </c>
      <c r="IR7" s="91">
        <v>596</v>
      </c>
      <c r="IS7" s="91">
        <v>396</v>
      </c>
      <c r="IT7" s="92">
        <v>4267</v>
      </c>
      <c r="IU7" s="93">
        <v>6622</v>
      </c>
      <c r="IV7" s="90">
        <v>1502</v>
      </c>
      <c r="IW7" s="91">
        <v>1453</v>
      </c>
      <c r="IX7" s="92">
        <v>2955</v>
      </c>
      <c r="IY7" s="412">
        <v>0</v>
      </c>
      <c r="IZ7" s="91">
        <v>1951</v>
      </c>
      <c r="JA7" s="91">
        <v>1670</v>
      </c>
      <c r="JB7" s="91">
        <v>956</v>
      </c>
      <c r="JC7" s="91">
        <v>819</v>
      </c>
      <c r="JD7" s="91">
        <v>537</v>
      </c>
      <c r="JE7" s="92">
        <v>5933</v>
      </c>
      <c r="JF7" s="93">
        <v>8888</v>
      </c>
      <c r="JG7" s="90">
        <v>1093</v>
      </c>
      <c r="JH7" s="91">
        <v>1287</v>
      </c>
      <c r="JI7" s="92">
        <v>2380</v>
      </c>
      <c r="JJ7" s="412">
        <v>0</v>
      </c>
      <c r="JK7" s="91">
        <v>1859</v>
      </c>
      <c r="JL7" s="91">
        <v>1960</v>
      </c>
      <c r="JM7" s="91">
        <v>1382</v>
      </c>
      <c r="JN7" s="91">
        <v>1229</v>
      </c>
      <c r="JO7" s="91">
        <v>718</v>
      </c>
      <c r="JP7" s="92">
        <v>7148</v>
      </c>
      <c r="JQ7" s="93">
        <v>9528</v>
      </c>
      <c r="JR7" s="90">
        <v>0</v>
      </c>
      <c r="JS7" s="91">
        <v>0</v>
      </c>
      <c r="JT7" s="92">
        <v>0</v>
      </c>
      <c r="JU7" s="412">
        <v>0</v>
      </c>
      <c r="JV7" s="91">
        <v>0</v>
      </c>
      <c r="JW7" s="91">
        <v>0</v>
      </c>
      <c r="JX7" s="91">
        <v>0</v>
      </c>
      <c r="JY7" s="91">
        <v>0</v>
      </c>
      <c r="JZ7" s="91">
        <v>0</v>
      </c>
      <c r="KA7" s="92">
        <v>0</v>
      </c>
      <c r="KB7" s="93">
        <v>0</v>
      </c>
      <c r="KC7" s="90">
        <v>4879</v>
      </c>
      <c r="KD7" s="91">
        <v>5106</v>
      </c>
      <c r="KE7" s="92">
        <v>9985</v>
      </c>
      <c r="KF7" s="412">
        <v>0</v>
      </c>
      <c r="KG7" s="91">
        <v>6427</v>
      </c>
      <c r="KH7" s="91">
        <v>6051</v>
      </c>
      <c r="KI7" s="91">
        <v>3677</v>
      </c>
      <c r="KJ7" s="91">
        <v>3267</v>
      </c>
      <c r="KK7" s="91">
        <v>2148</v>
      </c>
      <c r="KL7" s="92">
        <v>21570</v>
      </c>
      <c r="KM7" s="93">
        <v>31555</v>
      </c>
    </row>
    <row r="8" spans="2:299" s="70" customFormat="1" ht="21" customHeight="1" x14ac:dyDescent="0.2">
      <c r="B8" s="95" t="s">
        <v>5</v>
      </c>
      <c r="C8" s="96">
        <v>1567</v>
      </c>
      <c r="D8" s="97">
        <v>1865</v>
      </c>
      <c r="E8" s="98">
        <v>3432</v>
      </c>
      <c r="F8" s="413">
        <v>0</v>
      </c>
      <c r="G8" s="97">
        <v>1729</v>
      </c>
      <c r="H8" s="97">
        <v>2057</v>
      </c>
      <c r="I8" s="97">
        <v>1170</v>
      </c>
      <c r="J8" s="97">
        <v>988</v>
      </c>
      <c r="K8" s="97">
        <v>627</v>
      </c>
      <c r="L8" s="99">
        <v>6571</v>
      </c>
      <c r="M8" s="100">
        <v>10003</v>
      </c>
      <c r="N8" s="101">
        <v>41</v>
      </c>
      <c r="O8" s="102">
        <v>76</v>
      </c>
      <c r="P8" s="103">
        <v>117</v>
      </c>
      <c r="Q8" s="413">
        <v>0</v>
      </c>
      <c r="R8" s="102">
        <v>33</v>
      </c>
      <c r="S8" s="102">
        <v>64</v>
      </c>
      <c r="T8" s="102">
        <v>37</v>
      </c>
      <c r="U8" s="102">
        <v>40</v>
      </c>
      <c r="V8" s="102">
        <v>30</v>
      </c>
      <c r="W8" s="103">
        <v>204</v>
      </c>
      <c r="X8" s="104">
        <v>321</v>
      </c>
      <c r="Y8" s="101">
        <v>102</v>
      </c>
      <c r="Z8" s="102">
        <v>131</v>
      </c>
      <c r="AA8" s="103">
        <v>233</v>
      </c>
      <c r="AB8" s="413">
        <v>0</v>
      </c>
      <c r="AC8" s="102">
        <v>85</v>
      </c>
      <c r="AD8" s="102">
        <v>137</v>
      </c>
      <c r="AE8" s="102">
        <v>72</v>
      </c>
      <c r="AF8" s="102">
        <v>75</v>
      </c>
      <c r="AG8" s="102">
        <v>38</v>
      </c>
      <c r="AH8" s="103">
        <v>407</v>
      </c>
      <c r="AI8" s="104">
        <v>640</v>
      </c>
      <c r="AJ8" s="101">
        <v>165</v>
      </c>
      <c r="AK8" s="102">
        <v>222</v>
      </c>
      <c r="AL8" s="103">
        <v>387</v>
      </c>
      <c r="AM8" s="413">
        <v>0</v>
      </c>
      <c r="AN8" s="102">
        <v>170</v>
      </c>
      <c r="AO8" s="102">
        <v>226</v>
      </c>
      <c r="AP8" s="102">
        <v>109</v>
      </c>
      <c r="AQ8" s="102">
        <v>120</v>
      </c>
      <c r="AR8" s="102">
        <v>79</v>
      </c>
      <c r="AS8" s="103">
        <v>704</v>
      </c>
      <c r="AT8" s="104">
        <v>1091</v>
      </c>
      <c r="AU8" s="101">
        <v>367</v>
      </c>
      <c r="AV8" s="102">
        <v>414</v>
      </c>
      <c r="AW8" s="103">
        <v>781</v>
      </c>
      <c r="AX8" s="413">
        <v>0</v>
      </c>
      <c r="AY8" s="102">
        <v>363</v>
      </c>
      <c r="AZ8" s="102">
        <v>419</v>
      </c>
      <c r="BA8" s="102">
        <v>213</v>
      </c>
      <c r="BB8" s="102">
        <v>195</v>
      </c>
      <c r="BC8" s="102">
        <v>123</v>
      </c>
      <c r="BD8" s="103">
        <v>1313</v>
      </c>
      <c r="BE8" s="104">
        <v>2094</v>
      </c>
      <c r="BF8" s="101">
        <v>517</v>
      </c>
      <c r="BG8" s="102">
        <v>527</v>
      </c>
      <c r="BH8" s="103">
        <v>1044</v>
      </c>
      <c r="BI8" s="413">
        <v>0</v>
      </c>
      <c r="BJ8" s="102">
        <v>570</v>
      </c>
      <c r="BK8" s="102">
        <v>571</v>
      </c>
      <c r="BL8" s="102">
        <v>323</v>
      </c>
      <c r="BM8" s="102">
        <v>262</v>
      </c>
      <c r="BN8" s="102">
        <v>164</v>
      </c>
      <c r="BO8" s="103">
        <v>1890</v>
      </c>
      <c r="BP8" s="104">
        <v>2934</v>
      </c>
      <c r="BQ8" s="101">
        <v>375</v>
      </c>
      <c r="BR8" s="102">
        <v>495</v>
      </c>
      <c r="BS8" s="103">
        <v>870</v>
      </c>
      <c r="BT8" s="413">
        <v>0</v>
      </c>
      <c r="BU8" s="102">
        <v>508</v>
      </c>
      <c r="BV8" s="102">
        <v>640</v>
      </c>
      <c r="BW8" s="102">
        <v>416</v>
      </c>
      <c r="BX8" s="102">
        <v>296</v>
      </c>
      <c r="BY8" s="102">
        <v>193</v>
      </c>
      <c r="BZ8" s="103">
        <v>2053</v>
      </c>
      <c r="CA8" s="104">
        <v>2923</v>
      </c>
      <c r="CB8" s="101">
        <v>0</v>
      </c>
      <c r="CC8" s="102">
        <v>0</v>
      </c>
      <c r="CD8" s="103">
        <v>0</v>
      </c>
      <c r="CE8" s="413">
        <v>0</v>
      </c>
      <c r="CF8" s="102">
        <v>0</v>
      </c>
      <c r="CG8" s="102">
        <v>0</v>
      </c>
      <c r="CH8" s="102">
        <v>0</v>
      </c>
      <c r="CI8" s="102">
        <v>0</v>
      </c>
      <c r="CJ8" s="102">
        <v>0</v>
      </c>
      <c r="CK8" s="103">
        <v>0</v>
      </c>
      <c r="CL8" s="104">
        <v>0</v>
      </c>
      <c r="CM8" s="101">
        <v>1567</v>
      </c>
      <c r="CN8" s="102">
        <v>1865</v>
      </c>
      <c r="CO8" s="103">
        <v>3432</v>
      </c>
      <c r="CP8" s="413">
        <v>0</v>
      </c>
      <c r="CQ8" s="102">
        <v>1729</v>
      </c>
      <c r="CR8" s="102">
        <v>2057</v>
      </c>
      <c r="CS8" s="102">
        <v>1170</v>
      </c>
      <c r="CT8" s="102">
        <v>988</v>
      </c>
      <c r="CU8" s="102">
        <v>627</v>
      </c>
      <c r="CV8" s="103">
        <v>6571</v>
      </c>
      <c r="CW8" s="104">
        <v>10003</v>
      </c>
      <c r="CX8" s="105">
        <v>508</v>
      </c>
      <c r="CY8" s="97">
        <v>745</v>
      </c>
      <c r="CZ8" s="98">
        <v>1253</v>
      </c>
      <c r="DA8" s="413">
        <v>0</v>
      </c>
      <c r="DB8" s="97">
        <v>682</v>
      </c>
      <c r="DC8" s="97">
        <v>845</v>
      </c>
      <c r="DD8" s="97">
        <v>488</v>
      </c>
      <c r="DE8" s="97">
        <v>488</v>
      </c>
      <c r="DF8" s="97">
        <v>318</v>
      </c>
      <c r="DG8" s="99">
        <v>2821</v>
      </c>
      <c r="DH8" s="100">
        <v>4074</v>
      </c>
      <c r="DI8" s="101">
        <v>11</v>
      </c>
      <c r="DJ8" s="102">
        <v>18</v>
      </c>
      <c r="DK8" s="103">
        <v>29</v>
      </c>
      <c r="DL8" s="413">
        <v>0</v>
      </c>
      <c r="DM8" s="102">
        <v>13</v>
      </c>
      <c r="DN8" s="102">
        <v>20</v>
      </c>
      <c r="DO8" s="102">
        <v>11</v>
      </c>
      <c r="DP8" s="102">
        <v>10</v>
      </c>
      <c r="DQ8" s="102">
        <v>4</v>
      </c>
      <c r="DR8" s="103">
        <v>58</v>
      </c>
      <c r="DS8" s="104">
        <v>87</v>
      </c>
      <c r="DT8" s="101">
        <v>24</v>
      </c>
      <c r="DU8" s="102">
        <v>48</v>
      </c>
      <c r="DV8" s="103">
        <v>72</v>
      </c>
      <c r="DW8" s="413">
        <v>0</v>
      </c>
      <c r="DX8" s="102">
        <v>17</v>
      </c>
      <c r="DY8" s="102">
        <v>37</v>
      </c>
      <c r="DZ8" s="102">
        <v>18</v>
      </c>
      <c r="EA8" s="102">
        <v>13</v>
      </c>
      <c r="EB8" s="102">
        <v>22</v>
      </c>
      <c r="EC8" s="103">
        <v>107</v>
      </c>
      <c r="ED8" s="104">
        <v>179</v>
      </c>
      <c r="EE8" s="101">
        <v>81</v>
      </c>
      <c r="EF8" s="102">
        <v>106</v>
      </c>
      <c r="EG8" s="103">
        <v>187</v>
      </c>
      <c r="EH8" s="413">
        <v>0</v>
      </c>
      <c r="EI8" s="102">
        <v>75</v>
      </c>
      <c r="EJ8" s="102">
        <v>95</v>
      </c>
      <c r="EK8" s="102">
        <v>27</v>
      </c>
      <c r="EL8" s="102">
        <v>29</v>
      </c>
      <c r="EM8" s="102">
        <v>29</v>
      </c>
      <c r="EN8" s="103">
        <v>255</v>
      </c>
      <c r="EO8" s="104">
        <v>442</v>
      </c>
      <c r="EP8" s="101">
        <v>149</v>
      </c>
      <c r="EQ8" s="102">
        <v>187</v>
      </c>
      <c r="ER8" s="103">
        <v>336</v>
      </c>
      <c r="ES8" s="413">
        <v>0</v>
      </c>
      <c r="ET8" s="102">
        <v>137</v>
      </c>
      <c r="EU8" s="102">
        <v>134</v>
      </c>
      <c r="EV8" s="102">
        <v>85</v>
      </c>
      <c r="EW8" s="102">
        <v>67</v>
      </c>
      <c r="EX8" s="102">
        <v>37</v>
      </c>
      <c r="EY8" s="103">
        <v>460</v>
      </c>
      <c r="EZ8" s="104">
        <v>796</v>
      </c>
      <c r="FA8" s="101">
        <v>136</v>
      </c>
      <c r="FB8" s="102">
        <v>227</v>
      </c>
      <c r="FC8" s="103">
        <v>363</v>
      </c>
      <c r="FD8" s="413">
        <v>0</v>
      </c>
      <c r="FE8" s="102">
        <v>227</v>
      </c>
      <c r="FF8" s="102">
        <v>246</v>
      </c>
      <c r="FG8" s="102">
        <v>115</v>
      </c>
      <c r="FH8" s="102">
        <v>128</v>
      </c>
      <c r="FI8" s="102">
        <v>75</v>
      </c>
      <c r="FJ8" s="103">
        <v>791</v>
      </c>
      <c r="FK8" s="104">
        <v>1154</v>
      </c>
      <c r="FL8" s="101">
        <v>107</v>
      </c>
      <c r="FM8" s="102">
        <v>159</v>
      </c>
      <c r="FN8" s="103">
        <v>266</v>
      </c>
      <c r="FO8" s="413">
        <v>0</v>
      </c>
      <c r="FP8" s="102">
        <v>213</v>
      </c>
      <c r="FQ8" s="102">
        <v>313</v>
      </c>
      <c r="FR8" s="102">
        <v>232</v>
      </c>
      <c r="FS8" s="102">
        <v>241</v>
      </c>
      <c r="FT8" s="102">
        <v>151</v>
      </c>
      <c r="FU8" s="103">
        <v>1150</v>
      </c>
      <c r="FV8" s="104">
        <v>1416</v>
      </c>
      <c r="FW8" s="101">
        <v>0</v>
      </c>
      <c r="FX8" s="102">
        <v>0</v>
      </c>
      <c r="FY8" s="103">
        <v>0</v>
      </c>
      <c r="FZ8" s="413">
        <v>0</v>
      </c>
      <c r="GA8" s="102">
        <v>0</v>
      </c>
      <c r="GB8" s="102">
        <v>0</v>
      </c>
      <c r="GC8" s="102">
        <v>0</v>
      </c>
      <c r="GD8" s="102">
        <v>0</v>
      </c>
      <c r="GE8" s="102">
        <v>0</v>
      </c>
      <c r="GF8" s="103">
        <v>0</v>
      </c>
      <c r="GG8" s="104">
        <v>0</v>
      </c>
      <c r="GH8" s="101">
        <v>508</v>
      </c>
      <c r="GI8" s="102">
        <v>745</v>
      </c>
      <c r="GJ8" s="103">
        <v>1253</v>
      </c>
      <c r="GK8" s="413">
        <v>0</v>
      </c>
      <c r="GL8" s="102">
        <v>682</v>
      </c>
      <c r="GM8" s="102">
        <v>845</v>
      </c>
      <c r="GN8" s="102">
        <v>488</v>
      </c>
      <c r="GO8" s="102">
        <v>488</v>
      </c>
      <c r="GP8" s="102">
        <v>318</v>
      </c>
      <c r="GQ8" s="103">
        <v>2821</v>
      </c>
      <c r="GR8" s="104">
        <v>4074</v>
      </c>
      <c r="GS8" s="105">
        <v>2075</v>
      </c>
      <c r="GT8" s="97">
        <v>2610</v>
      </c>
      <c r="GU8" s="98">
        <v>4685</v>
      </c>
      <c r="GV8" s="413">
        <v>0</v>
      </c>
      <c r="GW8" s="97">
        <v>2411</v>
      </c>
      <c r="GX8" s="97">
        <v>2902</v>
      </c>
      <c r="GY8" s="97">
        <v>1658</v>
      </c>
      <c r="GZ8" s="97">
        <v>1476</v>
      </c>
      <c r="HA8" s="97">
        <v>945</v>
      </c>
      <c r="HB8" s="99">
        <v>9392</v>
      </c>
      <c r="HC8" s="100">
        <v>14077</v>
      </c>
      <c r="HD8" s="101">
        <v>52</v>
      </c>
      <c r="HE8" s="102">
        <v>94</v>
      </c>
      <c r="HF8" s="103">
        <v>146</v>
      </c>
      <c r="HG8" s="413">
        <v>0</v>
      </c>
      <c r="HH8" s="102">
        <v>46</v>
      </c>
      <c r="HI8" s="102">
        <v>84</v>
      </c>
      <c r="HJ8" s="102">
        <v>48</v>
      </c>
      <c r="HK8" s="102">
        <v>50</v>
      </c>
      <c r="HL8" s="102">
        <v>34</v>
      </c>
      <c r="HM8" s="103">
        <v>262</v>
      </c>
      <c r="HN8" s="104">
        <v>408</v>
      </c>
      <c r="HO8" s="101">
        <v>126</v>
      </c>
      <c r="HP8" s="102">
        <v>179</v>
      </c>
      <c r="HQ8" s="103">
        <v>305</v>
      </c>
      <c r="HR8" s="413">
        <v>0</v>
      </c>
      <c r="HS8" s="102">
        <v>102</v>
      </c>
      <c r="HT8" s="102">
        <v>174</v>
      </c>
      <c r="HU8" s="102">
        <v>90</v>
      </c>
      <c r="HV8" s="102">
        <v>88</v>
      </c>
      <c r="HW8" s="102">
        <v>60</v>
      </c>
      <c r="HX8" s="103">
        <v>514</v>
      </c>
      <c r="HY8" s="104">
        <v>819</v>
      </c>
      <c r="HZ8" s="101">
        <v>246</v>
      </c>
      <c r="IA8" s="102">
        <v>328</v>
      </c>
      <c r="IB8" s="103">
        <v>574</v>
      </c>
      <c r="IC8" s="413">
        <v>0</v>
      </c>
      <c r="ID8" s="102">
        <v>245</v>
      </c>
      <c r="IE8" s="102">
        <v>321</v>
      </c>
      <c r="IF8" s="102">
        <v>136</v>
      </c>
      <c r="IG8" s="102">
        <v>149</v>
      </c>
      <c r="IH8" s="102">
        <v>108</v>
      </c>
      <c r="II8" s="103">
        <v>959</v>
      </c>
      <c r="IJ8" s="104">
        <v>1533</v>
      </c>
      <c r="IK8" s="101">
        <v>516</v>
      </c>
      <c r="IL8" s="102">
        <v>601</v>
      </c>
      <c r="IM8" s="103">
        <v>1117</v>
      </c>
      <c r="IN8" s="413">
        <v>0</v>
      </c>
      <c r="IO8" s="102">
        <v>500</v>
      </c>
      <c r="IP8" s="102">
        <v>553</v>
      </c>
      <c r="IQ8" s="102">
        <v>298</v>
      </c>
      <c r="IR8" s="102">
        <v>262</v>
      </c>
      <c r="IS8" s="102">
        <v>160</v>
      </c>
      <c r="IT8" s="103">
        <v>1773</v>
      </c>
      <c r="IU8" s="104">
        <v>2890</v>
      </c>
      <c r="IV8" s="101">
        <v>653</v>
      </c>
      <c r="IW8" s="102">
        <v>754</v>
      </c>
      <c r="IX8" s="103">
        <v>1407</v>
      </c>
      <c r="IY8" s="413">
        <v>0</v>
      </c>
      <c r="IZ8" s="102">
        <v>797</v>
      </c>
      <c r="JA8" s="102">
        <v>817</v>
      </c>
      <c r="JB8" s="102">
        <v>438</v>
      </c>
      <c r="JC8" s="102">
        <v>390</v>
      </c>
      <c r="JD8" s="102">
        <v>239</v>
      </c>
      <c r="JE8" s="103">
        <v>2681</v>
      </c>
      <c r="JF8" s="104">
        <v>4088</v>
      </c>
      <c r="JG8" s="101">
        <v>482</v>
      </c>
      <c r="JH8" s="102">
        <v>654</v>
      </c>
      <c r="JI8" s="103">
        <v>1136</v>
      </c>
      <c r="JJ8" s="413">
        <v>0</v>
      </c>
      <c r="JK8" s="102">
        <v>721</v>
      </c>
      <c r="JL8" s="102">
        <v>953</v>
      </c>
      <c r="JM8" s="102">
        <v>648</v>
      </c>
      <c r="JN8" s="102">
        <v>537</v>
      </c>
      <c r="JO8" s="102">
        <v>344</v>
      </c>
      <c r="JP8" s="103">
        <v>3203</v>
      </c>
      <c r="JQ8" s="104">
        <v>4339</v>
      </c>
      <c r="JR8" s="101">
        <v>0</v>
      </c>
      <c r="JS8" s="102">
        <v>0</v>
      </c>
      <c r="JT8" s="103">
        <v>0</v>
      </c>
      <c r="JU8" s="413">
        <v>0</v>
      </c>
      <c r="JV8" s="102">
        <v>0</v>
      </c>
      <c r="JW8" s="102">
        <v>0</v>
      </c>
      <c r="JX8" s="102">
        <v>0</v>
      </c>
      <c r="JY8" s="102">
        <v>0</v>
      </c>
      <c r="JZ8" s="102">
        <v>0</v>
      </c>
      <c r="KA8" s="103">
        <v>0</v>
      </c>
      <c r="KB8" s="104">
        <v>0</v>
      </c>
      <c r="KC8" s="101">
        <v>2075</v>
      </c>
      <c r="KD8" s="102">
        <v>2610</v>
      </c>
      <c r="KE8" s="103">
        <v>4685</v>
      </c>
      <c r="KF8" s="413">
        <v>0</v>
      </c>
      <c r="KG8" s="102">
        <v>2411</v>
      </c>
      <c r="KH8" s="102">
        <v>2902</v>
      </c>
      <c r="KI8" s="102">
        <v>1658</v>
      </c>
      <c r="KJ8" s="102">
        <v>1476</v>
      </c>
      <c r="KK8" s="102">
        <v>945</v>
      </c>
      <c r="KL8" s="103">
        <v>9392</v>
      </c>
      <c r="KM8" s="104">
        <v>14077</v>
      </c>
    </row>
    <row r="9" spans="2:299" s="70" customFormat="1" ht="21" customHeight="1" x14ac:dyDescent="0.2">
      <c r="B9" s="106" t="s">
        <v>6</v>
      </c>
      <c r="C9" s="96">
        <v>478</v>
      </c>
      <c r="D9" s="97">
        <v>422</v>
      </c>
      <c r="E9" s="98">
        <v>900</v>
      </c>
      <c r="F9" s="413">
        <v>0</v>
      </c>
      <c r="G9" s="97">
        <v>782</v>
      </c>
      <c r="H9" s="97">
        <v>625</v>
      </c>
      <c r="I9" s="97">
        <v>352</v>
      </c>
      <c r="J9" s="97">
        <v>346</v>
      </c>
      <c r="K9" s="97">
        <v>229</v>
      </c>
      <c r="L9" s="99">
        <v>2334</v>
      </c>
      <c r="M9" s="100">
        <v>3234</v>
      </c>
      <c r="N9" s="101">
        <v>23</v>
      </c>
      <c r="O9" s="102">
        <v>27</v>
      </c>
      <c r="P9" s="103">
        <v>50</v>
      </c>
      <c r="Q9" s="413">
        <v>0</v>
      </c>
      <c r="R9" s="102">
        <v>27</v>
      </c>
      <c r="S9" s="102">
        <v>23</v>
      </c>
      <c r="T9" s="102">
        <v>12</v>
      </c>
      <c r="U9" s="102">
        <v>15</v>
      </c>
      <c r="V9" s="102">
        <v>12</v>
      </c>
      <c r="W9" s="103">
        <v>89</v>
      </c>
      <c r="X9" s="104">
        <v>139</v>
      </c>
      <c r="Y9" s="101">
        <v>37</v>
      </c>
      <c r="Z9" s="102">
        <v>35</v>
      </c>
      <c r="AA9" s="103">
        <v>72</v>
      </c>
      <c r="AB9" s="413">
        <v>0</v>
      </c>
      <c r="AC9" s="102">
        <v>54</v>
      </c>
      <c r="AD9" s="102">
        <v>38</v>
      </c>
      <c r="AE9" s="102">
        <v>28</v>
      </c>
      <c r="AF9" s="102">
        <v>31</v>
      </c>
      <c r="AG9" s="102">
        <v>22</v>
      </c>
      <c r="AH9" s="103">
        <v>173</v>
      </c>
      <c r="AI9" s="104">
        <v>245</v>
      </c>
      <c r="AJ9" s="101">
        <v>76</v>
      </c>
      <c r="AK9" s="102">
        <v>54</v>
      </c>
      <c r="AL9" s="103">
        <v>130</v>
      </c>
      <c r="AM9" s="413">
        <v>0</v>
      </c>
      <c r="AN9" s="102">
        <v>96</v>
      </c>
      <c r="AO9" s="102">
        <v>68</v>
      </c>
      <c r="AP9" s="102">
        <v>44</v>
      </c>
      <c r="AQ9" s="102">
        <v>38</v>
      </c>
      <c r="AR9" s="102">
        <v>41</v>
      </c>
      <c r="AS9" s="103">
        <v>287</v>
      </c>
      <c r="AT9" s="104">
        <v>417</v>
      </c>
      <c r="AU9" s="101">
        <v>100</v>
      </c>
      <c r="AV9" s="102">
        <v>73</v>
      </c>
      <c r="AW9" s="103">
        <v>173</v>
      </c>
      <c r="AX9" s="413">
        <v>0</v>
      </c>
      <c r="AY9" s="102">
        <v>185</v>
      </c>
      <c r="AZ9" s="102">
        <v>128</v>
      </c>
      <c r="BA9" s="102">
        <v>68</v>
      </c>
      <c r="BB9" s="102">
        <v>69</v>
      </c>
      <c r="BC9" s="102">
        <v>42</v>
      </c>
      <c r="BD9" s="103">
        <v>492</v>
      </c>
      <c r="BE9" s="104">
        <v>665</v>
      </c>
      <c r="BF9" s="101">
        <v>137</v>
      </c>
      <c r="BG9" s="102">
        <v>109</v>
      </c>
      <c r="BH9" s="103">
        <v>246</v>
      </c>
      <c r="BI9" s="413">
        <v>0</v>
      </c>
      <c r="BJ9" s="102">
        <v>210</v>
      </c>
      <c r="BK9" s="102">
        <v>161</v>
      </c>
      <c r="BL9" s="102">
        <v>84</v>
      </c>
      <c r="BM9" s="102">
        <v>83</v>
      </c>
      <c r="BN9" s="102">
        <v>54</v>
      </c>
      <c r="BO9" s="103">
        <v>592</v>
      </c>
      <c r="BP9" s="104">
        <v>838</v>
      </c>
      <c r="BQ9" s="101">
        <v>105</v>
      </c>
      <c r="BR9" s="102">
        <v>124</v>
      </c>
      <c r="BS9" s="103">
        <v>229</v>
      </c>
      <c r="BT9" s="413">
        <v>0</v>
      </c>
      <c r="BU9" s="102">
        <v>210</v>
      </c>
      <c r="BV9" s="102">
        <v>207</v>
      </c>
      <c r="BW9" s="102">
        <v>116</v>
      </c>
      <c r="BX9" s="102">
        <v>110</v>
      </c>
      <c r="BY9" s="102">
        <v>58</v>
      </c>
      <c r="BZ9" s="103">
        <v>701</v>
      </c>
      <c r="CA9" s="104">
        <v>930</v>
      </c>
      <c r="CB9" s="101">
        <v>0</v>
      </c>
      <c r="CC9" s="102">
        <v>0</v>
      </c>
      <c r="CD9" s="103">
        <v>0</v>
      </c>
      <c r="CE9" s="413">
        <v>0</v>
      </c>
      <c r="CF9" s="102">
        <v>0</v>
      </c>
      <c r="CG9" s="102">
        <v>0</v>
      </c>
      <c r="CH9" s="102">
        <v>0</v>
      </c>
      <c r="CI9" s="102">
        <v>0</v>
      </c>
      <c r="CJ9" s="102">
        <v>0</v>
      </c>
      <c r="CK9" s="103">
        <v>0</v>
      </c>
      <c r="CL9" s="104">
        <v>0</v>
      </c>
      <c r="CM9" s="101">
        <v>478</v>
      </c>
      <c r="CN9" s="102">
        <v>422</v>
      </c>
      <c r="CO9" s="103">
        <v>900</v>
      </c>
      <c r="CP9" s="413">
        <v>0</v>
      </c>
      <c r="CQ9" s="102">
        <v>782</v>
      </c>
      <c r="CR9" s="102">
        <v>625</v>
      </c>
      <c r="CS9" s="102">
        <v>352</v>
      </c>
      <c r="CT9" s="102">
        <v>346</v>
      </c>
      <c r="CU9" s="102">
        <v>229</v>
      </c>
      <c r="CV9" s="103">
        <v>2334</v>
      </c>
      <c r="CW9" s="104">
        <v>3234</v>
      </c>
      <c r="CX9" s="105">
        <v>230</v>
      </c>
      <c r="CY9" s="97">
        <v>261</v>
      </c>
      <c r="CZ9" s="98">
        <v>491</v>
      </c>
      <c r="DA9" s="413">
        <v>0</v>
      </c>
      <c r="DB9" s="97">
        <v>391</v>
      </c>
      <c r="DC9" s="97">
        <v>283</v>
      </c>
      <c r="DD9" s="97">
        <v>211</v>
      </c>
      <c r="DE9" s="97">
        <v>199</v>
      </c>
      <c r="DF9" s="97">
        <v>121</v>
      </c>
      <c r="DG9" s="99">
        <v>1205</v>
      </c>
      <c r="DH9" s="100">
        <v>1696</v>
      </c>
      <c r="DI9" s="101">
        <v>6</v>
      </c>
      <c r="DJ9" s="102">
        <v>6</v>
      </c>
      <c r="DK9" s="103">
        <v>12</v>
      </c>
      <c r="DL9" s="413">
        <v>0</v>
      </c>
      <c r="DM9" s="102">
        <v>3</v>
      </c>
      <c r="DN9" s="102">
        <v>6</v>
      </c>
      <c r="DO9" s="102">
        <v>3</v>
      </c>
      <c r="DP9" s="102">
        <v>2</v>
      </c>
      <c r="DQ9" s="102">
        <v>1</v>
      </c>
      <c r="DR9" s="103">
        <v>15</v>
      </c>
      <c r="DS9" s="104">
        <v>27</v>
      </c>
      <c r="DT9" s="101">
        <v>18</v>
      </c>
      <c r="DU9" s="102">
        <v>16</v>
      </c>
      <c r="DV9" s="103">
        <v>34</v>
      </c>
      <c r="DW9" s="413">
        <v>0</v>
      </c>
      <c r="DX9" s="102">
        <v>25</v>
      </c>
      <c r="DY9" s="102">
        <v>12</v>
      </c>
      <c r="DZ9" s="102">
        <v>13</v>
      </c>
      <c r="EA9" s="102">
        <v>6</v>
      </c>
      <c r="EB9" s="102">
        <v>4</v>
      </c>
      <c r="EC9" s="103">
        <v>60</v>
      </c>
      <c r="ED9" s="104">
        <v>94</v>
      </c>
      <c r="EE9" s="101">
        <v>31</v>
      </c>
      <c r="EF9" s="102">
        <v>36</v>
      </c>
      <c r="EG9" s="103">
        <v>67</v>
      </c>
      <c r="EH9" s="413">
        <v>0</v>
      </c>
      <c r="EI9" s="102">
        <v>49</v>
      </c>
      <c r="EJ9" s="102">
        <v>25</v>
      </c>
      <c r="EK9" s="102">
        <v>13</v>
      </c>
      <c r="EL9" s="102">
        <v>6</v>
      </c>
      <c r="EM9" s="102">
        <v>14</v>
      </c>
      <c r="EN9" s="103">
        <v>107</v>
      </c>
      <c r="EO9" s="104">
        <v>174</v>
      </c>
      <c r="EP9" s="101">
        <v>73</v>
      </c>
      <c r="EQ9" s="102">
        <v>55</v>
      </c>
      <c r="ER9" s="103">
        <v>128</v>
      </c>
      <c r="ES9" s="413">
        <v>0</v>
      </c>
      <c r="ET9" s="102">
        <v>79</v>
      </c>
      <c r="EU9" s="102">
        <v>56</v>
      </c>
      <c r="EV9" s="102">
        <v>23</v>
      </c>
      <c r="EW9" s="102">
        <v>33</v>
      </c>
      <c r="EX9" s="102">
        <v>23</v>
      </c>
      <c r="EY9" s="103">
        <v>214</v>
      </c>
      <c r="EZ9" s="104">
        <v>342</v>
      </c>
      <c r="FA9" s="101">
        <v>59</v>
      </c>
      <c r="FB9" s="102">
        <v>83</v>
      </c>
      <c r="FC9" s="103">
        <v>142</v>
      </c>
      <c r="FD9" s="413">
        <v>0</v>
      </c>
      <c r="FE9" s="102">
        <v>106</v>
      </c>
      <c r="FF9" s="102">
        <v>75</v>
      </c>
      <c r="FG9" s="102">
        <v>52</v>
      </c>
      <c r="FH9" s="102">
        <v>48</v>
      </c>
      <c r="FI9" s="102">
        <v>28</v>
      </c>
      <c r="FJ9" s="103">
        <v>309</v>
      </c>
      <c r="FK9" s="104">
        <v>451</v>
      </c>
      <c r="FL9" s="101">
        <v>43</v>
      </c>
      <c r="FM9" s="102">
        <v>65</v>
      </c>
      <c r="FN9" s="103">
        <v>108</v>
      </c>
      <c r="FO9" s="413">
        <v>0</v>
      </c>
      <c r="FP9" s="102">
        <v>129</v>
      </c>
      <c r="FQ9" s="102">
        <v>109</v>
      </c>
      <c r="FR9" s="102">
        <v>107</v>
      </c>
      <c r="FS9" s="102">
        <v>104</v>
      </c>
      <c r="FT9" s="102">
        <v>51</v>
      </c>
      <c r="FU9" s="103">
        <v>500</v>
      </c>
      <c r="FV9" s="104">
        <v>608</v>
      </c>
      <c r="FW9" s="101">
        <v>0</v>
      </c>
      <c r="FX9" s="102">
        <v>0</v>
      </c>
      <c r="FY9" s="103">
        <v>0</v>
      </c>
      <c r="FZ9" s="413">
        <v>0</v>
      </c>
      <c r="GA9" s="102">
        <v>0</v>
      </c>
      <c r="GB9" s="102">
        <v>0</v>
      </c>
      <c r="GC9" s="102">
        <v>0</v>
      </c>
      <c r="GD9" s="102">
        <v>0</v>
      </c>
      <c r="GE9" s="102">
        <v>0</v>
      </c>
      <c r="GF9" s="103">
        <v>0</v>
      </c>
      <c r="GG9" s="104">
        <v>0</v>
      </c>
      <c r="GH9" s="101">
        <v>230</v>
      </c>
      <c r="GI9" s="102">
        <v>261</v>
      </c>
      <c r="GJ9" s="103">
        <v>491</v>
      </c>
      <c r="GK9" s="413">
        <v>0</v>
      </c>
      <c r="GL9" s="102">
        <v>391</v>
      </c>
      <c r="GM9" s="102">
        <v>283</v>
      </c>
      <c r="GN9" s="102">
        <v>211</v>
      </c>
      <c r="GO9" s="102">
        <v>199</v>
      </c>
      <c r="GP9" s="102">
        <v>121</v>
      </c>
      <c r="GQ9" s="103">
        <v>1205</v>
      </c>
      <c r="GR9" s="104">
        <v>1696</v>
      </c>
      <c r="GS9" s="105">
        <v>708</v>
      </c>
      <c r="GT9" s="97">
        <v>683</v>
      </c>
      <c r="GU9" s="98">
        <v>1391</v>
      </c>
      <c r="GV9" s="413">
        <v>0</v>
      </c>
      <c r="GW9" s="97">
        <v>1173</v>
      </c>
      <c r="GX9" s="97">
        <v>908</v>
      </c>
      <c r="GY9" s="97">
        <v>563</v>
      </c>
      <c r="GZ9" s="97">
        <v>545</v>
      </c>
      <c r="HA9" s="97">
        <v>350</v>
      </c>
      <c r="HB9" s="99">
        <v>3539</v>
      </c>
      <c r="HC9" s="100">
        <v>4930</v>
      </c>
      <c r="HD9" s="101">
        <v>29</v>
      </c>
      <c r="HE9" s="102">
        <v>33</v>
      </c>
      <c r="HF9" s="103">
        <v>62</v>
      </c>
      <c r="HG9" s="413">
        <v>0</v>
      </c>
      <c r="HH9" s="102">
        <v>30</v>
      </c>
      <c r="HI9" s="102">
        <v>29</v>
      </c>
      <c r="HJ9" s="102">
        <v>15</v>
      </c>
      <c r="HK9" s="102">
        <v>17</v>
      </c>
      <c r="HL9" s="102">
        <v>13</v>
      </c>
      <c r="HM9" s="103">
        <v>104</v>
      </c>
      <c r="HN9" s="104">
        <v>166</v>
      </c>
      <c r="HO9" s="101">
        <v>55</v>
      </c>
      <c r="HP9" s="102">
        <v>51</v>
      </c>
      <c r="HQ9" s="103">
        <v>106</v>
      </c>
      <c r="HR9" s="413">
        <v>0</v>
      </c>
      <c r="HS9" s="102">
        <v>79</v>
      </c>
      <c r="HT9" s="102">
        <v>50</v>
      </c>
      <c r="HU9" s="102">
        <v>41</v>
      </c>
      <c r="HV9" s="102">
        <v>37</v>
      </c>
      <c r="HW9" s="102">
        <v>26</v>
      </c>
      <c r="HX9" s="103">
        <v>233</v>
      </c>
      <c r="HY9" s="104">
        <v>339</v>
      </c>
      <c r="HZ9" s="101">
        <v>107</v>
      </c>
      <c r="IA9" s="102">
        <v>90</v>
      </c>
      <c r="IB9" s="103">
        <v>197</v>
      </c>
      <c r="IC9" s="413">
        <v>0</v>
      </c>
      <c r="ID9" s="102">
        <v>145</v>
      </c>
      <c r="IE9" s="102">
        <v>93</v>
      </c>
      <c r="IF9" s="102">
        <v>57</v>
      </c>
      <c r="IG9" s="102">
        <v>44</v>
      </c>
      <c r="IH9" s="102">
        <v>55</v>
      </c>
      <c r="II9" s="103">
        <v>394</v>
      </c>
      <c r="IJ9" s="104">
        <v>591</v>
      </c>
      <c r="IK9" s="101">
        <v>173</v>
      </c>
      <c r="IL9" s="102">
        <v>128</v>
      </c>
      <c r="IM9" s="103">
        <v>301</v>
      </c>
      <c r="IN9" s="413">
        <v>0</v>
      </c>
      <c r="IO9" s="102">
        <v>264</v>
      </c>
      <c r="IP9" s="102">
        <v>184</v>
      </c>
      <c r="IQ9" s="102">
        <v>91</v>
      </c>
      <c r="IR9" s="102">
        <v>102</v>
      </c>
      <c r="IS9" s="102">
        <v>65</v>
      </c>
      <c r="IT9" s="103">
        <v>706</v>
      </c>
      <c r="IU9" s="104">
        <v>1007</v>
      </c>
      <c r="IV9" s="101">
        <v>196</v>
      </c>
      <c r="IW9" s="102">
        <v>192</v>
      </c>
      <c r="IX9" s="103">
        <v>388</v>
      </c>
      <c r="IY9" s="413">
        <v>0</v>
      </c>
      <c r="IZ9" s="102">
        <v>316</v>
      </c>
      <c r="JA9" s="102">
        <v>236</v>
      </c>
      <c r="JB9" s="102">
        <v>136</v>
      </c>
      <c r="JC9" s="102">
        <v>131</v>
      </c>
      <c r="JD9" s="102">
        <v>82</v>
      </c>
      <c r="JE9" s="103">
        <v>901</v>
      </c>
      <c r="JF9" s="104">
        <v>1289</v>
      </c>
      <c r="JG9" s="101">
        <v>148</v>
      </c>
      <c r="JH9" s="102">
        <v>189</v>
      </c>
      <c r="JI9" s="103">
        <v>337</v>
      </c>
      <c r="JJ9" s="413">
        <v>0</v>
      </c>
      <c r="JK9" s="102">
        <v>339</v>
      </c>
      <c r="JL9" s="102">
        <v>316</v>
      </c>
      <c r="JM9" s="102">
        <v>223</v>
      </c>
      <c r="JN9" s="102">
        <v>214</v>
      </c>
      <c r="JO9" s="102">
        <v>109</v>
      </c>
      <c r="JP9" s="103">
        <v>1201</v>
      </c>
      <c r="JQ9" s="104">
        <v>1538</v>
      </c>
      <c r="JR9" s="101">
        <v>0</v>
      </c>
      <c r="JS9" s="102">
        <v>0</v>
      </c>
      <c r="JT9" s="103">
        <v>0</v>
      </c>
      <c r="JU9" s="413">
        <v>0</v>
      </c>
      <c r="JV9" s="102">
        <v>0</v>
      </c>
      <c r="JW9" s="102">
        <v>0</v>
      </c>
      <c r="JX9" s="102">
        <v>0</v>
      </c>
      <c r="JY9" s="102">
        <v>0</v>
      </c>
      <c r="JZ9" s="102">
        <v>0</v>
      </c>
      <c r="KA9" s="103">
        <v>0</v>
      </c>
      <c r="KB9" s="104">
        <v>0</v>
      </c>
      <c r="KC9" s="101">
        <v>708</v>
      </c>
      <c r="KD9" s="102">
        <v>683</v>
      </c>
      <c r="KE9" s="103">
        <v>1391</v>
      </c>
      <c r="KF9" s="413">
        <v>0</v>
      </c>
      <c r="KG9" s="102">
        <v>1173</v>
      </c>
      <c r="KH9" s="102">
        <v>908</v>
      </c>
      <c r="KI9" s="102">
        <v>563</v>
      </c>
      <c r="KJ9" s="102">
        <v>545</v>
      </c>
      <c r="KK9" s="102">
        <v>350</v>
      </c>
      <c r="KL9" s="103">
        <v>3539</v>
      </c>
      <c r="KM9" s="104">
        <v>4930</v>
      </c>
    </row>
    <row r="10" spans="2:299" s="70" customFormat="1" ht="21" customHeight="1" x14ac:dyDescent="0.2">
      <c r="B10" s="106" t="s">
        <v>14</v>
      </c>
      <c r="C10" s="96">
        <v>196</v>
      </c>
      <c r="D10" s="97">
        <v>225</v>
      </c>
      <c r="E10" s="98">
        <v>421</v>
      </c>
      <c r="F10" s="413">
        <v>0</v>
      </c>
      <c r="G10" s="97">
        <v>242</v>
      </c>
      <c r="H10" s="97">
        <v>288</v>
      </c>
      <c r="I10" s="97">
        <v>166</v>
      </c>
      <c r="J10" s="97">
        <v>147</v>
      </c>
      <c r="K10" s="97">
        <v>90</v>
      </c>
      <c r="L10" s="99">
        <v>933</v>
      </c>
      <c r="M10" s="100">
        <v>1354</v>
      </c>
      <c r="N10" s="101">
        <v>5</v>
      </c>
      <c r="O10" s="102">
        <v>11</v>
      </c>
      <c r="P10" s="103">
        <v>16</v>
      </c>
      <c r="Q10" s="413">
        <v>0</v>
      </c>
      <c r="R10" s="102">
        <v>11</v>
      </c>
      <c r="S10" s="102">
        <v>8</v>
      </c>
      <c r="T10" s="102">
        <v>4</v>
      </c>
      <c r="U10" s="102">
        <v>10</v>
      </c>
      <c r="V10" s="102">
        <v>2</v>
      </c>
      <c r="W10" s="103">
        <v>35</v>
      </c>
      <c r="X10" s="104">
        <v>51</v>
      </c>
      <c r="Y10" s="101">
        <v>15</v>
      </c>
      <c r="Z10" s="102">
        <v>22</v>
      </c>
      <c r="AA10" s="103">
        <v>37</v>
      </c>
      <c r="AB10" s="413">
        <v>0</v>
      </c>
      <c r="AC10" s="102">
        <v>13</v>
      </c>
      <c r="AD10" s="102">
        <v>16</v>
      </c>
      <c r="AE10" s="102">
        <v>16</v>
      </c>
      <c r="AF10" s="102">
        <v>10</v>
      </c>
      <c r="AG10" s="102">
        <v>11</v>
      </c>
      <c r="AH10" s="103">
        <v>66</v>
      </c>
      <c r="AI10" s="104">
        <v>103</v>
      </c>
      <c r="AJ10" s="101">
        <v>29</v>
      </c>
      <c r="AK10" s="102">
        <v>36</v>
      </c>
      <c r="AL10" s="103">
        <v>65</v>
      </c>
      <c r="AM10" s="413">
        <v>0</v>
      </c>
      <c r="AN10" s="102">
        <v>22</v>
      </c>
      <c r="AO10" s="102">
        <v>40</v>
      </c>
      <c r="AP10" s="102">
        <v>21</v>
      </c>
      <c r="AQ10" s="102">
        <v>15</v>
      </c>
      <c r="AR10" s="102">
        <v>15</v>
      </c>
      <c r="AS10" s="103">
        <v>113</v>
      </c>
      <c r="AT10" s="104">
        <v>178</v>
      </c>
      <c r="AU10" s="101">
        <v>44</v>
      </c>
      <c r="AV10" s="102">
        <v>45</v>
      </c>
      <c r="AW10" s="103">
        <v>89</v>
      </c>
      <c r="AX10" s="413">
        <v>0</v>
      </c>
      <c r="AY10" s="102">
        <v>54</v>
      </c>
      <c r="AZ10" s="102">
        <v>70</v>
      </c>
      <c r="BA10" s="102">
        <v>31</v>
      </c>
      <c r="BB10" s="102">
        <v>36</v>
      </c>
      <c r="BC10" s="102">
        <v>14</v>
      </c>
      <c r="BD10" s="103">
        <v>205</v>
      </c>
      <c r="BE10" s="104">
        <v>294</v>
      </c>
      <c r="BF10" s="101">
        <v>71</v>
      </c>
      <c r="BG10" s="102">
        <v>65</v>
      </c>
      <c r="BH10" s="103">
        <v>136</v>
      </c>
      <c r="BI10" s="413">
        <v>0</v>
      </c>
      <c r="BJ10" s="102">
        <v>72</v>
      </c>
      <c r="BK10" s="102">
        <v>86</v>
      </c>
      <c r="BL10" s="102">
        <v>50</v>
      </c>
      <c r="BM10" s="102">
        <v>35</v>
      </c>
      <c r="BN10" s="102">
        <v>26</v>
      </c>
      <c r="BO10" s="103">
        <v>269</v>
      </c>
      <c r="BP10" s="104">
        <v>405</v>
      </c>
      <c r="BQ10" s="101">
        <v>32</v>
      </c>
      <c r="BR10" s="102">
        <v>46</v>
      </c>
      <c r="BS10" s="103">
        <v>78</v>
      </c>
      <c r="BT10" s="413">
        <v>0</v>
      </c>
      <c r="BU10" s="102">
        <v>70</v>
      </c>
      <c r="BV10" s="102">
        <v>68</v>
      </c>
      <c r="BW10" s="102">
        <v>44</v>
      </c>
      <c r="BX10" s="102">
        <v>41</v>
      </c>
      <c r="BY10" s="102">
        <v>22</v>
      </c>
      <c r="BZ10" s="103">
        <v>245</v>
      </c>
      <c r="CA10" s="104">
        <v>323</v>
      </c>
      <c r="CB10" s="101">
        <v>0</v>
      </c>
      <c r="CC10" s="102">
        <v>0</v>
      </c>
      <c r="CD10" s="103">
        <v>0</v>
      </c>
      <c r="CE10" s="413">
        <v>0</v>
      </c>
      <c r="CF10" s="102">
        <v>0</v>
      </c>
      <c r="CG10" s="102">
        <v>0</v>
      </c>
      <c r="CH10" s="102">
        <v>0</v>
      </c>
      <c r="CI10" s="102">
        <v>0</v>
      </c>
      <c r="CJ10" s="102">
        <v>0</v>
      </c>
      <c r="CK10" s="103">
        <v>0</v>
      </c>
      <c r="CL10" s="104">
        <v>0</v>
      </c>
      <c r="CM10" s="101">
        <v>196</v>
      </c>
      <c r="CN10" s="102">
        <v>225</v>
      </c>
      <c r="CO10" s="103">
        <v>421</v>
      </c>
      <c r="CP10" s="413">
        <v>0</v>
      </c>
      <c r="CQ10" s="102">
        <v>242</v>
      </c>
      <c r="CR10" s="102">
        <v>288</v>
      </c>
      <c r="CS10" s="102">
        <v>166</v>
      </c>
      <c r="CT10" s="102">
        <v>147</v>
      </c>
      <c r="CU10" s="102">
        <v>90</v>
      </c>
      <c r="CV10" s="103">
        <v>933</v>
      </c>
      <c r="CW10" s="104">
        <v>1354</v>
      </c>
      <c r="CX10" s="105">
        <v>63</v>
      </c>
      <c r="CY10" s="97">
        <v>83</v>
      </c>
      <c r="CZ10" s="98">
        <v>146</v>
      </c>
      <c r="DA10" s="413">
        <v>0</v>
      </c>
      <c r="DB10" s="97">
        <v>102</v>
      </c>
      <c r="DC10" s="97">
        <v>123</v>
      </c>
      <c r="DD10" s="97">
        <v>71</v>
      </c>
      <c r="DE10" s="97">
        <v>84</v>
      </c>
      <c r="DF10" s="97">
        <v>52</v>
      </c>
      <c r="DG10" s="99">
        <v>432</v>
      </c>
      <c r="DH10" s="100">
        <v>578</v>
      </c>
      <c r="DI10" s="101">
        <v>1</v>
      </c>
      <c r="DJ10" s="102">
        <v>5</v>
      </c>
      <c r="DK10" s="103">
        <v>6</v>
      </c>
      <c r="DL10" s="413">
        <v>0</v>
      </c>
      <c r="DM10" s="102">
        <v>2</v>
      </c>
      <c r="DN10" s="102">
        <v>5</v>
      </c>
      <c r="DO10" s="102">
        <v>0</v>
      </c>
      <c r="DP10" s="102">
        <v>3</v>
      </c>
      <c r="DQ10" s="102">
        <v>2</v>
      </c>
      <c r="DR10" s="103">
        <v>12</v>
      </c>
      <c r="DS10" s="104">
        <v>18</v>
      </c>
      <c r="DT10" s="101">
        <v>7</v>
      </c>
      <c r="DU10" s="102">
        <v>2</v>
      </c>
      <c r="DV10" s="103">
        <v>9</v>
      </c>
      <c r="DW10" s="413">
        <v>0</v>
      </c>
      <c r="DX10" s="102">
        <v>6</v>
      </c>
      <c r="DY10" s="102">
        <v>7</v>
      </c>
      <c r="DZ10" s="102">
        <v>5</v>
      </c>
      <c r="EA10" s="102">
        <v>0</v>
      </c>
      <c r="EB10" s="102">
        <v>1</v>
      </c>
      <c r="EC10" s="103">
        <v>19</v>
      </c>
      <c r="ED10" s="104">
        <v>28</v>
      </c>
      <c r="EE10" s="101">
        <v>15</v>
      </c>
      <c r="EF10" s="102">
        <v>13</v>
      </c>
      <c r="EG10" s="103">
        <v>28</v>
      </c>
      <c r="EH10" s="413">
        <v>0</v>
      </c>
      <c r="EI10" s="102">
        <v>8</v>
      </c>
      <c r="EJ10" s="102">
        <v>11</v>
      </c>
      <c r="EK10" s="102">
        <v>7</v>
      </c>
      <c r="EL10" s="102">
        <v>4</v>
      </c>
      <c r="EM10" s="102">
        <v>6</v>
      </c>
      <c r="EN10" s="103">
        <v>36</v>
      </c>
      <c r="EO10" s="104">
        <v>64</v>
      </c>
      <c r="EP10" s="101">
        <v>15</v>
      </c>
      <c r="EQ10" s="102">
        <v>17</v>
      </c>
      <c r="ER10" s="103">
        <v>32</v>
      </c>
      <c r="ES10" s="413">
        <v>0</v>
      </c>
      <c r="ET10" s="102">
        <v>18</v>
      </c>
      <c r="EU10" s="102">
        <v>25</v>
      </c>
      <c r="EV10" s="102">
        <v>13</v>
      </c>
      <c r="EW10" s="102">
        <v>12</v>
      </c>
      <c r="EX10" s="102">
        <v>9</v>
      </c>
      <c r="EY10" s="103">
        <v>77</v>
      </c>
      <c r="EZ10" s="104">
        <v>109</v>
      </c>
      <c r="FA10" s="101">
        <v>17</v>
      </c>
      <c r="FB10" s="102">
        <v>22</v>
      </c>
      <c r="FC10" s="103">
        <v>39</v>
      </c>
      <c r="FD10" s="413">
        <v>0</v>
      </c>
      <c r="FE10" s="102">
        <v>31</v>
      </c>
      <c r="FF10" s="102">
        <v>36</v>
      </c>
      <c r="FG10" s="102">
        <v>13</v>
      </c>
      <c r="FH10" s="102">
        <v>24</v>
      </c>
      <c r="FI10" s="102">
        <v>14</v>
      </c>
      <c r="FJ10" s="103">
        <v>118</v>
      </c>
      <c r="FK10" s="104">
        <v>157</v>
      </c>
      <c r="FL10" s="101">
        <v>8</v>
      </c>
      <c r="FM10" s="102">
        <v>24</v>
      </c>
      <c r="FN10" s="103">
        <v>32</v>
      </c>
      <c r="FO10" s="413">
        <v>0</v>
      </c>
      <c r="FP10" s="102">
        <v>37</v>
      </c>
      <c r="FQ10" s="102">
        <v>39</v>
      </c>
      <c r="FR10" s="102">
        <v>33</v>
      </c>
      <c r="FS10" s="102">
        <v>41</v>
      </c>
      <c r="FT10" s="102">
        <v>20</v>
      </c>
      <c r="FU10" s="103">
        <v>170</v>
      </c>
      <c r="FV10" s="104">
        <v>202</v>
      </c>
      <c r="FW10" s="101">
        <v>0</v>
      </c>
      <c r="FX10" s="102">
        <v>0</v>
      </c>
      <c r="FY10" s="103">
        <v>0</v>
      </c>
      <c r="FZ10" s="413">
        <v>0</v>
      </c>
      <c r="GA10" s="102">
        <v>0</v>
      </c>
      <c r="GB10" s="102">
        <v>0</v>
      </c>
      <c r="GC10" s="102">
        <v>0</v>
      </c>
      <c r="GD10" s="102">
        <v>0</v>
      </c>
      <c r="GE10" s="102">
        <v>0</v>
      </c>
      <c r="GF10" s="103">
        <v>0</v>
      </c>
      <c r="GG10" s="104">
        <v>0</v>
      </c>
      <c r="GH10" s="101">
        <v>63</v>
      </c>
      <c r="GI10" s="102">
        <v>83</v>
      </c>
      <c r="GJ10" s="103">
        <v>146</v>
      </c>
      <c r="GK10" s="413">
        <v>0</v>
      </c>
      <c r="GL10" s="102">
        <v>102</v>
      </c>
      <c r="GM10" s="102">
        <v>123</v>
      </c>
      <c r="GN10" s="102">
        <v>71</v>
      </c>
      <c r="GO10" s="102">
        <v>84</v>
      </c>
      <c r="GP10" s="102">
        <v>52</v>
      </c>
      <c r="GQ10" s="103">
        <v>432</v>
      </c>
      <c r="GR10" s="104">
        <v>578</v>
      </c>
      <c r="GS10" s="105">
        <v>259</v>
      </c>
      <c r="GT10" s="97">
        <v>308</v>
      </c>
      <c r="GU10" s="98">
        <v>567</v>
      </c>
      <c r="GV10" s="413">
        <v>0</v>
      </c>
      <c r="GW10" s="97">
        <v>344</v>
      </c>
      <c r="GX10" s="97">
        <v>411</v>
      </c>
      <c r="GY10" s="97">
        <v>237</v>
      </c>
      <c r="GZ10" s="97">
        <v>231</v>
      </c>
      <c r="HA10" s="97">
        <v>142</v>
      </c>
      <c r="HB10" s="99">
        <v>1365</v>
      </c>
      <c r="HC10" s="100">
        <v>1932</v>
      </c>
      <c r="HD10" s="101">
        <v>6</v>
      </c>
      <c r="HE10" s="102">
        <v>16</v>
      </c>
      <c r="HF10" s="103">
        <v>22</v>
      </c>
      <c r="HG10" s="413">
        <v>0</v>
      </c>
      <c r="HH10" s="102">
        <v>13</v>
      </c>
      <c r="HI10" s="102">
        <v>13</v>
      </c>
      <c r="HJ10" s="102">
        <v>4</v>
      </c>
      <c r="HK10" s="102">
        <v>13</v>
      </c>
      <c r="HL10" s="102">
        <v>4</v>
      </c>
      <c r="HM10" s="103">
        <v>47</v>
      </c>
      <c r="HN10" s="104">
        <v>69</v>
      </c>
      <c r="HO10" s="101">
        <v>22</v>
      </c>
      <c r="HP10" s="102">
        <v>24</v>
      </c>
      <c r="HQ10" s="103">
        <v>46</v>
      </c>
      <c r="HR10" s="413">
        <v>0</v>
      </c>
      <c r="HS10" s="102">
        <v>19</v>
      </c>
      <c r="HT10" s="102">
        <v>23</v>
      </c>
      <c r="HU10" s="102">
        <v>21</v>
      </c>
      <c r="HV10" s="102">
        <v>10</v>
      </c>
      <c r="HW10" s="102">
        <v>12</v>
      </c>
      <c r="HX10" s="103">
        <v>85</v>
      </c>
      <c r="HY10" s="104">
        <v>131</v>
      </c>
      <c r="HZ10" s="101">
        <v>44</v>
      </c>
      <c r="IA10" s="102">
        <v>49</v>
      </c>
      <c r="IB10" s="103">
        <v>93</v>
      </c>
      <c r="IC10" s="413">
        <v>0</v>
      </c>
      <c r="ID10" s="102">
        <v>30</v>
      </c>
      <c r="IE10" s="102">
        <v>51</v>
      </c>
      <c r="IF10" s="102">
        <v>28</v>
      </c>
      <c r="IG10" s="102">
        <v>19</v>
      </c>
      <c r="IH10" s="102">
        <v>21</v>
      </c>
      <c r="II10" s="103">
        <v>149</v>
      </c>
      <c r="IJ10" s="104">
        <v>242</v>
      </c>
      <c r="IK10" s="101">
        <v>59</v>
      </c>
      <c r="IL10" s="102">
        <v>62</v>
      </c>
      <c r="IM10" s="103">
        <v>121</v>
      </c>
      <c r="IN10" s="413">
        <v>0</v>
      </c>
      <c r="IO10" s="102">
        <v>72</v>
      </c>
      <c r="IP10" s="102">
        <v>95</v>
      </c>
      <c r="IQ10" s="102">
        <v>44</v>
      </c>
      <c r="IR10" s="102">
        <v>48</v>
      </c>
      <c r="IS10" s="102">
        <v>23</v>
      </c>
      <c r="IT10" s="103">
        <v>282</v>
      </c>
      <c r="IU10" s="104">
        <v>403</v>
      </c>
      <c r="IV10" s="101">
        <v>88</v>
      </c>
      <c r="IW10" s="102">
        <v>87</v>
      </c>
      <c r="IX10" s="103">
        <v>175</v>
      </c>
      <c r="IY10" s="413">
        <v>0</v>
      </c>
      <c r="IZ10" s="102">
        <v>103</v>
      </c>
      <c r="JA10" s="102">
        <v>122</v>
      </c>
      <c r="JB10" s="102">
        <v>63</v>
      </c>
      <c r="JC10" s="102">
        <v>59</v>
      </c>
      <c r="JD10" s="102">
        <v>40</v>
      </c>
      <c r="JE10" s="103">
        <v>387</v>
      </c>
      <c r="JF10" s="104">
        <v>562</v>
      </c>
      <c r="JG10" s="101">
        <v>40</v>
      </c>
      <c r="JH10" s="102">
        <v>70</v>
      </c>
      <c r="JI10" s="103">
        <v>110</v>
      </c>
      <c r="JJ10" s="413">
        <v>0</v>
      </c>
      <c r="JK10" s="102">
        <v>107</v>
      </c>
      <c r="JL10" s="102">
        <v>107</v>
      </c>
      <c r="JM10" s="102">
        <v>77</v>
      </c>
      <c r="JN10" s="102">
        <v>82</v>
      </c>
      <c r="JO10" s="102">
        <v>42</v>
      </c>
      <c r="JP10" s="103">
        <v>415</v>
      </c>
      <c r="JQ10" s="104">
        <v>525</v>
      </c>
      <c r="JR10" s="101">
        <v>0</v>
      </c>
      <c r="JS10" s="102">
        <v>0</v>
      </c>
      <c r="JT10" s="103">
        <v>0</v>
      </c>
      <c r="JU10" s="413">
        <v>0</v>
      </c>
      <c r="JV10" s="102">
        <v>0</v>
      </c>
      <c r="JW10" s="102">
        <v>0</v>
      </c>
      <c r="JX10" s="102">
        <v>0</v>
      </c>
      <c r="JY10" s="102">
        <v>0</v>
      </c>
      <c r="JZ10" s="102">
        <v>0</v>
      </c>
      <c r="KA10" s="103">
        <v>0</v>
      </c>
      <c r="KB10" s="104">
        <v>0</v>
      </c>
      <c r="KC10" s="101">
        <v>259</v>
      </c>
      <c r="KD10" s="102">
        <v>308</v>
      </c>
      <c r="KE10" s="103">
        <v>567</v>
      </c>
      <c r="KF10" s="413">
        <v>0</v>
      </c>
      <c r="KG10" s="102">
        <v>344</v>
      </c>
      <c r="KH10" s="102">
        <v>411</v>
      </c>
      <c r="KI10" s="102">
        <v>237</v>
      </c>
      <c r="KJ10" s="102">
        <v>231</v>
      </c>
      <c r="KK10" s="102">
        <v>142</v>
      </c>
      <c r="KL10" s="103">
        <v>1365</v>
      </c>
      <c r="KM10" s="104">
        <v>1932</v>
      </c>
    </row>
    <row r="11" spans="2:299" s="70" customFormat="1" ht="21" customHeight="1" x14ac:dyDescent="0.2">
      <c r="B11" s="106" t="s">
        <v>7</v>
      </c>
      <c r="C11" s="96">
        <v>148</v>
      </c>
      <c r="D11" s="97">
        <v>95</v>
      </c>
      <c r="E11" s="98">
        <v>243</v>
      </c>
      <c r="F11" s="413">
        <v>0</v>
      </c>
      <c r="G11" s="97">
        <v>259</v>
      </c>
      <c r="H11" s="97">
        <v>130</v>
      </c>
      <c r="I11" s="97">
        <v>87</v>
      </c>
      <c r="J11" s="97">
        <v>75</v>
      </c>
      <c r="K11" s="97">
        <v>38</v>
      </c>
      <c r="L11" s="99">
        <v>589</v>
      </c>
      <c r="M11" s="100">
        <v>832</v>
      </c>
      <c r="N11" s="101">
        <v>6</v>
      </c>
      <c r="O11" s="102">
        <v>3</v>
      </c>
      <c r="P11" s="103">
        <v>9</v>
      </c>
      <c r="Q11" s="413">
        <v>0</v>
      </c>
      <c r="R11" s="102">
        <v>5</v>
      </c>
      <c r="S11" s="102">
        <v>4</v>
      </c>
      <c r="T11" s="102">
        <v>5</v>
      </c>
      <c r="U11" s="102">
        <v>0</v>
      </c>
      <c r="V11" s="102">
        <v>1</v>
      </c>
      <c r="W11" s="103">
        <v>15</v>
      </c>
      <c r="X11" s="104">
        <v>24</v>
      </c>
      <c r="Y11" s="101">
        <v>8</v>
      </c>
      <c r="Z11" s="102">
        <v>8</v>
      </c>
      <c r="AA11" s="103">
        <v>16</v>
      </c>
      <c r="AB11" s="413">
        <v>0</v>
      </c>
      <c r="AC11" s="102">
        <v>10</v>
      </c>
      <c r="AD11" s="102">
        <v>7</v>
      </c>
      <c r="AE11" s="102">
        <v>3</v>
      </c>
      <c r="AF11" s="102">
        <v>9</v>
      </c>
      <c r="AG11" s="102">
        <v>3</v>
      </c>
      <c r="AH11" s="103">
        <v>32</v>
      </c>
      <c r="AI11" s="104">
        <v>48</v>
      </c>
      <c r="AJ11" s="101">
        <v>15</v>
      </c>
      <c r="AK11" s="102">
        <v>13</v>
      </c>
      <c r="AL11" s="103">
        <v>28</v>
      </c>
      <c r="AM11" s="413">
        <v>0</v>
      </c>
      <c r="AN11" s="102">
        <v>36</v>
      </c>
      <c r="AO11" s="102">
        <v>15</v>
      </c>
      <c r="AP11" s="102">
        <v>7</v>
      </c>
      <c r="AQ11" s="102">
        <v>14</v>
      </c>
      <c r="AR11" s="102">
        <v>4</v>
      </c>
      <c r="AS11" s="103">
        <v>76</v>
      </c>
      <c r="AT11" s="104">
        <v>104</v>
      </c>
      <c r="AU11" s="101">
        <v>34</v>
      </c>
      <c r="AV11" s="102">
        <v>20</v>
      </c>
      <c r="AW11" s="103">
        <v>54</v>
      </c>
      <c r="AX11" s="413">
        <v>0</v>
      </c>
      <c r="AY11" s="102">
        <v>61</v>
      </c>
      <c r="AZ11" s="102">
        <v>23</v>
      </c>
      <c r="BA11" s="102">
        <v>23</v>
      </c>
      <c r="BB11" s="102">
        <v>11</v>
      </c>
      <c r="BC11" s="102">
        <v>12</v>
      </c>
      <c r="BD11" s="103">
        <v>130</v>
      </c>
      <c r="BE11" s="104">
        <v>184</v>
      </c>
      <c r="BF11" s="101">
        <v>49</v>
      </c>
      <c r="BG11" s="102">
        <v>28</v>
      </c>
      <c r="BH11" s="103">
        <v>77</v>
      </c>
      <c r="BI11" s="413">
        <v>0</v>
      </c>
      <c r="BJ11" s="102">
        <v>72</v>
      </c>
      <c r="BK11" s="102">
        <v>40</v>
      </c>
      <c r="BL11" s="102">
        <v>22</v>
      </c>
      <c r="BM11" s="102">
        <v>21</v>
      </c>
      <c r="BN11" s="102">
        <v>11</v>
      </c>
      <c r="BO11" s="103">
        <v>166</v>
      </c>
      <c r="BP11" s="104">
        <v>243</v>
      </c>
      <c r="BQ11" s="101">
        <v>36</v>
      </c>
      <c r="BR11" s="102">
        <v>23</v>
      </c>
      <c r="BS11" s="103">
        <v>59</v>
      </c>
      <c r="BT11" s="413">
        <v>0</v>
      </c>
      <c r="BU11" s="102">
        <v>75</v>
      </c>
      <c r="BV11" s="102">
        <v>41</v>
      </c>
      <c r="BW11" s="102">
        <v>27</v>
      </c>
      <c r="BX11" s="102">
        <v>20</v>
      </c>
      <c r="BY11" s="102">
        <v>7</v>
      </c>
      <c r="BZ11" s="103">
        <v>170</v>
      </c>
      <c r="CA11" s="104">
        <v>229</v>
      </c>
      <c r="CB11" s="101">
        <v>0</v>
      </c>
      <c r="CC11" s="102">
        <v>0</v>
      </c>
      <c r="CD11" s="103">
        <v>0</v>
      </c>
      <c r="CE11" s="413">
        <v>0</v>
      </c>
      <c r="CF11" s="102">
        <v>0</v>
      </c>
      <c r="CG11" s="102">
        <v>0</v>
      </c>
      <c r="CH11" s="102">
        <v>0</v>
      </c>
      <c r="CI11" s="102">
        <v>0</v>
      </c>
      <c r="CJ11" s="102">
        <v>0</v>
      </c>
      <c r="CK11" s="103">
        <v>0</v>
      </c>
      <c r="CL11" s="104">
        <v>0</v>
      </c>
      <c r="CM11" s="101">
        <v>148</v>
      </c>
      <c r="CN11" s="102">
        <v>95</v>
      </c>
      <c r="CO11" s="103">
        <v>243</v>
      </c>
      <c r="CP11" s="413">
        <v>0</v>
      </c>
      <c r="CQ11" s="102">
        <v>259</v>
      </c>
      <c r="CR11" s="102">
        <v>130</v>
      </c>
      <c r="CS11" s="102">
        <v>87</v>
      </c>
      <c r="CT11" s="102">
        <v>75</v>
      </c>
      <c r="CU11" s="102">
        <v>38</v>
      </c>
      <c r="CV11" s="103">
        <v>589</v>
      </c>
      <c r="CW11" s="104">
        <v>832</v>
      </c>
      <c r="CX11" s="105">
        <v>47</v>
      </c>
      <c r="CY11" s="97">
        <v>50</v>
      </c>
      <c r="CZ11" s="98">
        <v>97</v>
      </c>
      <c r="DA11" s="413">
        <v>0</v>
      </c>
      <c r="DB11" s="97">
        <v>71</v>
      </c>
      <c r="DC11" s="97">
        <v>32</v>
      </c>
      <c r="DD11" s="97">
        <v>25</v>
      </c>
      <c r="DE11" s="97">
        <v>22</v>
      </c>
      <c r="DF11" s="97">
        <v>19</v>
      </c>
      <c r="DG11" s="99">
        <v>169</v>
      </c>
      <c r="DH11" s="100">
        <v>266</v>
      </c>
      <c r="DI11" s="101">
        <v>1</v>
      </c>
      <c r="DJ11" s="102">
        <v>0</v>
      </c>
      <c r="DK11" s="103">
        <v>1</v>
      </c>
      <c r="DL11" s="413">
        <v>0</v>
      </c>
      <c r="DM11" s="102">
        <v>1</v>
      </c>
      <c r="DN11" s="102">
        <v>1</v>
      </c>
      <c r="DO11" s="102">
        <v>2</v>
      </c>
      <c r="DP11" s="102">
        <v>0</v>
      </c>
      <c r="DQ11" s="102">
        <v>0</v>
      </c>
      <c r="DR11" s="103">
        <v>4</v>
      </c>
      <c r="DS11" s="104">
        <v>5</v>
      </c>
      <c r="DT11" s="101">
        <v>3</v>
      </c>
      <c r="DU11" s="102">
        <v>3</v>
      </c>
      <c r="DV11" s="103">
        <v>6</v>
      </c>
      <c r="DW11" s="413">
        <v>0</v>
      </c>
      <c r="DX11" s="102">
        <v>2</v>
      </c>
      <c r="DY11" s="102">
        <v>2</v>
      </c>
      <c r="DZ11" s="102">
        <v>1</v>
      </c>
      <c r="EA11" s="102">
        <v>0</v>
      </c>
      <c r="EB11" s="102">
        <v>2</v>
      </c>
      <c r="EC11" s="103">
        <v>7</v>
      </c>
      <c r="ED11" s="104">
        <v>13</v>
      </c>
      <c r="EE11" s="101">
        <v>9</v>
      </c>
      <c r="EF11" s="102">
        <v>7</v>
      </c>
      <c r="EG11" s="103">
        <v>16</v>
      </c>
      <c r="EH11" s="413">
        <v>0</v>
      </c>
      <c r="EI11" s="102">
        <v>12</v>
      </c>
      <c r="EJ11" s="102">
        <v>4</v>
      </c>
      <c r="EK11" s="102">
        <v>0</v>
      </c>
      <c r="EL11" s="102">
        <v>4</v>
      </c>
      <c r="EM11" s="102">
        <v>2</v>
      </c>
      <c r="EN11" s="103">
        <v>22</v>
      </c>
      <c r="EO11" s="104">
        <v>38</v>
      </c>
      <c r="EP11" s="101">
        <v>12</v>
      </c>
      <c r="EQ11" s="102">
        <v>14</v>
      </c>
      <c r="ER11" s="103">
        <v>26</v>
      </c>
      <c r="ES11" s="413">
        <v>0</v>
      </c>
      <c r="ET11" s="102">
        <v>22</v>
      </c>
      <c r="EU11" s="102">
        <v>5</v>
      </c>
      <c r="EV11" s="102">
        <v>2</v>
      </c>
      <c r="EW11" s="102">
        <v>4</v>
      </c>
      <c r="EX11" s="102">
        <v>2</v>
      </c>
      <c r="EY11" s="103">
        <v>35</v>
      </c>
      <c r="EZ11" s="104">
        <v>61</v>
      </c>
      <c r="FA11" s="101">
        <v>11</v>
      </c>
      <c r="FB11" s="102">
        <v>18</v>
      </c>
      <c r="FC11" s="103">
        <v>29</v>
      </c>
      <c r="FD11" s="413">
        <v>0</v>
      </c>
      <c r="FE11" s="102">
        <v>16</v>
      </c>
      <c r="FF11" s="102">
        <v>6</v>
      </c>
      <c r="FG11" s="102">
        <v>7</v>
      </c>
      <c r="FH11" s="102">
        <v>7</v>
      </c>
      <c r="FI11" s="102">
        <v>7</v>
      </c>
      <c r="FJ11" s="103">
        <v>43</v>
      </c>
      <c r="FK11" s="104">
        <v>72</v>
      </c>
      <c r="FL11" s="101">
        <v>11</v>
      </c>
      <c r="FM11" s="102">
        <v>8</v>
      </c>
      <c r="FN11" s="103">
        <v>19</v>
      </c>
      <c r="FO11" s="413">
        <v>0</v>
      </c>
      <c r="FP11" s="102">
        <v>18</v>
      </c>
      <c r="FQ11" s="102">
        <v>14</v>
      </c>
      <c r="FR11" s="102">
        <v>13</v>
      </c>
      <c r="FS11" s="102">
        <v>7</v>
      </c>
      <c r="FT11" s="102">
        <v>6</v>
      </c>
      <c r="FU11" s="103">
        <v>58</v>
      </c>
      <c r="FV11" s="104">
        <v>77</v>
      </c>
      <c r="FW11" s="101">
        <v>0</v>
      </c>
      <c r="FX11" s="102">
        <v>0</v>
      </c>
      <c r="FY11" s="103">
        <v>0</v>
      </c>
      <c r="FZ11" s="413">
        <v>0</v>
      </c>
      <c r="GA11" s="102">
        <v>0</v>
      </c>
      <c r="GB11" s="102">
        <v>0</v>
      </c>
      <c r="GC11" s="102">
        <v>0</v>
      </c>
      <c r="GD11" s="102">
        <v>0</v>
      </c>
      <c r="GE11" s="102">
        <v>0</v>
      </c>
      <c r="GF11" s="103">
        <v>0</v>
      </c>
      <c r="GG11" s="104">
        <v>0</v>
      </c>
      <c r="GH11" s="101">
        <v>47</v>
      </c>
      <c r="GI11" s="102">
        <v>50</v>
      </c>
      <c r="GJ11" s="103">
        <v>97</v>
      </c>
      <c r="GK11" s="413">
        <v>0</v>
      </c>
      <c r="GL11" s="102">
        <v>71</v>
      </c>
      <c r="GM11" s="102">
        <v>32</v>
      </c>
      <c r="GN11" s="102">
        <v>25</v>
      </c>
      <c r="GO11" s="102">
        <v>22</v>
      </c>
      <c r="GP11" s="102">
        <v>19</v>
      </c>
      <c r="GQ11" s="103">
        <v>169</v>
      </c>
      <c r="GR11" s="104">
        <v>266</v>
      </c>
      <c r="GS11" s="105">
        <v>195</v>
      </c>
      <c r="GT11" s="97">
        <v>145</v>
      </c>
      <c r="GU11" s="98">
        <v>340</v>
      </c>
      <c r="GV11" s="413">
        <v>0</v>
      </c>
      <c r="GW11" s="97">
        <v>330</v>
      </c>
      <c r="GX11" s="97">
        <v>162</v>
      </c>
      <c r="GY11" s="97">
        <v>112</v>
      </c>
      <c r="GZ11" s="97">
        <v>97</v>
      </c>
      <c r="HA11" s="97">
        <v>57</v>
      </c>
      <c r="HB11" s="99">
        <v>758</v>
      </c>
      <c r="HC11" s="100">
        <v>1098</v>
      </c>
      <c r="HD11" s="101">
        <v>7</v>
      </c>
      <c r="HE11" s="102">
        <v>3</v>
      </c>
      <c r="HF11" s="103">
        <v>10</v>
      </c>
      <c r="HG11" s="413">
        <v>0</v>
      </c>
      <c r="HH11" s="102">
        <v>6</v>
      </c>
      <c r="HI11" s="102">
        <v>5</v>
      </c>
      <c r="HJ11" s="102">
        <v>7</v>
      </c>
      <c r="HK11" s="102">
        <v>0</v>
      </c>
      <c r="HL11" s="102">
        <v>1</v>
      </c>
      <c r="HM11" s="103">
        <v>19</v>
      </c>
      <c r="HN11" s="104">
        <v>29</v>
      </c>
      <c r="HO11" s="101">
        <v>11</v>
      </c>
      <c r="HP11" s="102">
        <v>11</v>
      </c>
      <c r="HQ11" s="103">
        <v>22</v>
      </c>
      <c r="HR11" s="413">
        <v>0</v>
      </c>
      <c r="HS11" s="102">
        <v>12</v>
      </c>
      <c r="HT11" s="102">
        <v>9</v>
      </c>
      <c r="HU11" s="102">
        <v>4</v>
      </c>
      <c r="HV11" s="102">
        <v>9</v>
      </c>
      <c r="HW11" s="102">
        <v>5</v>
      </c>
      <c r="HX11" s="103">
        <v>39</v>
      </c>
      <c r="HY11" s="104">
        <v>61</v>
      </c>
      <c r="HZ11" s="101">
        <v>24</v>
      </c>
      <c r="IA11" s="102">
        <v>20</v>
      </c>
      <c r="IB11" s="103">
        <v>44</v>
      </c>
      <c r="IC11" s="413">
        <v>0</v>
      </c>
      <c r="ID11" s="102">
        <v>48</v>
      </c>
      <c r="IE11" s="102">
        <v>19</v>
      </c>
      <c r="IF11" s="102">
        <v>7</v>
      </c>
      <c r="IG11" s="102">
        <v>18</v>
      </c>
      <c r="IH11" s="102">
        <v>6</v>
      </c>
      <c r="II11" s="103">
        <v>98</v>
      </c>
      <c r="IJ11" s="104">
        <v>142</v>
      </c>
      <c r="IK11" s="101">
        <v>46</v>
      </c>
      <c r="IL11" s="102">
        <v>34</v>
      </c>
      <c r="IM11" s="103">
        <v>80</v>
      </c>
      <c r="IN11" s="413">
        <v>0</v>
      </c>
      <c r="IO11" s="102">
        <v>83</v>
      </c>
      <c r="IP11" s="102">
        <v>28</v>
      </c>
      <c r="IQ11" s="102">
        <v>25</v>
      </c>
      <c r="IR11" s="102">
        <v>15</v>
      </c>
      <c r="IS11" s="102">
        <v>14</v>
      </c>
      <c r="IT11" s="103">
        <v>165</v>
      </c>
      <c r="IU11" s="104">
        <v>245</v>
      </c>
      <c r="IV11" s="101">
        <v>60</v>
      </c>
      <c r="IW11" s="102">
        <v>46</v>
      </c>
      <c r="IX11" s="103">
        <v>106</v>
      </c>
      <c r="IY11" s="413">
        <v>0</v>
      </c>
      <c r="IZ11" s="102">
        <v>88</v>
      </c>
      <c r="JA11" s="102">
        <v>46</v>
      </c>
      <c r="JB11" s="102">
        <v>29</v>
      </c>
      <c r="JC11" s="102">
        <v>28</v>
      </c>
      <c r="JD11" s="102">
        <v>18</v>
      </c>
      <c r="JE11" s="103">
        <v>209</v>
      </c>
      <c r="JF11" s="104">
        <v>315</v>
      </c>
      <c r="JG11" s="101">
        <v>47</v>
      </c>
      <c r="JH11" s="102">
        <v>31</v>
      </c>
      <c r="JI11" s="103">
        <v>78</v>
      </c>
      <c r="JJ11" s="413">
        <v>0</v>
      </c>
      <c r="JK11" s="102">
        <v>93</v>
      </c>
      <c r="JL11" s="102">
        <v>55</v>
      </c>
      <c r="JM11" s="102">
        <v>40</v>
      </c>
      <c r="JN11" s="102">
        <v>27</v>
      </c>
      <c r="JO11" s="102">
        <v>13</v>
      </c>
      <c r="JP11" s="103">
        <v>228</v>
      </c>
      <c r="JQ11" s="104">
        <v>306</v>
      </c>
      <c r="JR11" s="101">
        <v>0</v>
      </c>
      <c r="JS11" s="102">
        <v>0</v>
      </c>
      <c r="JT11" s="103">
        <v>0</v>
      </c>
      <c r="JU11" s="413">
        <v>0</v>
      </c>
      <c r="JV11" s="102">
        <v>0</v>
      </c>
      <c r="JW11" s="102">
        <v>0</v>
      </c>
      <c r="JX11" s="102">
        <v>0</v>
      </c>
      <c r="JY11" s="102">
        <v>0</v>
      </c>
      <c r="JZ11" s="102">
        <v>0</v>
      </c>
      <c r="KA11" s="103">
        <v>0</v>
      </c>
      <c r="KB11" s="104">
        <v>0</v>
      </c>
      <c r="KC11" s="101">
        <v>195</v>
      </c>
      <c r="KD11" s="102">
        <v>145</v>
      </c>
      <c r="KE11" s="103">
        <v>340</v>
      </c>
      <c r="KF11" s="413">
        <v>0</v>
      </c>
      <c r="KG11" s="102">
        <v>330</v>
      </c>
      <c r="KH11" s="102">
        <v>162</v>
      </c>
      <c r="KI11" s="102">
        <v>112</v>
      </c>
      <c r="KJ11" s="102">
        <v>97</v>
      </c>
      <c r="KK11" s="102">
        <v>57</v>
      </c>
      <c r="KL11" s="103">
        <v>758</v>
      </c>
      <c r="KM11" s="104">
        <v>1098</v>
      </c>
    </row>
    <row r="12" spans="2:299" s="70" customFormat="1" ht="21" customHeight="1" x14ac:dyDescent="0.2">
      <c r="B12" s="106" t="s">
        <v>8</v>
      </c>
      <c r="C12" s="96">
        <v>58</v>
      </c>
      <c r="D12" s="97">
        <v>33</v>
      </c>
      <c r="E12" s="98">
        <v>91</v>
      </c>
      <c r="F12" s="413">
        <v>0</v>
      </c>
      <c r="G12" s="97">
        <v>109</v>
      </c>
      <c r="H12" s="97">
        <v>81</v>
      </c>
      <c r="I12" s="97">
        <v>64</v>
      </c>
      <c r="J12" s="97">
        <v>45</v>
      </c>
      <c r="K12" s="97">
        <v>24</v>
      </c>
      <c r="L12" s="99">
        <v>323</v>
      </c>
      <c r="M12" s="100">
        <v>414</v>
      </c>
      <c r="N12" s="101">
        <v>1</v>
      </c>
      <c r="O12" s="102">
        <v>2</v>
      </c>
      <c r="P12" s="103">
        <v>3</v>
      </c>
      <c r="Q12" s="413">
        <v>0</v>
      </c>
      <c r="R12" s="102">
        <v>5</v>
      </c>
      <c r="S12" s="102">
        <v>2</v>
      </c>
      <c r="T12" s="102">
        <v>3</v>
      </c>
      <c r="U12" s="102">
        <v>0</v>
      </c>
      <c r="V12" s="102">
        <v>2</v>
      </c>
      <c r="W12" s="103">
        <v>12</v>
      </c>
      <c r="X12" s="104">
        <v>15</v>
      </c>
      <c r="Y12" s="101">
        <v>4</v>
      </c>
      <c r="Z12" s="102">
        <v>4</v>
      </c>
      <c r="AA12" s="103">
        <v>8</v>
      </c>
      <c r="AB12" s="413">
        <v>0</v>
      </c>
      <c r="AC12" s="102">
        <v>6</v>
      </c>
      <c r="AD12" s="102">
        <v>6</v>
      </c>
      <c r="AE12" s="102">
        <v>1</v>
      </c>
      <c r="AF12" s="102">
        <v>5</v>
      </c>
      <c r="AG12" s="102">
        <v>1</v>
      </c>
      <c r="AH12" s="103">
        <v>19</v>
      </c>
      <c r="AI12" s="104">
        <v>27</v>
      </c>
      <c r="AJ12" s="101">
        <v>9</v>
      </c>
      <c r="AK12" s="102">
        <v>5</v>
      </c>
      <c r="AL12" s="103">
        <v>14</v>
      </c>
      <c r="AM12" s="413">
        <v>0</v>
      </c>
      <c r="AN12" s="102">
        <v>16</v>
      </c>
      <c r="AO12" s="102">
        <v>13</v>
      </c>
      <c r="AP12" s="102">
        <v>9</v>
      </c>
      <c r="AQ12" s="102">
        <v>3</v>
      </c>
      <c r="AR12" s="102">
        <v>5</v>
      </c>
      <c r="AS12" s="103">
        <v>46</v>
      </c>
      <c r="AT12" s="104">
        <v>60</v>
      </c>
      <c r="AU12" s="101">
        <v>13</v>
      </c>
      <c r="AV12" s="102">
        <v>8</v>
      </c>
      <c r="AW12" s="103">
        <v>21</v>
      </c>
      <c r="AX12" s="413">
        <v>0</v>
      </c>
      <c r="AY12" s="102">
        <v>28</v>
      </c>
      <c r="AZ12" s="102">
        <v>13</v>
      </c>
      <c r="BA12" s="102">
        <v>6</v>
      </c>
      <c r="BB12" s="102">
        <v>10</v>
      </c>
      <c r="BC12" s="102">
        <v>3</v>
      </c>
      <c r="BD12" s="103">
        <v>60</v>
      </c>
      <c r="BE12" s="104">
        <v>81</v>
      </c>
      <c r="BF12" s="101">
        <v>16</v>
      </c>
      <c r="BG12" s="102">
        <v>10</v>
      </c>
      <c r="BH12" s="103">
        <v>26</v>
      </c>
      <c r="BI12" s="413">
        <v>0</v>
      </c>
      <c r="BJ12" s="102">
        <v>30</v>
      </c>
      <c r="BK12" s="102">
        <v>24</v>
      </c>
      <c r="BL12" s="102">
        <v>20</v>
      </c>
      <c r="BM12" s="102">
        <v>9</v>
      </c>
      <c r="BN12" s="102">
        <v>7</v>
      </c>
      <c r="BO12" s="103">
        <v>90</v>
      </c>
      <c r="BP12" s="104">
        <v>116</v>
      </c>
      <c r="BQ12" s="101">
        <v>15</v>
      </c>
      <c r="BR12" s="102">
        <v>4</v>
      </c>
      <c r="BS12" s="103">
        <v>19</v>
      </c>
      <c r="BT12" s="413">
        <v>0</v>
      </c>
      <c r="BU12" s="102">
        <v>24</v>
      </c>
      <c r="BV12" s="102">
        <v>23</v>
      </c>
      <c r="BW12" s="102">
        <v>25</v>
      </c>
      <c r="BX12" s="102">
        <v>18</v>
      </c>
      <c r="BY12" s="102">
        <v>6</v>
      </c>
      <c r="BZ12" s="103">
        <v>96</v>
      </c>
      <c r="CA12" s="104">
        <v>115</v>
      </c>
      <c r="CB12" s="101">
        <v>0</v>
      </c>
      <c r="CC12" s="102">
        <v>0</v>
      </c>
      <c r="CD12" s="103">
        <v>0</v>
      </c>
      <c r="CE12" s="413">
        <v>0</v>
      </c>
      <c r="CF12" s="102">
        <v>0</v>
      </c>
      <c r="CG12" s="102">
        <v>0</v>
      </c>
      <c r="CH12" s="102">
        <v>0</v>
      </c>
      <c r="CI12" s="102">
        <v>0</v>
      </c>
      <c r="CJ12" s="102">
        <v>0</v>
      </c>
      <c r="CK12" s="103">
        <v>0</v>
      </c>
      <c r="CL12" s="104">
        <v>0</v>
      </c>
      <c r="CM12" s="101">
        <v>58</v>
      </c>
      <c r="CN12" s="102">
        <v>33</v>
      </c>
      <c r="CO12" s="103">
        <v>91</v>
      </c>
      <c r="CP12" s="413">
        <v>0</v>
      </c>
      <c r="CQ12" s="102">
        <v>109</v>
      </c>
      <c r="CR12" s="102">
        <v>81</v>
      </c>
      <c r="CS12" s="102">
        <v>64</v>
      </c>
      <c r="CT12" s="102">
        <v>45</v>
      </c>
      <c r="CU12" s="102">
        <v>24</v>
      </c>
      <c r="CV12" s="103">
        <v>323</v>
      </c>
      <c r="CW12" s="104">
        <v>414</v>
      </c>
      <c r="CX12" s="105">
        <v>26</v>
      </c>
      <c r="CY12" s="97">
        <v>24</v>
      </c>
      <c r="CZ12" s="98">
        <v>50</v>
      </c>
      <c r="DA12" s="413">
        <v>0</v>
      </c>
      <c r="DB12" s="97">
        <v>41</v>
      </c>
      <c r="DC12" s="97">
        <v>49</v>
      </c>
      <c r="DD12" s="97">
        <v>27</v>
      </c>
      <c r="DE12" s="97">
        <v>17</v>
      </c>
      <c r="DF12" s="97">
        <v>18</v>
      </c>
      <c r="DG12" s="99">
        <v>152</v>
      </c>
      <c r="DH12" s="100">
        <v>202</v>
      </c>
      <c r="DI12" s="101">
        <v>1</v>
      </c>
      <c r="DJ12" s="102">
        <v>0</v>
      </c>
      <c r="DK12" s="103">
        <v>1</v>
      </c>
      <c r="DL12" s="413">
        <v>0</v>
      </c>
      <c r="DM12" s="102">
        <v>2</v>
      </c>
      <c r="DN12" s="102">
        <v>2</v>
      </c>
      <c r="DO12" s="102">
        <v>0</v>
      </c>
      <c r="DP12" s="102">
        <v>1</v>
      </c>
      <c r="DQ12" s="102">
        <v>0</v>
      </c>
      <c r="DR12" s="103">
        <v>5</v>
      </c>
      <c r="DS12" s="104">
        <v>6</v>
      </c>
      <c r="DT12" s="101">
        <v>1</v>
      </c>
      <c r="DU12" s="102">
        <v>1</v>
      </c>
      <c r="DV12" s="103">
        <v>2</v>
      </c>
      <c r="DW12" s="413">
        <v>0</v>
      </c>
      <c r="DX12" s="102">
        <v>0</v>
      </c>
      <c r="DY12" s="102">
        <v>3</v>
      </c>
      <c r="DZ12" s="102">
        <v>0</v>
      </c>
      <c r="EA12" s="102">
        <v>2</v>
      </c>
      <c r="EB12" s="102">
        <v>0</v>
      </c>
      <c r="EC12" s="103">
        <v>5</v>
      </c>
      <c r="ED12" s="104">
        <v>7</v>
      </c>
      <c r="EE12" s="101">
        <v>3</v>
      </c>
      <c r="EF12" s="102">
        <v>6</v>
      </c>
      <c r="EG12" s="103">
        <v>9</v>
      </c>
      <c r="EH12" s="413">
        <v>0</v>
      </c>
      <c r="EI12" s="102">
        <v>6</v>
      </c>
      <c r="EJ12" s="102">
        <v>4</v>
      </c>
      <c r="EK12" s="102">
        <v>4</v>
      </c>
      <c r="EL12" s="102">
        <v>2</v>
      </c>
      <c r="EM12" s="102">
        <v>0</v>
      </c>
      <c r="EN12" s="103">
        <v>16</v>
      </c>
      <c r="EO12" s="104">
        <v>25</v>
      </c>
      <c r="EP12" s="101">
        <v>7</v>
      </c>
      <c r="EQ12" s="102">
        <v>5</v>
      </c>
      <c r="ER12" s="103">
        <v>12</v>
      </c>
      <c r="ES12" s="413">
        <v>0</v>
      </c>
      <c r="ET12" s="102">
        <v>7</v>
      </c>
      <c r="EU12" s="102">
        <v>9</v>
      </c>
      <c r="EV12" s="102">
        <v>3</v>
      </c>
      <c r="EW12" s="102">
        <v>2</v>
      </c>
      <c r="EX12" s="102">
        <v>4</v>
      </c>
      <c r="EY12" s="103">
        <v>25</v>
      </c>
      <c r="EZ12" s="104">
        <v>37</v>
      </c>
      <c r="FA12" s="101">
        <v>11</v>
      </c>
      <c r="FB12" s="102">
        <v>3</v>
      </c>
      <c r="FC12" s="103">
        <v>14</v>
      </c>
      <c r="FD12" s="413">
        <v>0</v>
      </c>
      <c r="FE12" s="102">
        <v>14</v>
      </c>
      <c r="FF12" s="102">
        <v>12</v>
      </c>
      <c r="FG12" s="102">
        <v>8</v>
      </c>
      <c r="FH12" s="102">
        <v>4</v>
      </c>
      <c r="FI12" s="102">
        <v>6</v>
      </c>
      <c r="FJ12" s="103">
        <v>44</v>
      </c>
      <c r="FK12" s="104">
        <v>58</v>
      </c>
      <c r="FL12" s="101">
        <v>3</v>
      </c>
      <c r="FM12" s="102">
        <v>9</v>
      </c>
      <c r="FN12" s="103">
        <v>12</v>
      </c>
      <c r="FO12" s="413">
        <v>0</v>
      </c>
      <c r="FP12" s="102">
        <v>12</v>
      </c>
      <c r="FQ12" s="102">
        <v>19</v>
      </c>
      <c r="FR12" s="102">
        <v>12</v>
      </c>
      <c r="FS12" s="102">
        <v>6</v>
      </c>
      <c r="FT12" s="102">
        <v>8</v>
      </c>
      <c r="FU12" s="103">
        <v>57</v>
      </c>
      <c r="FV12" s="104">
        <v>69</v>
      </c>
      <c r="FW12" s="101">
        <v>0</v>
      </c>
      <c r="FX12" s="102">
        <v>0</v>
      </c>
      <c r="FY12" s="103">
        <v>0</v>
      </c>
      <c r="FZ12" s="413">
        <v>0</v>
      </c>
      <c r="GA12" s="102">
        <v>0</v>
      </c>
      <c r="GB12" s="102">
        <v>0</v>
      </c>
      <c r="GC12" s="102">
        <v>0</v>
      </c>
      <c r="GD12" s="102">
        <v>0</v>
      </c>
      <c r="GE12" s="102">
        <v>0</v>
      </c>
      <c r="GF12" s="103">
        <v>0</v>
      </c>
      <c r="GG12" s="104">
        <v>0</v>
      </c>
      <c r="GH12" s="101">
        <v>26</v>
      </c>
      <c r="GI12" s="102">
        <v>24</v>
      </c>
      <c r="GJ12" s="103">
        <v>50</v>
      </c>
      <c r="GK12" s="413">
        <v>0</v>
      </c>
      <c r="GL12" s="102">
        <v>41</v>
      </c>
      <c r="GM12" s="102">
        <v>49</v>
      </c>
      <c r="GN12" s="102">
        <v>27</v>
      </c>
      <c r="GO12" s="102">
        <v>17</v>
      </c>
      <c r="GP12" s="102">
        <v>18</v>
      </c>
      <c r="GQ12" s="103">
        <v>152</v>
      </c>
      <c r="GR12" s="104">
        <v>202</v>
      </c>
      <c r="GS12" s="105">
        <v>84</v>
      </c>
      <c r="GT12" s="97">
        <v>57</v>
      </c>
      <c r="GU12" s="98">
        <v>141</v>
      </c>
      <c r="GV12" s="413">
        <v>0</v>
      </c>
      <c r="GW12" s="97">
        <v>150</v>
      </c>
      <c r="GX12" s="97">
        <v>130</v>
      </c>
      <c r="GY12" s="97">
        <v>91</v>
      </c>
      <c r="GZ12" s="97">
        <v>62</v>
      </c>
      <c r="HA12" s="97">
        <v>42</v>
      </c>
      <c r="HB12" s="99">
        <v>475</v>
      </c>
      <c r="HC12" s="100">
        <v>616</v>
      </c>
      <c r="HD12" s="101">
        <v>2</v>
      </c>
      <c r="HE12" s="102">
        <v>2</v>
      </c>
      <c r="HF12" s="103">
        <v>4</v>
      </c>
      <c r="HG12" s="413">
        <v>0</v>
      </c>
      <c r="HH12" s="102">
        <v>7</v>
      </c>
      <c r="HI12" s="102">
        <v>4</v>
      </c>
      <c r="HJ12" s="102">
        <v>3</v>
      </c>
      <c r="HK12" s="102">
        <v>1</v>
      </c>
      <c r="HL12" s="102">
        <v>2</v>
      </c>
      <c r="HM12" s="103">
        <v>17</v>
      </c>
      <c r="HN12" s="104">
        <v>21</v>
      </c>
      <c r="HO12" s="101">
        <v>5</v>
      </c>
      <c r="HP12" s="102">
        <v>5</v>
      </c>
      <c r="HQ12" s="103">
        <v>10</v>
      </c>
      <c r="HR12" s="413">
        <v>0</v>
      </c>
      <c r="HS12" s="102">
        <v>6</v>
      </c>
      <c r="HT12" s="102">
        <v>9</v>
      </c>
      <c r="HU12" s="102">
        <v>1</v>
      </c>
      <c r="HV12" s="102">
        <v>7</v>
      </c>
      <c r="HW12" s="102">
        <v>1</v>
      </c>
      <c r="HX12" s="103">
        <v>24</v>
      </c>
      <c r="HY12" s="104">
        <v>34</v>
      </c>
      <c r="HZ12" s="101">
        <v>12</v>
      </c>
      <c r="IA12" s="102">
        <v>11</v>
      </c>
      <c r="IB12" s="103">
        <v>23</v>
      </c>
      <c r="IC12" s="413">
        <v>0</v>
      </c>
      <c r="ID12" s="102">
        <v>22</v>
      </c>
      <c r="IE12" s="102">
        <v>17</v>
      </c>
      <c r="IF12" s="102">
        <v>13</v>
      </c>
      <c r="IG12" s="102">
        <v>5</v>
      </c>
      <c r="IH12" s="102">
        <v>5</v>
      </c>
      <c r="II12" s="103">
        <v>62</v>
      </c>
      <c r="IJ12" s="104">
        <v>85</v>
      </c>
      <c r="IK12" s="101">
        <v>20</v>
      </c>
      <c r="IL12" s="102">
        <v>13</v>
      </c>
      <c r="IM12" s="103">
        <v>33</v>
      </c>
      <c r="IN12" s="413">
        <v>0</v>
      </c>
      <c r="IO12" s="102">
        <v>35</v>
      </c>
      <c r="IP12" s="102">
        <v>22</v>
      </c>
      <c r="IQ12" s="102">
        <v>9</v>
      </c>
      <c r="IR12" s="102">
        <v>12</v>
      </c>
      <c r="IS12" s="102">
        <v>7</v>
      </c>
      <c r="IT12" s="103">
        <v>85</v>
      </c>
      <c r="IU12" s="104">
        <v>118</v>
      </c>
      <c r="IV12" s="101">
        <v>27</v>
      </c>
      <c r="IW12" s="102">
        <v>13</v>
      </c>
      <c r="IX12" s="103">
        <v>40</v>
      </c>
      <c r="IY12" s="413">
        <v>0</v>
      </c>
      <c r="IZ12" s="102">
        <v>44</v>
      </c>
      <c r="JA12" s="102">
        <v>36</v>
      </c>
      <c r="JB12" s="102">
        <v>28</v>
      </c>
      <c r="JC12" s="102">
        <v>13</v>
      </c>
      <c r="JD12" s="102">
        <v>13</v>
      </c>
      <c r="JE12" s="103">
        <v>134</v>
      </c>
      <c r="JF12" s="104">
        <v>174</v>
      </c>
      <c r="JG12" s="101">
        <v>18</v>
      </c>
      <c r="JH12" s="102">
        <v>13</v>
      </c>
      <c r="JI12" s="103">
        <v>31</v>
      </c>
      <c r="JJ12" s="413">
        <v>0</v>
      </c>
      <c r="JK12" s="102">
        <v>36</v>
      </c>
      <c r="JL12" s="102">
        <v>42</v>
      </c>
      <c r="JM12" s="102">
        <v>37</v>
      </c>
      <c r="JN12" s="102">
        <v>24</v>
      </c>
      <c r="JO12" s="102">
        <v>14</v>
      </c>
      <c r="JP12" s="103">
        <v>153</v>
      </c>
      <c r="JQ12" s="104">
        <v>184</v>
      </c>
      <c r="JR12" s="101">
        <v>0</v>
      </c>
      <c r="JS12" s="102">
        <v>0</v>
      </c>
      <c r="JT12" s="103">
        <v>0</v>
      </c>
      <c r="JU12" s="413">
        <v>0</v>
      </c>
      <c r="JV12" s="102">
        <v>0</v>
      </c>
      <c r="JW12" s="102">
        <v>0</v>
      </c>
      <c r="JX12" s="102">
        <v>0</v>
      </c>
      <c r="JY12" s="102">
        <v>0</v>
      </c>
      <c r="JZ12" s="102">
        <v>0</v>
      </c>
      <c r="KA12" s="103">
        <v>0</v>
      </c>
      <c r="KB12" s="104">
        <v>0</v>
      </c>
      <c r="KC12" s="101">
        <v>84</v>
      </c>
      <c r="KD12" s="102">
        <v>57</v>
      </c>
      <c r="KE12" s="103">
        <v>141</v>
      </c>
      <c r="KF12" s="413">
        <v>0</v>
      </c>
      <c r="KG12" s="102">
        <v>150</v>
      </c>
      <c r="KH12" s="102">
        <v>130</v>
      </c>
      <c r="KI12" s="102">
        <v>91</v>
      </c>
      <c r="KJ12" s="102">
        <v>62</v>
      </c>
      <c r="KK12" s="102">
        <v>42</v>
      </c>
      <c r="KL12" s="103">
        <v>475</v>
      </c>
      <c r="KM12" s="104">
        <v>616</v>
      </c>
    </row>
    <row r="13" spans="2:299" s="70" customFormat="1" ht="21" customHeight="1" x14ac:dyDescent="0.2">
      <c r="B13" s="106" t="s">
        <v>9</v>
      </c>
      <c r="C13" s="96">
        <v>207</v>
      </c>
      <c r="D13" s="97">
        <v>115</v>
      </c>
      <c r="E13" s="98">
        <v>322</v>
      </c>
      <c r="F13" s="413">
        <v>0</v>
      </c>
      <c r="G13" s="97">
        <v>227</v>
      </c>
      <c r="H13" s="97">
        <v>158</v>
      </c>
      <c r="I13" s="97">
        <v>122</v>
      </c>
      <c r="J13" s="97">
        <v>87</v>
      </c>
      <c r="K13" s="97">
        <v>60</v>
      </c>
      <c r="L13" s="99">
        <v>654</v>
      </c>
      <c r="M13" s="100">
        <v>976</v>
      </c>
      <c r="N13" s="101">
        <v>3</v>
      </c>
      <c r="O13" s="102">
        <v>5</v>
      </c>
      <c r="P13" s="103">
        <v>8</v>
      </c>
      <c r="Q13" s="413">
        <v>0</v>
      </c>
      <c r="R13" s="102">
        <v>3</v>
      </c>
      <c r="S13" s="102">
        <v>5</v>
      </c>
      <c r="T13" s="102">
        <v>3</v>
      </c>
      <c r="U13" s="102">
        <v>1</v>
      </c>
      <c r="V13" s="102">
        <v>3</v>
      </c>
      <c r="W13" s="103">
        <v>15</v>
      </c>
      <c r="X13" s="104">
        <v>23</v>
      </c>
      <c r="Y13" s="101">
        <v>5</v>
      </c>
      <c r="Z13" s="102">
        <v>6</v>
      </c>
      <c r="AA13" s="103">
        <v>11</v>
      </c>
      <c r="AB13" s="413">
        <v>0</v>
      </c>
      <c r="AC13" s="102">
        <v>8</v>
      </c>
      <c r="AD13" s="102">
        <v>8</v>
      </c>
      <c r="AE13" s="102">
        <v>0</v>
      </c>
      <c r="AF13" s="102">
        <v>4</v>
      </c>
      <c r="AG13" s="102">
        <v>5</v>
      </c>
      <c r="AH13" s="103">
        <v>25</v>
      </c>
      <c r="AI13" s="104">
        <v>36</v>
      </c>
      <c r="AJ13" s="101">
        <v>23</v>
      </c>
      <c r="AK13" s="102">
        <v>12</v>
      </c>
      <c r="AL13" s="103">
        <v>35</v>
      </c>
      <c r="AM13" s="413">
        <v>0</v>
      </c>
      <c r="AN13" s="102">
        <v>13</v>
      </c>
      <c r="AO13" s="102">
        <v>8</v>
      </c>
      <c r="AP13" s="102">
        <v>14</v>
      </c>
      <c r="AQ13" s="102">
        <v>5</v>
      </c>
      <c r="AR13" s="102">
        <v>4</v>
      </c>
      <c r="AS13" s="103">
        <v>44</v>
      </c>
      <c r="AT13" s="104">
        <v>79</v>
      </c>
      <c r="AU13" s="101">
        <v>45</v>
      </c>
      <c r="AV13" s="102">
        <v>26</v>
      </c>
      <c r="AW13" s="103">
        <v>71</v>
      </c>
      <c r="AX13" s="413">
        <v>0</v>
      </c>
      <c r="AY13" s="102">
        <v>47</v>
      </c>
      <c r="AZ13" s="102">
        <v>27</v>
      </c>
      <c r="BA13" s="102">
        <v>24</v>
      </c>
      <c r="BB13" s="102">
        <v>13</v>
      </c>
      <c r="BC13" s="102">
        <v>6</v>
      </c>
      <c r="BD13" s="103">
        <v>117</v>
      </c>
      <c r="BE13" s="104">
        <v>188</v>
      </c>
      <c r="BF13" s="101">
        <v>76</v>
      </c>
      <c r="BG13" s="102">
        <v>39</v>
      </c>
      <c r="BH13" s="103">
        <v>115</v>
      </c>
      <c r="BI13" s="413">
        <v>0</v>
      </c>
      <c r="BJ13" s="102">
        <v>79</v>
      </c>
      <c r="BK13" s="102">
        <v>38</v>
      </c>
      <c r="BL13" s="102">
        <v>34</v>
      </c>
      <c r="BM13" s="102">
        <v>20</v>
      </c>
      <c r="BN13" s="102">
        <v>19</v>
      </c>
      <c r="BO13" s="103">
        <v>190</v>
      </c>
      <c r="BP13" s="104">
        <v>305</v>
      </c>
      <c r="BQ13" s="101">
        <v>55</v>
      </c>
      <c r="BR13" s="102">
        <v>27</v>
      </c>
      <c r="BS13" s="103">
        <v>82</v>
      </c>
      <c r="BT13" s="413">
        <v>0</v>
      </c>
      <c r="BU13" s="102">
        <v>77</v>
      </c>
      <c r="BV13" s="102">
        <v>72</v>
      </c>
      <c r="BW13" s="102">
        <v>47</v>
      </c>
      <c r="BX13" s="102">
        <v>44</v>
      </c>
      <c r="BY13" s="102">
        <v>23</v>
      </c>
      <c r="BZ13" s="103">
        <v>263</v>
      </c>
      <c r="CA13" s="104">
        <v>345</v>
      </c>
      <c r="CB13" s="101">
        <v>0</v>
      </c>
      <c r="CC13" s="102">
        <v>0</v>
      </c>
      <c r="CD13" s="103">
        <v>0</v>
      </c>
      <c r="CE13" s="413">
        <v>0</v>
      </c>
      <c r="CF13" s="102">
        <v>0</v>
      </c>
      <c r="CG13" s="102">
        <v>0</v>
      </c>
      <c r="CH13" s="102">
        <v>0</v>
      </c>
      <c r="CI13" s="102">
        <v>0</v>
      </c>
      <c r="CJ13" s="102">
        <v>0</v>
      </c>
      <c r="CK13" s="103">
        <v>0</v>
      </c>
      <c r="CL13" s="104">
        <v>0</v>
      </c>
      <c r="CM13" s="101">
        <v>207</v>
      </c>
      <c r="CN13" s="102">
        <v>115</v>
      </c>
      <c r="CO13" s="103">
        <v>322</v>
      </c>
      <c r="CP13" s="413">
        <v>0</v>
      </c>
      <c r="CQ13" s="102">
        <v>227</v>
      </c>
      <c r="CR13" s="102">
        <v>158</v>
      </c>
      <c r="CS13" s="102">
        <v>122</v>
      </c>
      <c r="CT13" s="102">
        <v>87</v>
      </c>
      <c r="CU13" s="102">
        <v>60</v>
      </c>
      <c r="CV13" s="103">
        <v>654</v>
      </c>
      <c r="CW13" s="104">
        <v>976</v>
      </c>
      <c r="CX13" s="105">
        <v>77</v>
      </c>
      <c r="CY13" s="97">
        <v>52</v>
      </c>
      <c r="CZ13" s="98">
        <v>129</v>
      </c>
      <c r="DA13" s="413">
        <v>0</v>
      </c>
      <c r="DB13" s="97">
        <v>75</v>
      </c>
      <c r="DC13" s="97">
        <v>63</v>
      </c>
      <c r="DD13" s="97">
        <v>35</v>
      </c>
      <c r="DE13" s="97">
        <v>51</v>
      </c>
      <c r="DF13" s="97">
        <v>21</v>
      </c>
      <c r="DG13" s="99">
        <v>245</v>
      </c>
      <c r="DH13" s="100">
        <v>374</v>
      </c>
      <c r="DI13" s="101">
        <v>1</v>
      </c>
      <c r="DJ13" s="102">
        <v>1</v>
      </c>
      <c r="DK13" s="103">
        <v>2</v>
      </c>
      <c r="DL13" s="413">
        <v>0</v>
      </c>
      <c r="DM13" s="102">
        <v>0</v>
      </c>
      <c r="DN13" s="102">
        <v>0</v>
      </c>
      <c r="DO13" s="102">
        <v>0</v>
      </c>
      <c r="DP13" s="102">
        <v>1</v>
      </c>
      <c r="DQ13" s="102">
        <v>2</v>
      </c>
      <c r="DR13" s="103">
        <v>3</v>
      </c>
      <c r="DS13" s="104">
        <v>5</v>
      </c>
      <c r="DT13" s="101">
        <v>3</v>
      </c>
      <c r="DU13" s="102">
        <v>6</v>
      </c>
      <c r="DV13" s="103">
        <v>9</v>
      </c>
      <c r="DW13" s="413">
        <v>0</v>
      </c>
      <c r="DX13" s="102">
        <v>4</v>
      </c>
      <c r="DY13" s="102">
        <v>0</v>
      </c>
      <c r="DZ13" s="102">
        <v>0</v>
      </c>
      <c r="EA13" s="102">
        <v>1</v>
      </c>
      <c r="EB13" s="102">
        <v>1</v>
      </c>
      <c r="EC13" s="103">
        <v>6</v>
      </c>
      <c r="ED13" s="104">
        <v>15</v>
      </c>
      <c r="EE13" s="101">
        <v>10</v>
      </c>
      <c r="EF13" s="102">
        <v>6</v>
      </c>
      <c r="EG13" s="103">
        <v>16</v>
      </c>
      <c r="EH13" s="413">
        <v>0</v>
      </c>
      <c r="EI13" s="102">
        <v>8</v>
      </c>
      <c r="EJ13" s="102">
        <v>7</v>
      </c>
      <c r="EK13" s="102">
        <v>2</v>
      </c>
      <c r="EL13" s="102">
        <v>4</v>
      </c>
      <c r="EM13" s="102">
        <v>0</v>
      </c>
      <c r="EN13" s="103">
        <v>21</v>
      </c>
      <c r="EO13" s="104">
        <v>37</v>
      </c>
      <c r="EP13" s="101">
        <v>28</v>
      </c>
      <c r="EQ13" s="102">
        <v>15</v>
      </c>
      <c r="ER13" s="103">
        <v>43</v>
      </c>
      <c r="ES13" s="413">
        <v>0</v>
      </c>
      <c r="ET13" s="102">
        <v>18</v>
      </c>
      <c r="EU13" s="102">
        <v>9</v>
      </c>
      <c r="EV13" s="102">
        <v>8</v>
      </c>
      <c r="EW13" s="102">
        <v>7</v>
      </c>
      <c r="EX13" s="102">
        <v>2</v>
      </c>
      <c r="EY13" s="103">
        <v>44</v>
      </c>
      <c r="EZ13" s="104">
        <v>87</v>
      </c>
      <c r="FA13" s="101">
        <v>19</v>
      </c>
      <c r="FB13" s="102">
        <v>11</v>
      </c>
      <c r="FC13" s="103">
        <v>30</v>
      </c>
      <c r="FD13" s="413">
        <v>0</v>
      </c>
      <c r="FE13" s="102">
        <v>27</v>
      </c>
      <c r="FF13" s="102">
        <v>17</v>
      </c>
      <c r="FG13" s="102">
        <v>7</v>
      </c>
      <c r="FH13" s="102">
        <v>7</v>
      </c>
      <c r="FI13" s="102">
        <v>4</v>
      </c>
      <c r="FJ13" s="103">
        <v>62</v>
      </c>
      <c r="FK13" s="104">
        <v>92</v>
      </c>
      <c r="FL13" s="101">
        <v>16</v>
      </c>
      <c r="FM13" s="102">
        <v>13</v>
      </c>
      <c r="FN13" s="103">
        <v>29</v>
      </c>
      <c r="FO13" s="413">
        <v>0</v>
      </c>
      <c r="FP13" s="102">
        <v>18</v>
      </c>
      <c r="FQ13" s="102">
        <v>30</v>
      </c>
      <c r="FR13" s="102">
        <v>18</v>
      </c>
      <c r="FS13" s="102">
        <v>31</v>
      </c>
      <c r="FT13" s="102">
        <v>12</v>
      </c>
      <c r="FU13" s="103">
        <v>109</v>
      </c>
      <c r="FV13" s="104">
        <v>138</v>
      </c>
      <c r="FW13" s="101">
        <v>0</v>
      </c>
      <c r="FX13" s="102">
        <v>0</v>
      </c>
      <c r="FY13" s="103">
        <v>0</v>
      </c>
      <c r="FZ13" s="413">
        <v>0</v>
      </c>
      <c r="GA13" s="102">
        <v>0</v>
      </c>
      <c r="GB13" s="102">
        <v>0</v>
      </c>
      <c r="GC13" s="102">
        <v>0</v>
      </c>
      <c r="GD13" s="102">
        <v>0</v>
      </c>
      <c r="GE13" s="102">
        <v>0</v>
      </c>
      <c r="GF13" s="103">
        <v>0</v>
      </c>
      <c r="GG13" s="104">
        <v>0</v>
      </c>
      <c r="GH13" s="101">
        <v>77</v>
      </c>
      <c r="GI13" s="102">
        <v>52</v>
      </c>
      <c r="GJ13" s="103">
        <v>129</v>
      </c>
      <c r="GK13" s="413">
        <v>0</v>
      </c>
      <c r="GL13" s="102">
        <v>75</v>
      </c>
      <c r="GM13" s="102">
        <v>63</v>
      </c>
      <c r="GN13" s="102">
        <v>35</v>
      </c>
      <c r="GO13" s="102">
        <v>51</v>
      </c>
      <c r="GP13" s="102">
        <v>21</v>
      </c>
      <c r="GQ13" s="103">
        <v>245</v>
      </c>
      <c r="GR13" s="104">
        <v>374</v>
      </c>
      <c r="GS13" s="105">
        <v>284</v>
      </c>
      <c r="GT13" s="97">
        <v>167</v>
      </c>
      <c r="GU13" s="98">
        <v>451</v>
      </c>
      <c r="GV13" s="413">
        <v>0</v>
      </c>
      <c r="GW13" s="97">
        <v>302</v>
      </c>
      <c r="GX13" s="97">
        <v>221</v>
      </c>
      <c r="GY13" s="97">
        <v>157</v>
      </c>
      <c r="GZ13" s="97">
        <v>138</v>
      </c>
      <c r="HA13" s="97">
        <v>81</v>
      </c>
      <c r="HB13" s="99">
        <v>899</v>
      </c>
      <c r="HC13" s="100">
        <v>1350</v>
      </c>
      <c r="HD13" s="101">
        <v>4</v>
      </c>
      <c r="HE13" s="102">
        <v>6</v>
      </c>
      <c r="HF13" s="103">
        <v>10</v>
      </c>
      <c r="HG13" s="413">
        <v>0</v>
      </c>
      <c r="HH13" s="102">
        <v>3</v>
      </c>
      <c r="HI13" s="102">
        <v>5</v>
      </c>
      <c r="HJ13" s="102">
        <v>3</v>
      </c>
      <c r="HK13" s="102">
        <v>2</v>
      </c>
      <c r="HL13" s="102">
        <v>5</v>
      </c>
      <c r="HM13" s="103">
        <v>18</v>
      </c>
      <c r="HN13" s="104">
        <v>28</v>
      </c>
      <c r="HO13" s="101">
        <v>8</v>
      </c>
      <c r="HP13" s="102">
        <v>12</v>
      </c>
      <c r="HQ13" s="103">
        <v>20</v>
      </c>
      <c r="HR13" s="413">
        <v>0</v>
      </c>
      <c r="HS13" s="102">
        <v>12</v>
      </c>
      <c r="HT13" s="102">
        <v>8</v>
      </c>
      <c r="HU13" s="102">
        <v>0</v>
      </c>
      <c r="HV13" s="102">
        <v>5</v>
      </c>
      <c r="HW13" s="102">
        <v>6</v>
      </c>
      <c r="HX13" s="103">
        <v>31</v>
      </c>
      <c r="HY13" s="104">
        <v>51</v>
      </c>
      <c r="HZ13" s="101">
        <v>33</v>
      </c>
      <c r="IA13" s="102">
        <v>18</v>
      </c>
      <c r="IB13" s="103">
        <v>51</v>
      </c>
      <c r="IC13" s="413">
        <v>0</v>
      </c>
      <c r="ID13" s="102">
        <v>21</v>
      </c>
      <c r="IE13" s="102">
        <v>15</v>
      </c>
      <c r="IF13" s="102">
        <v>16</v>
      </c>
      <c r="IG13" s="102">
        <v>9</v>
      </c>
      <c r="IH13" s="102">
        <v>4</v>
      </c>
      <c r="II13" s="103">
        <v>65</v>
      </c>
      <c r="IJ13" s="104">
        <v>116</v>
      </c>
      <c r="IK13" s="101">
        <v>73</v>
      </c>
      <c r="IL13" s="102">
        <v>41</v>
      </c>
      <c r="IM13" s="103">
        <v>114</v>
      </c>
      <c r="IN13" s="413">
        <v>0</v>
      </c>
      <c r="IO13" s="102">
        <v>65</v>
      </c>
      <c r="IP13" s="102">
        <v>36</v>
      </c>
      <c r="IQ13" s="102">
        <v>32</v>
      </c>
      <c r="IR13" s="102">
        <v>20</v>
      </c>
      <c r="IS13" s="102">
        <v>8</v>
      </c>
      <c r="IT13" s="103">
        <v>161</v>
      </c>
      <c r="IU13" s="104">
        <v>275</v>
      </c>
      <c r="IV13" s="101">
        <v>95</v>
      </c>
      <c r="IW13" s="102">
        <v>50</v>
      </c>
      <c r="IX13" s="103">
        <v>145</v>
      </c>
      <c r="IY13" s="413">
        <v>0</v>
      </c>
      <c r="IZ13" s="102">
        <v>106</v>
      </c>
      <c r="JA13" s="102">
        <v>55</v>
      </c>
      <c r="JB13" s="102">
        <v>41</v>
      </c>
      <c r="JC13" s="102">
        <v>27</v>
      </c>
      <c r="JD13" s="102">
        <v>23</v>
      </c>
      <c r="JE13" s="103">
        <v>252</v>
      </c>
      <c r="JF13" s="104">
        <v>397</v>
      </c>
      <c r="JG13" s="101">
        <v>71</v>
      </c>
      <c r="JH13" s="102">
        <v>40</v>
      </c>
      <c r="JI13" s="103">
        <v>111</v>
      </c>
      <c r="JJ13" s="413">
        <v>0</v>
      </c>
      <c r="JK13" s="102">
        <v>95</v>
      </c>
      <c r="JL13" s="102">
        <v>102</v>
      </c>
      <c r="JM13" s="102">
        <v>65</v>
      </c>
      <c r="JN13" s="102">
        <v>75</v>
      </c>
      <c r="JO13" s="102">
        <v>35</v>
      </c>
      <c r="JP13" s="103">
        <v>372</v>
      </c>
      <c r="JQ13" s="104">
        <v>483</v>
      </c>
      <c r="JR13" s="101">
        <v>0</v>
      </c>
      <c r="JS13" s="102">
        <v>0</v>
      </c>
      <c r="JT13" s="103">
        <v>0</v>
      </c>
      <c r="JU13" s="413">
        <v>0</v>
      </c>
      <c r="JV13" s="102">
        <v>0</v>
      </c>
      <c r="JW13" s="102">
        <v>0</v>
      </c>
      <c r="JX13" s="102">
        <v>0</v>
      </c>
      <c r="JY13" s="102">
        <v>0</v>
      </c>
      <c r="JZ13" s="102">
        <v>0</v>
      </c>
      <c r="KA13" s="103">
        <v>0</v>
      </c>
      <c r="KB13" s="104">
        <v>0</v>
      </c>
      <c r="KC13" s="101">
        <v>284</v>
      </c>
      <c r="KD13" s="102">
        <v>167</v>
      </c>
      <c r="KE13" s="103">
        <v>451</v>
      </c>
      <c r="KF13" s="413">
        <v>0</v>
      </c>
      <c r="KG13" s="102">
        <v>302</v>
      </c>
      <c r="KH13" s="102">
        <v>221</v>
      </c>
      <c r="KI13" s="102">
        <v>157</v>
      </c>
      <c r="KJ13" s="102">
        <v>138</v>
      </c>
      <c r="KK13" s="102">
        <v>81</v>
      </c>
      <c r="KL13" s="103">
        <v>899</v>
      </c>
      <c r="KM13" s="104">
        <v>1350</v>
      </c>
    </row>
    <row r="14" spans="2:299" s="70" customFormat="1" ht="21" customHeight="1" x14ac:dyDescent="0.2">
      <c r="B14" s="106" t="s">
        <v>10</v>
      </c>
      <c r="C14" s="96">
        <v>298</v>
      </c>
      <c r="D14" s="97">
        <v>202</v>
      </c>
      <c r="E14" s="98">
        <v>500</v>
      </c>
      <c r="F14" s="413">
        <v>0</v>
      </c>
      <c r="G14" s="97">
        <v>282</v>
      </c>
      <c r="H14" s="97">
        <v>156</v>
      </c>
      <c r="I14" s="97">
        <v>120</v>
      </c>
      <c r="J14" s="97">
        <v>91</v>
      </c>
      <c r="K14" s="97">
        <v>78</v>
      </c>
      <c r="L14" s="99">
        <v>727</v>
      </c>
      <c r="M14" s="100">
        <v>1227</v>
      </c>
      <c r="N14" s="101">
        <v>15</v>
      </c>
      <c r="O14" s="102">
        <v>11</v>
      </c>
      <c r="P14" s="103">
        <v>26</v>
      </c>
      <c r="Q14" s="413">
        <v>0</v>
      </c>
      <c r="R14" s="102">
        <v>6</v>
      </c>
      <c r="S14" s="102">
        <v>8</v>
      </c>
      <c r="T14" s="102">
        <v>5</v>
      </c>
      <c r="U14" s="102">
        <v>3</v>
      </c>
      <c r="V14" s="102">
        <v>2</v>
      </c>
      <c r="W14" s="103">
        <v>24</v>
      </c>
      <c r="X14" s="104">
        <v>50</v>
      </c>
      <c r="Y14" s="101">
        <v>13</v>
      </c>
      <c r="Z14" s="102">
        <v>11</v>
      </c>
      <c r="AA14" s="103">
        <v>24</v>
      </c>
      <c r="AB14" s="413">
        <v>0</v>
      </c>
      <c r="AC14" s="102">
        <v>16</v>
      </c>
      <c r="AD14" s="102">
        <v>17</v>
      </c>
      <c r="AE14" s="102">
        <v>10</v>
      </c>
      <c r="AF14" s="102">
        <v>7</v>
      </c>
      <c r="AG14" s="102">
        <v>8</v>
      </c>
      <c r="AH14" s="103">
        <v>58</v>
      </c>
      <c r="AI14" s="104">
        <v>82</v>
      </c>
      <c r="AJ14" s="101">
        <v>24</v>
      </c>
      <c r="AK14" s="102">
        <v>29</v>
      </c>
      <c r="AL14" s="103">
        <v>53</v>
      </c>
      <c r="AM14" s="413">
        <v>0</v>
      </c>
      <c r="AN14" s="102">
        <v>38</v>
      </c>
      <c r="AO14" s="102">
        <v>19</v>
      </c>
      <c r="AP14" s="102">
        <v>11</v>
      </c>
      <c r="AQ14" s="102">
        <v>6</v>
      </c>
      <c r="AR14" s="102">
        <v>18</v>
      </c>
      <c r="AS14" s="103">
        <v>92</v>
      </c>
      <c r="AT14" s="104">
        <v>145</v>
      </c>
      <c r="AU14" s="101">
        <v>65</v>
      </c>
      <c r="AV14" s="102">
        <v>40</v>
      </c>
      <c r="AW14" s="103">
        <v>105</v>
      </c>
      <c r="AX14" s="413">
        <v>0</v>
      </c>
      <c r="AY14" s="102">
        <v>74</v>
      </c>
      <c r="AZ14" s="102">
        <v>25</v>
      </c>
      <c r="BA14" s="102">
        <v>23</v>
      </c>
      <c r="BB14" s="102">
        <v>21</v>
      </c>
      <c r="BC14" s="102">
        <v>19</v>
      </c>
      <c r="BD14" s="103">
        <v>162</v>
      </c>
      <c r="BE14" s="104">
        <v>267</v>
      </c>
      <c r="BF14" s="101">
        <v>94</v>
      </c>
      <c r="BG14" s="102">
        <v>50</v>
      </c>
      <c r="BH14" s="103">
        <v>144</v>
      </c>
      <c r="BI14" s="413">
        <v>0</v>
      </c>
      <c r="BJ14" s="102">
        <v>68</v>
      </c>
      <c r="BK14" s="102">
        <v>41</v>
      </c>
      <c r="BL14" s="102">
        <v>32</v>
      </c>
      <c r="BM14" s="102">
        <v>19</v>
      </c>
      <c r="BN14" s="102">
        <v>16</v>
      </c>
      <c r="BO14" s="103">
        <v>176</v>
      </c>
      <c r="BP14" s="104">
        <v>320</v>
      </c>
      <c r="BQ14" s="101">
        <v>87</v>
      </c>
      <c r="BR14" s="102">
        <v>61</v>
      </c>
      <c r="BS14" s="103">
        <v>148</v>
      </c>
      <c r="BT14" s="413">
        <v>0</v>
      </c>
      <c r="BU14" s="102">
        <v>80</v>
      </c>
      <c r="BV14" s="102">
        <v>46</v>
      </c>
      <c r="BW14" s="102">
        <v>39</v>
      </c>
      <c r="BX14" s="102">
        <v>35</v>
      </c>
      <c r="BY14" s="102">
        <v>15</v>
      </c>
      <c r="BZ14" s="103">
        <v>215</v>
      </c>
      <c r="CA14" s="104">
        <v>363</v>
      </c>
      <c r="CB14" s="101">
        <v>0</v>
      </c>
      <c r="CC14" s="102">
        <v>0</v>
      </c>
      <c r="CD14" s="103">
        <v>0</v>
      </c>
      <c r="CE14" s="413">
        <v>0</v>
      </c>
      <c r="CF14" s="102">
        <v>0</v>
      </c>
      <c r="CG14" s="102">
        <v>0</v>
      </c>
      <c r="CH14" s="102">
        <v>0</v>
      </c>
      <c r="CI14" s="102">
        <v>0</v>
      </c>
      <c r="CJ14" s="102">
        <v>0</v>
      </c>
      <c r="CK14" s="103">
        <v>0</v>
      </c>
      <c r="CL14" s="104">
        <v>0</v>
      </c>
      <c r="CM14" s="101">
        <v>298</v>
      </c>
      <c r="CN14" s="102">
        <v>202</v>
      </c>
      <c r="CO14" s="103">
        <v>500</v>
      </c>
      <c r="CP14" s="413">
        <v>0</v>
      </c>
      <c r="CQ14" s="102">
        <v>282</v>
      </c>
      <c r="CR14" s="102">
        <v>156</v>
      </c>
      <c r="CS14" s="102">
        <v>120</v>
      </c>
      <c r="CT14" s="102">
        <v>91</v>
      </c>
      <c r="CU14" s="102">
        <v>78</v>
      </c>
      <c r="CV14" s="103">
        <v>727</v>
      </c>
      <c r="CW14" s="104">
        <v>1227</v>
      </c>
      <c r="CX14" s="105">
        <v>110</v>
      </c>
      <c r="CY14" s="97">
        <v>74</v>
      </c>
      <c r="CZ14" s="98">
        <v>184</v>
      </c>
      <c r="DA14" s="413">
        <v>0</v>
      </c>
      <c r="DB14" s="97">
        <v>127</v>
      </c>
      <c r="DC14" s="97">
        <v>54</v>
      </c>
      <c r="DD14" s="97">
        <v>42</v>
      </c>
      <c r="DE14" s="97">
        <v>55</v>
      </c>
      <c r="DF14" s="97">
        <v>35</v>
      </c>
      <c r="DG14" s="99">
        <v>313</v>
      </c>
      <c r="DH14" s="100">
        <v>497</v>
      </c>
      <c r="DI14" s="101">
        <v>4</v>
      </c>
      <c r="DJ14" s="102">
        <v>4</v>
      </c>
      <c r="DK14" s="103">
        <v>8</v>
      </c>
      <c r="DL14" s="413">
        <v>0</v>
      </c>
      <c r="DM14" s="102">
        <v>2</v>
      </c>
      <c r="DN14" s="102">
        <v>0</v>
      </c>
      <c r="DO14" s="102">
        <v>0</v>
      </c>
      <c r="DP14" s="102">
        <v>1</v>
      </c>
      <c r="DQ14" s="102">
        <v>0</v>
      </c>
      <c r="DR14" s="103">
        <v>3</v>
      </c>
      <c r="DS14" s="104">
        <v>11</v>
      </c>
      <c r="DT14" s="101">
        <v>8</v>
      </c>
      <c r="DU14" s="102">
        <v>3</v>
      </c>
      <c r="DV14" s="103">
        <v>11</v>
      </c>
      <c r="DW14" s="413">
        <v>0</v>
      </c>
      <c r="DX14" s="102">
        <v>7</v>
      </c>
      <c r="DY14" s="102">
        <v>4</v>
      </c>
      <c r="DZ14" s="102">
        <v>1</v>
      </c>
      <c r="EA14" s="102">
        <v>1</v>
      </c>
      <c r="EB14" s="102">
        <v>1</v>
      </c>
      <c r="EC14" s="103">
        <v>14</v>
      </c>
      <c r="ED14" s="104">
        <v>25</v>
      </c>
      <c r="EE14" s="101">
        <v>12</v>
      </c>
      <c r="EF14" s="102">
        <v>14</v>
      </c>
      <c r="EG14" s="103">
        <v>26</v>
      </c>
      <c r="EH14" s="413">
        <v>0</v>
      </c>
      <c r="EI14" s="102">
        <v>14</v>
      </c>
      <c r="EJ14" s="102">
        <v>5</v>
      </c>
      <c r="EK14" s="102">
        <v>3</v>
      </c>
      <c r="EL14" s="102">
        <v>2</v>
      </c>
      <c r="EM14" s="102">
        <v>1</v>
      </c>
      <c r="EN14" s="103">
        <v>25</v>
      </c>
      <c r="EO14" s="104">
        <v>51</v>
      </c>
      <c r="EP14" s="101">
        <v>31</v>
      </c>
      <c r="EQ14" s="102">
        <v>16</v>
      </c>
      <c r="ER14" s="103">
        <v>47</v>
      </c>
      <c r="ES14" s="413">
        <v>0</v>
      </c>
      <c r="ET14" s="102">
        <v>25</v>
      </c>
      <c r="EU14" s="102">
        <v>11</v>
      </c>
      <c r="EV14" s="102">
        <v>4</v>
      </c>
      <c r="EW14" s="102">
        <v>7</v>
      </c>
      <c r="EX14" s="102">
        <v>7</v>
      </c>
      <c r="EY14" s="103">
        <v>54</v>
      </c>
      <c r="EZ14" s="104">
        <v>101</v>
      </c>
      <c r="FA14" s="101">
        <v>32</v>
      </c>
      <c r="FB14" s="102">
        <v>22</v>
      </c>
      <c r="FC14" s="103">
        <v>54</v>
      </c>
      <c r="FD14" s="413">
        <v>0</v>
      </c>
      <c r="FE14" s="102">
        <v>34</v>
      </c>
      <c r="FF14" s="102">
        <v>13</v>
      </c>
      <c r="FG14" s="102">
        <v>13</v>
      </c>
      <c r="FH14" s="102">
        <v>11</v>
      </c>
      <c r="FI14" s="102">
        <v>8</v>
      </c>
      <c r="FJ14" s="103">
        <v>79</v>
      </c>
      <c r="FK14" s="104">
        <v>133</v>
      </c>
      <c r="FL14" s="101">
        <v>23</v>
      </c>
      <c r="FM14" s="102">
        <v>15</v>
      </c>
      <c r="FN14" s="103">
        <v>38</v>
      </c>
      <c r="FO14" s="413">
        <v>0</v>
      </c>
      <c r="FP14" s="102">
        <v>45</v>
      </c>
      <c r="FQ14" s="102">
        <v>21</v>
      </c>
      <c r="FR14" s="102">
        <v>21</v>
      </c>
      <c r="FS14" s="102">
        <v>33</v>
      </c>
      <c r="FT14" s="102">
        <v>18</v>
      </c>
      <c r="FU14" s="103">
        <v>138</v>
      </c>
      <c r="FV14" s="104">
        <v>176</v>
      </c>
      <c r="FW14" s="101">
        <v>0</v>
      </c>
      <c r="FX14" s="102">
        <v>0</v>
      </c>
      <c r="FY14" s="103">
        <v>0</v>
      </c>
      <c r="FZ14" s="413">
        <v>0</v>
      </c>
      <c r="GA14" s="102">
        <v>0</v>
      </c>
      <c r="GB14" s="102">
        <v>0</v>
      </c>
      <c r="GC14" s="102">
        <v>0</v>
      </c>
      <c r="GD14" s="102">
        <v>0</v>
      </c>
      <c r="GE14" s="102">
        <v>0</v>
      </c>
      <c r="GF14" s="103">
        <v>0</v>
      </c>
      <c r="GG14" s="104">
        <v>0</v>
      </c>
      <c r="GH14" s="101">
        <v>110</v>
      </c>
      <c r="GI14" s="102">
        <v>74</v>
      </c>
      <c r="GJ14" s="103">
        <v>184</v>
      </c>
      <c r="GK14" s="413">
        <v>0</v>
      </c>
      <c r="GL14" s="102">
        <v>127</v>
      </c>
      <c r="GM14" s="102">
        <v>54</v>
      </c>
      <c r="GN14" s="102">
        <v>42</v>
      </c>
      <c r="GO14" s="102">
        <v>55</v>
      </c>
      <c r="GP14" s="102">
        <v>35</v>
      </c>
      <c r="GQ14" s="103">
        <v>313</v>
      </c>
      <c r="GR14" s="104">
        <v>497</v>
      </c>
      <c r="GS14" s="105">
        <v>408</v>
      </c>
      <c r="GT14" s="97">
        <v>276</v>
      </c>
      <c r="GU14" s="98">
        <v>684</v>
      </c>
      <c r="GV14" s="413">
        <v>0</v>
      </c>
      <c r="GW14" s="97">
        <v>409</v>
      </c>
      <c r="GX14" s="97">
        <v>210</v>
      </c>
      <c r="GY14" s="97">
        <v>162</v>
      </c>
      <c r="GZ14" s="97">
        <v>146</v>
      </c>
      <c r="HA14" s="97">
        <v>113</v>
      </c>
      <c r="HB14" s="99">
        <v>1040</v>
      </c>
      <c r="HC14" s="100">
        <v>1724</v>
      </c>
      <c r="HD14" s="101">
        <v>19</v>
      </c>
      <c r="HE14" s="102">
        <v>15</v>
      </c>
      <c r="HF14" s="103">
        <v>34</v>
      </c>
      <c r="HG14" s="413">
        <v>0</v>
      </c>
      <c r="HH14" s="102">
        <v>8</v>
      </c>
      <c r="HI14" s="102">
        <v>8</v>
      </c>
      <c r="HJ14" s="102">
        <v>5</v>
      </c>
      <c r="HK14" s="102">
        <v>4</v>
      </c>
      <c r="HL14" s="102">
        <v>2</v>
      </c>
      <c r="HM14" s="103">
        <v>27</v>
      </c>
      <c r="HN14" s="104">
        <v>61</v>
      </c>
      <c r="HO14" s="101">
        <v>21</v>
      </c>
      <c r="HP14" s="102">
        <v>14</v>
      </c>
      <c r="HQ14" s="103">
        <v>35</v>
      </c>
      <c r="HR14" s="413">
        <v>0</v>
      </c>
      <c r="HS14" s="102">
        <v>23</v>
      </c>
      <c r="HT14" s="102">
        <v>21</v>
      </c>
      <c r="HU14" s="102">
        <v>11</v>
      </c>
      <c r="HV14" s="102">
        <v>8</v>
      </c>
      <c r="HW14" s="102">
        <v>9</v>
      </c>
      <c r="HX14" s="103">
        <v>72</v>
      </c>
      <c r="HY14" s="104">
        <v>107</v>
      </c>
      <c r="HZ14" s="101">
        <v>36</v>
      </c>
      <c r="IA14" s="102">
        <v>43</v>
      </c>
      <c r="IB14" s="103">
        <v>79</v>
      </c>
      <c r="IC14" s="413">
        <v>0</v>
      </c>
      <c r="ID14" s="102">
        <v>52</v>
      </c>
      <c r="IE14" s="102">
        <v>24</v>
      </c>
      <c r="IF14" s="102">
        <v>14</v>
      </c>
      <c r="IG14" s="102">
        <v>8</v>
      </c>
      <c r="IH14" s="102">
        <v>19</v>
      </c>
      <c r="II14" s="103">
        <v>117</v>
      </c>
      <c r="IJ14" s="104">
        <v>196</v>
      </c>
      <c r="IK14" s="101">
        <v>96</v>
      </c>
      <c r="IL14" s="102">
        <v>56</v>
      </c>
      <c r="IM14" s="103">
        <v>152</v>
      </c>
      <c r="IN14" s="413">
        <v>0</v>
      </c>
      <c r="IO14" s="102">
        <v>99</v>
      </c>
      <c r="IP14" s="102">
        <v>36</v>
      </c>
      <c r="IQ14" s="102">
        <v>27</v>
      </c>
      <c r="IR14" s="102">
        <v>28</v>
      </c>
      <c r="IS14" s="102">
        <v>26</v>
      </c>
      <c r="IT14" s="103">
        <v>216</v>
      </c>
      <c r="IU14" s="104">
        <v>368</v>
      </c>
      <c r="IV14" s="101">
        <v>126</v>
      </c>
      <c r="IW14" s="102">
        <v>72</v>
      </c>
      <c r="IX14" s="103">
        <v>198</v>
      </c>
      <c r="IY14" s="413">
        <v>0</v>
      </c>
      <c r="IZ14" s="102">
        <v>102</v>
      </c>
      <c r="JA14" s="102">
        <v>54</v>
      </c>
      <c r="JB14" s="102">
        <v>45</v>
      </c>
      <c r="JC14" s="102">
        <v>30</v>
      </c>
      <c r="JD14" s="102">
        <v>24</v>
      </c>
      <c r="JE14" s="103">
        <v>255</v>
      </c>
      <c r="JF14" s="104">
        <v>453</v>
      </c>
      <c r="JG14" s="101">
        <v>110</v>
      </c>
      <c r="JH14" s="102">
        <v>76</v>
      </c>
      <c r="JI14" s="103">
        <v>186</v>
      </c>
      <c r="JJ14" s="413">
        <v>0</v>
      </c>
      <c r="JK14" s="102">
        <v>125</v>
      </c>
      <c r="JL14" s="102">
        <v>67</v>
      </c>
      <c r="JM14" s="102">
        <v>60</v>
      </c>
      <c r="JN14" s="102">
        <v>68</v>
      </c>
      <c r="JO14" s="102">
        <v>33</v>
      </c>
      <c r="JP14" s="103">
        <v>353</v>
      </c>
      <c r="JQ14" s="104">
        <v>539</v>
      </c>
      <c r="JR14" s="101">
        <v>0</v>
      </c>
      <c r="JS14" s="102">
        <v>0</v>
      </c>
      <c r="JT14" s="103">
        <v>0</v>
      </c>
      <c r="JU14" s="413">
        <v>0</v>
      </c>
      <c r="JV14" s="102">
        <v>0</v>
      </c>
      <c r="JW14" s="102">
        <v>0</v>
      </c>
      <c r="JX14" s="102">
        <v>0</v>
      </c>
      <c r="JY14" s="102">
        <v>0</v>
      </c>
      <c r="JZ14" s="102">
        <v>0</v>
      </c>
      <c r="KA14" s="103">
        <v>0</v>
      </c>
      <c r="KB14" s="104">
        <v>0</v>
      </c>
      <c r="KC14" s="101">
        <v>408</v>
      </c>
      <c r="KD14" s="102">
        <v>276</v>
      </c>
      <c r="KE14" s="103">
        <v>684</v>
      </c>
      <c r="KF14" s="413">
        <v>0</v>
      </c>
      <c r="KG14" s="102">
        <v>409</v>
      </c>
      <c r="KH14" s="102">
        <v>210</v>
      </c>
      <c r="KI14" s="102">
        <v>162</v>
      </c>
      <c r="KJ14" s="102">
        <v>146</v>
      </c>
      <c r="KK14" s="102">
        <v>113</v>
      </c>
      <c r="KL14" s="103">
        <v>1040</v>
      </c>
      <c r="KM14" s="104">
        <v>1724</v>
      </c>
    </row>
    <row r="15" spans="2:299" s="70" customFormat="1" ht="21" customHeight="1" x14ac:dyDescent="0.2">
      <c r="B15" s="106" t="s">
        <v>11</v>
      </c>
      <c r="C15" s="96">
        <v>57</v>
      </c>
      <c r="D15" s="97">
        <v>43</v>
      </c>
      <c r="E15" s="98">
        <v>100</v>
      </c>
      <c r="F15" s="413">
        <v>0</v>
      </c>
      <c r="G15" s="97">
        <v>95</v>
      </c>
      <c r="H15" s="97">
        <v>75</v>
      </c>
      <c r="I15" s="97">
        <v>41</v>
      </c>
      <c r="J15" s="97">
        <v>24</v>
      </c>
      <c r="K15" s="97">
        <v>27</v>
      </c>
      <c r="L15" s="99">
        <v>262</v>
      </c>
      <c r="M15" s="100">
        <v>362</v>
      </c>
      <c r="N15" s="101">
        <v>0</v>
      </c>
      <c r="O15" s="102">
        <v>0</v>
      </c>
      <c r="P15" s="103">
        <v>0</v>
      </c>
      <c r="Q15" s="413">
        <v>0</v>
      </c>
      <c r="R15" s="102">
        <v>2</v>
      </c>
      <c r="S15" s="102">
        <v>6</v>
      </c>
      <c r="T15" s="102">
        <v>2</v>
      </c>
      <c r="U15" s="102">
        <v>1</v>
      </c>
      <c r="V15" s="102">
        <v>0</v>
      </c>
      <c r="W15" s="103">
        <v>11</v>
      </c>
      <c r="X15" s="104">
        <v>11</v>
      </c>
      <c r="Y15" s="101">
        <v>4</v>
      </c>
      <c r="Z15" s="102">
        <v>5</v>
      </c>
      <c r="AA15" s="103">
        <v>9</v>
      </c>
      <c r="AB15" s="413">
        <v>0</v>
      </c>
      <c r="AC15" s="102">
        <v>8</v>
      </c>
      <c r="AD15" s="102">
        <v>2</v>
      </c>
      <c r="AE15" s="102">
        <v>1</v>
      </c>
      <c r="AF15" s="102">
        <v>2</v>
      </c>
      <c r="AG15" s="102">
        <v>2</v>
      </c>
      <c r="AH15" s="103">
        <v>15</v>
      </c>
      <c r="AI15" s="104">
        <v>24</v>
      </c>
      <c r="AJ15" s="101">
        <v>8</v>
      </c>
      <c r="AK15" s="102">
        <v>4</v>
      </c>
      <c r="AL15" s="103">
        <v>12</v>
      </c>
      <c r="AM15" s="413">
        <v>0</v>
      </c>
      <c r="AN15" s="102">
        <v>19</v>
      </c>
      <c r="AO15" s="102">
        <v>7</v>
      </c>
      <c r="AP15" s="102">
        <v>6</v>
      </c>
      <c r="AQ15" s="102">
        <v>1</v>
      </c>
      <c r="AR15" s="102">
        <v>2</v>
      </c>
      <c r="AS15" s="103">
        <v>35</v>
      </c>
      <c r="AT15" s="104">
        <v>47</v>
      </c>
      <c r="AU15" s="101">
        <v>12</v>
      </c>
      <c r="AV15" s="102">
        <v>12</v>
      </c>
      <c r="AW15" s="103">
        <v>24</v>
      </c>
      <c r="AX15" s="413">
        <v>0</v>
      </c>
      <c r="AY15" s="102">
        <v>22</v>
      </c>
      <c r="AZ15" s="102">
        <v>15</v>
      </c>
      <c r="BA15" s="102">
        <v>10</v>
      </c>
      <c r="BB15" s="102">
        <v>10</v>
      </c>
      <c r="BC15" s="102">
        <v>10</v>
      </c>
      <c r="BD15" s="103">
        <v>67</v>
      </c>
      <c r="BE15" s="104">
        <v>91</v>
      </c>
      <c r="BF15" s="101">
        <v>21</v>
      </c>
      <c r="BG15" s="102">
        <v>12</v>
      </c>
      <c r="BH15" s="103">
        <v>33</v>
      </c>
      <c r="BI15" s="413">
        <v>0</v>
      </c>
      <c r="BJ15" s="102">
        <v>22</v>
      </c>
      <c r="BK15" s="102">
        <v>22</v>
      </c>
      <c r="BL15" s="102">
        <v>11</v>
      </c>
      <c r="BM15" s="102">
        <v>6</v>
      </c>
      <c r="BN15" s="102">
        <v>5</v>
      </c>
      <c r="BO15" s="103">
        <v>66</v>
      </c>
      <c r="BP15" s="104">
        <v>99</v>
      </c>
      <c r="BQ15" s="101">
        <v>12</v>
      </c>
      <c r="BR15" s="102">
        <v>10</v>
      </c>
      <c r="BS15" s="103">
        <v>22</v>
      </c>
      <c r="BT15" s="413">
        <v>0</v>
      </c>
      <c r="BU15" s="102">
        <v>22</v>
      </c>
      <c r="BV15" s="102">
        <v>23</v>
      </c>
      <c r="BW15" s="102">
        <v>11</v>
      </c>
      <c r="BX15" s="102">
        <v>4</v>
      </c>
      <c r="BY15" s="102">
        <v>8</v>
      </c>
      <c r="BZ15" s="103">
        <v>68</v>
      </c>
      <c r="CA15" s="104">
        <v>90</v>
      </c>
      <c r="CB15" s="101">
        <v>0</v>
      </c>
      <c r="CC15" s="102">
        <v>0</v>
      </c>
      <c r="CD15" s="103">
        <v>0</v>
      </c>
      <c r="CE15" s="413">
        <v>0</v>
      </c>
      <c r="CF15" s="102">
        <v>0</v>
      </c>
      <c r="CG15" s="102">
        <v>0</v>
      </c>
      <c r="CH15" s="102">
        <v>0</v>
      </c>
      <c r="CI15" s="102">
        <v>0</v>
      </c>
      <c r="CJ15" s="102">
        <v>0</v>
      </c>
      <c r="CK15" s="103">
        <v>0</v>
      </c>
      <c r="CL15" s="104">
        <v>0</v>
      </c>
      <c r="CM15" s="101">
        <v>57</v>
      </c>
      <c r="CN15" s="102">
        <v>43</v>
      </c>
      <c r="CO15" s="103">
        <v>100</v>
      </c>
      <c r="CP15" s="413">
        <v>0</v>
      </c>
      <c r="CQ15" s="102">
        <v>95</v>
      </c>
      <c r="CR15" s="102">
        <v>75</v>
      </c>
      <c r="CS15" s="102">
        <v>41</v>
      </c>
      <c r="CT15" s="102">
        <v>24</v>
      </c>
      <c r="CU15" s="102">
        <v>27</v>
      </c>
      <c r="CV15" s="103">
        <v>262</v>
      </c>
      <c r="CW15" s="104">
        <v>362</v>
      </c>
      <c r="CX15" s="105">
        <v>30</v>
      </c>
      <c r="CY15" s="97">
        <v>24</v>
      </c>
      <c r="CZ15" s="98">
        <v>54</v>
      </c>
      <c r="DA15" s="413">
        <v>0</v>
      </c>
      <c r="DB15" s="97">
        <v>36</v>
      </c>
      <c r="DC15" s="97">
        <v>29</v>
      </c>
      <c r="DD15" s="97">
        <v>15</v>
      </c>
      <c r="DE15" s="97">
        <v>32</v>
      </c>
      <c r="DF15" s="97">
        <v>11</v>
      </c>
      <c r="DG15" s="99">
        <v>123</v>
      </c>
      <c r="DH15" s="100">
        <v>177</v>
      </c>
      <c r="DI15" s="101">
        <v>0</v>
      </c>
      <c r="DJ15" s="102">
        <v>2</v>
      </c>
      <c r="DK15" s="103">
        <v>2</v>
      </c>
      <c r="DL15" s="413">
        <v>0</v>
      </c>
      <c r="DM15" s="102">
        <v>1</v>
      </c>
      <c r="DN15" s="102">
        <v>1</v>
      </c>
      <c r="DO15" s="102">
        <v>1</v>
      </c>
      <c r="DP15" s="102">
        <v>0</v>
      </c>
      <c r="DQ15" s="102">
        <v>0</v>
      </c>
      <c r="DR15" s="103">
        <v>3</v>
      </c>
      <c r="DS15" s="104">
        <v>5</v>
      </c>
      <c r="DT15" s="101">
        <v>2</v>
      </c>
      <c r="DU15" s="102">
        <v>0</v>
      </c>
      <c r="DV15" s="103">
        <v>2</v>
      </c>
      <c r="DW15" s="413">
        <v>0</v>
      </c>
      <c r="DX15" s="102">
        <v>1</v>
      </c>
      <c r="DY15" s="102">
        <v>2</v>
      </c>
      <c r="DZ15" s="102">
        <v>0</v>
      </c>
      <c r="EA15" s="102">
        <v>2</v>
      </c>
      <c r="EB15" s="102">
        <v>1</v>
      </c>
      <c r="EC15" s="103">
        <v>6</v>
      </c>
      <c r="ED15" s="104">
        <v>8</v>
      </c>
      <c r="EE15" s="101">
        <v>4</v>
      </c>
      <c r="EF15" s="102">
        <v>2</v>
      </c>
      <c r="EG15" s="103">
        <v>6</v>
      </c>
      <c r="EH15" s="413">
        <v>0</v>
      </c>
      <c r="EI15" s="102">
        <v>4</v>
      </c>
      <c r="EJ15" s="102">
        <v>3</v>
      </c>
      <c r="EK15" s="102">
        <v>0</v>
      </c>
      <c r="EL15" s="102">
        <v>1</v>
      </c>
      <c r="EM15" s="102">
        <v>1</v>
      </c>
      <c r="EN15" s="103">
        <v>9</v>
      </c>
      <c r="EO15" s="104">
        <v>15</v>
      </c>
      <c r="EP15" s="101">
        <v>7</v>
      </c>
      <c r="EQ15" s="102">
        <v>6</v>
      </c>
      <c r="ER15" s="103">
        <v>13</v>
      </c>
      <c r="ES15" s="413">
        <v>0</v>
      </c>
      <c r="ET15" s="102">
        <v>5</v>
      </c>
      <c r="EU15" s="102">
        <v>5</v>
      </c>
      <c r="EV15" s="102">
        <v>1</v>
      </c>
      <c r="EW15" s="102">
        <v>4</v>
      </c>
      <c r="EX15" s="102">
        <v>2</v>
      </c>
      <c r="EY15" s="103">
        <v>17</v>
      </c>
      <c r="EZ15" s="104">
        <v>30</v>
      </c>
      <c r="FA15" s="101">
        <v>12</v>
      </c>
      <c r="FB15" s="102">
        <v>6</v>
      </c>
      <c r="FC15" s="103">
        <v>18</v>
      </c>
      <c r="FD15" s="413">
        <v>0</v>
      </c>
      <c r="FE15" s="102">
        <v>15</v>
      </c>
      <c r="FF15" s="102">
        <v>8</v>
      </c>
      <c r="FG15" s="102">
        <v>3</v>
      </c>
      <c r="FH15" s="102">
        <v>2</v>
      </c>
      <c r="FI15" s="102">
        <v>2</v>
      </c>
      <c r="FJ15" s="103">
        <v>30</v>
      </c>
      <c r="FK15" s="104">
        <v>48</v>
      </c>
      <c r="FL15" s="101">
        <v>5</v>
      </c>
      <c r="FM15" s="102">
        <v>8</v>
      </c>
      <c r="FN15" s="103">
        <v>13</v>
      </c>
      <c r="FO15" s="413">
        <v>0</v>
      </c>
      <c r="FP15" s="102">
        <v>10</v>
      </c>
      <c r="FQ15" s="102">
        <v>10</v>
      </c>
      <c r="FR15" s="102">
        <v>10</v>
      </c>
      <c r="FS15" s="102">
        <v>23</v>
      </c>
      <c r="FT15" s="102">
        <v>5</v>
      </c>
      <c r="FU15" s="103">
        <v>58</v>
      </c>
      <c r="FV15" s="104">
        <v>71</v>
      </c>
      <c r="FW15" s="101">
        <v>0</v>
      </c>
      <c r="FX15" s="102">
        <v>0</v>
      </c>
      <c r="FY15" s="103">
        <v>0</v>
      </c>
      <c r="FZ15" s="413">
        <v>0</v>
      </c>
      <c r="GA15" s="102">
        <v>0</v>
      </c>
      <c r="GB15" s="102">
        <v>0</v>
      </c>
      <c r="GC15" s="102">
        <v>0</v>
      </c>
      <c r="GD15" s="102">
        <v>0</v>
      </c>
      <c r="GE15" s="102">
        <v>0</v>
      </c>
      <c r="GF15" s="103">
        <v>0</v>
      </c>
      <c r="GG15" s="104">
        <v>0</v>
      </c>
      <c r="GH15" s="101">
        <v>30</v>
      </c>
      <c r="GI15" s="102">
        <v>24</v>
      </c>
      <c r="GJ15" s="103">
        <v>54</v>
      </c>
      <c r="GK15" s="413">
        <v>0</v>
      </c>
      <c r="GL15" s="102">
        <v>36</v>
      </c>
      <c r="GM15" s="102">
        <v>29</v>
      </c>
      <c r="GN15" s="102">
        <v>15</v>
      </c>
      <c r="GO15" s="102">
        <v>32</v>
      </c>
      <c r="GP15" s="102">
        <v>11</v>
      </c>
      <c r="GQ15" s="103">
        <v>123</v>
      </c>
      <c r="GR15" s="104">
        <v>177</v>
      </c>
      <c r="GS15" s="105">
        <v>87</v>
      </c>
      <c r="GT15" s="97">
        <v>67</v>
      </c>
      <c r="GU15" s="98">
        <v>154</v>
      </c>
      <c r="GV15" s="413">
        <v>0</v>
      </c>
      <c r="GW15" s="97">
        <v>131</v>
      </c>
      <c r="GX15" s="97">
        <v>104</v>
      </c>
      <c r="GY15" s="97">
        <v>56</v>
      </c>
      <c r="GZ15" s="97">
        <v>56</v>
      </c>
      <c r="HA15" s="97">
        <v>38</v>
      </c>
      <c r="HB15" s="99">
        <v>385</v>
      </c>
      <c r="HC15" s="100">
        <v>539</v>
      </c>
      <c r="HD15" s="101">
        <v>0</v>
      </c>
      <c r="HE15" s="102">
        <v>2</v>
      </c>
      <c r="HF15" s="103">
        <v>2</v>
      </c>
      <c r="HG15" s="413">
        <v>0</v>
      </c>
      <c r="HH15" s="102">
        <v>3</v>
      </c>
      <c r="HI15" s="102">
        <v>7</v>
      </c>
      <c r="HJ15" s="102">
        <v>3</v>
      </c>
      <c r="HK15" s="102">
        <v>1</v>
      </c>
      <c r="HL15" s="102">
        <v>0</v>
      </c>
      <c r="HM15" s="103">
        <v>14</v>
      </c>
      <c r="HN15" s="104">
        <v>16</v>
      </c>
      <c r="HO15" s="101">
        <v>6</v>
      </c>
      <c r="HP15" s="102">
        <v>5</v>
      </c>
      <c r="HQ15" s="103">
        <v>11</v>
      </c>
      <c r="HR15" s="413">
        <v>0</v>
      </c>
      <c r="HS15" s="102">
        <v>9</v>
      </c>
      <c r="HT15" s="102">
        <v>4</v>
      </c>
      <c r="HU15" s="102">
        <v>1</v>
      </c>
      <c r="HV15" s="102">
        <v>4</v>
      </c>
      <c r="HW15" s="102">
        <v>3</v>
      </c>
      <c r="HX15" s="103">
        <v>21</v>
      </c>
      <c r="HY15" s="104">
        <v>32</v>
      </c>
      <c r="HZ15" s="101">
        <v>12</v>
      </c>
      <c r="IA15" s="102">
        <v>6</v>
      </c>
      <c r="IB15" s="103">
        <v>18</v>
      </c>
      <c r="IC15" s="413">
        <v>0</v>
      </c>
      <c r="ID15" s="102">
        <v>23</v>
      </c>
      <c r="IE15" s="102">
        <v>10</v>
      </c>
      <c r="IF15" s="102">
        <v>6</v>
      </c>
      <c r="IG15" s="102">
        <v>2</v>
      </c>
      <c r="IH15" s="102">
        <v>3</v>
      </c>
      <c r="II15" s="103">
        <v>44</v>
      </c>
      <c r="IJ15" s="104">
        <v>62</v>
      </c>
      <c r="IK15" s="101">
        <v>19</v>
      </c>
      <c r="IL15" s="102">
        <v>18</v>
      </c>
      <c r="IM15" s="103">
        <v>37</v>
      </c>
      <c r="IN15" s="413">
        <v>0</v>
      </c>
      <c r="IO15" s="102">
        <v>27</v>
      </c>
      <c r="IP15" s="102">
        <v>20</v>
      </c>
      <c r="IQ15" s="102">
        <v>11</v>
      </c>
      <c r="IR15" s="102">
        <v>14</v>
      </c>
      <c r="IS15" s="102">
        <v>12</v>
      </c>
      <c r="IT15" s="103">
        <v>84</v>
      </c>
      <c r="IU15" s="104">
        <v>121</v>
      </c>
      <c r="IV15" s="101">
        <v>33</v>
      </c>
      <c r="IW15" s="102">
        <v>18</v>
      </c>
      <c r="IX15" s="103">
        <v>51</v>
      </c>
      <c r="IY15" s="413">
        <v>0</v>
      </c>
      <c r="IZ15" s="102">
        <v>37</v>
      </c>
      <c r="JA15" s="102">
        <v>30</v>
      </c>
      <c r="JB15" s="102">
        <v>14</v>
      </c>
      <c r="JC15" s="102">
        <v>8</v>
      </c>
      <c r="JD15" s="102">
        <v>7</v>
      </c>
      <c r="JE15" s="103">
        <v>96</v>
      </c>
      <c r="JF15" s="104">
        <v>147</v>
      </c>
      <c r="JG15" s="101">
        <v>17</v>
      </c>
      <c r="JH15" s="102">
        <v>18</v>
      </c>
      <c r="JI15" s="103">
        <v>35</v>
      </c>
      <c r="JJ15" s="413">
        <v>0</v>
      </c>
      <c r="JK15" s="102">
        <v>32</v>
      </c>
      <c r="JL15" s="102">
        <v>33</v>
      </c>
      <c r="JM15" s="102">
        <v>21</v>
      </c>
      <c r="JN15" s="102">
        <v>27</v>
      </c>
      <c r="JO15" s="102">
        <v>13</v>
      </c>
      <c r="JP15" s="103">
        <v>126</v>
      </c>
      <c r="JQ15" s="104">
        <v>161</v>
      </c>
      <c r="JR15" s="101">
        <v>0</v>
      </c>
      <c r="JS15" s="102">
        <v>0</v>
      </c>
      <c r="JT15" s="103">
        <v>0</v>
      </c>
      <c r="JU15" s="413">
        <v>0</v>
      </c>
      <c r="JV15" s="102">
        <v>0</v>
      </c>
      <c r="JW15" s="102">
        <v>0</v>
      </c>
      <c r="JX15" s="102">
        <v>0</v>
      </c>
      <c r="JY15" s="102">
        <v>0</v>
      </c>
      <c r="JZ15" s="102">
        <v>0</v>
      </c>
      <c r="KA15" s="103">
        <v>0</v>
      </c>
      <c r="KB15" s="104">
        <v>0</v>
      </c>
      <c r="KC15" s="101">
        <v>87</v>
      </c>
      <c r="KD15" s="102">
        <v>67</v>
      </c>
      <c r="KE15" s="103">
        <v>154</v>
      </c>
      <c r="KF15" s="413">
        <v>0</v>
      </c>
      <c r="KG15" s="102">
        <v>131</v>
      </c>
      <c r="KH15" s="102">
        <v>104</v>
      </c>
      <c r="KI15" s="102">
        <v>56</v>
      </c>
      <c r="KJ15" s="102">
        <v>56</v>
      </c>
      <c r="KK15" s="102">
        <v>38</v>
      </c>
      <c r="KL15" s="103">
        <v>385</v>
      </c>
      <c r="KM15" s="104">
        <v>539</v>
      </c>
    </row>
    <row r="16" spans="2:299" s="70" customFormat="1" ht="21" customHeight="1" x14ac:dyDescent="0.2">
      <c r="B16" s="106" t="s">
        <v>12</v>
      </c>
      <c r="C16" s="96">
        <v>122</v>
      </c>
      <c r="D16" s="97">
        <v>119</v>
      </c>
      <c r="E16" s="98">
        <v>241</v>
      </c>
      <c r="F16" s="413">
        <v>0</v>
      </c>
      <c r="G16" s="97">
        <v>122</v>
      </c>
      <c r="H16" s="97">
        <v>104</v>
      </c>
      <c r="I16" s="97">
        <v>63</v>
      </c>
      <c r="J16" s="97">
        <v>74</v>
      </c>
      <c r="K16" s="97">
        <v>32</v>
      </c>
      <c r="L16" s="99">
        <v>395</v>
      </c>
      <c r="M16" s="100">
        <v>636</v>
      </c>
      <c r="N16" s="107">
        <v>4</v>
      </c>
      <c r="O16" s="102">
        <v>5</v>
      </c>
      <c r="P16" s="103">
        <v>9</v>
      </c>
      <c r="Q16" s="413">
        <v>0</v>
      </c>
      <c r="R16" s="102">
        <v>1</v>
      </c>
      <c r="S16" s="102">
        <v>0</v>
      </c>
      <c r="T16" s="102">
        <v>3</v>
      </c>
      <c r="U16" s="102">
        <v>1</v>
      </c>
      <c r="V16" s="102">
        <v>1</v>
      </c>
      <c r="W16" s="103">
        <v>6</v>
      </c>
      <c r="X16" s="104">
        <v>15</v>
      </c>
      <c r="Y16" s="101">
        <v>5</v>
      </c>
      <c r="Z16" s="102">
        <v>10</v>
      </c>
      <c r="AA16" s="103">
        <v>15</v>
      </c>
      <c r="AB16" s="413">
        <v>0</v>
      </c>
      <c r="AC16" s="102">
        <v>5</v>
      </c>
      <c r="AD16" s="102">
        <v>5</v>
      </c>
      <c r="AE16" s="102">
        <v>5</v>
      </c>
      <c r="AF16" s="102">
        <v>5</v>
      </c>
      <c r="AG16" s="102">
        <v>1</v>
      </c>
      <c r="AH16" s="103">
        <v>21</v>
      </c>
      <c r="AI16" s="104">
        <v>36</v>
      </c>
      <c r="AJ16" s="107">
        <v>8</v>
      </c>
      <c r="AK16" s="102">
        <v>12</v>
      </c>
      <c r="AL16" s="103">
        <v>20</v>
      </c>
      <c r="AM16" s="413">
        <v>0</v>
      </c>
      <c r="AN16" s="102">
        <v>15</v>
      </c>
      <c r="AO16" s="102">
        <v>10</v>
      </c>
      <c r="AP16" s="102">
        <v>7</v>
      </c>
      <c r="AQ16" s="102">
        <v>10</v>
      </c>
      <c r="AR16" s="102">
        <v>3</v>
      </c>
      <c r="AS16" s="103">
        <v>45</v>
      </c>
      <c r="AT16" s="104">
        <v>65</v>
      </c>
      <c r="AU16" s="101">
        <v>28</v>
      </c>
      <c r="AV16" s="102">
        <v>30</v>
      </c>
      <c r="AW16" s="103">
        <v>58</v>
      </c>
      <c r="AX16" s="413">
        <v>0</v>
      </c>
      <c r="AY16" s="102">
        <v>22</v>
      </c>
      <c r="AZ16" s="102">
        <v>35</v>
      </c>
      <c r="BA16" s="102">
        <v>11</v>
      </c>
      <c r="BB16" s="102">
        <v>13</v>
      </c>
      <c r="BC16" s="102">
        <v>14</v>
      </c>
      <c r="BD16" s="103">
        <v>95</v>
      </c>
      <c r="BE16" s="104">
        <v>153</v>
      </c>
      <c r="BF16" s="107">
        <v>45</v>
      </c>
      <c r="BG16" s="102">
        <v>30</v>
      </c>
      <c r="BH16" s="103">
        <v>75</v>
      </c>
      <c r="BI16" s="413">
        <v>0</v>
      </c>
      <c r="BJ16" s="102">
        <v>43</v>
      </c>
      <c r="BK16" s="102">
        <v>28</v>
      </c>
      <c r="BL16" s="102">
        <v>17</v>
      </c>
      <c r="BM16" s="102">
        <v>24</v>
      </c>
      <c r="BN16" s="102">
        <v>7</v>
      </c>
      <c r="BO16" s="103">
        <v>119</v>
      </c>
      <c r="BP16" s="104">
        <v>194</v>
      </c>
      <c r="BQ16" s="101">
        <v>32</v>
      </c>
      <c r="BR16" s="102">
        <v>32</v>
      </c>
      <c r="BS16" s="103">
        <v>64</v>
      </c>
      <c r="BT16" s="413">
        <v>0</v>
      </c>
      <c r="BU16" s="102">
        <v>36</v>
      </c>
      <c r="BV16" s="102">
        <v>26</v>
      </c>
      <c r="BW16" s="102">
        <v>20</v>
      </c>
      <c r="BX16" s="102">
        <v>21</v>
      </c>
      <c r="BY16" s="102">
        <v>6</v>
      </c>
      <c r="BZ16" s="103">
        <v>109</v>
      </c>
      <c r="CA16" s="104">
        <v>173</v>
      </c>
      <c r="CB16" s="101">
        <v>0</v>
      </c>
      <c r="CC16" s="102">
        <v>0</v>
      </c>
      <c r="CD16" s="103">
        <v>0</v>
      </c>
      <c r="CE16" s="413">
        <v>0</v>
      </c>
      <c r="CF16" s="102">
        <v>0</v>
      </c>
      <c r="CG16" s="102">
        <v>0</v>
      </c>
      <c r="CH16" s="102">
        <v>0</v>
      </c>
      <c r="CI16" s="102">
        <v>0</v>
      </c>
      <c r="CJ16" s="102">
        <v>0</v>
      </c>
      <c r="CK16" s="103">
        <v>0</v>
      </c>
      <c r="CL16" s="104">
        <v>0</v>
      </c>
      <c r="CM16" s="101">
        <v>122</v>
      </c>
      <c r="CN16" s="102">
        <v>119</v>
      </c>
      <c r="CO16" s="103">
        <v>241</v>
      </c>
      <c r="CP16" s="413">
        <v>0</v>
      </c>
      <c r="CQ16" s="102">
        <v>122</v>
      </c>
      <c r="CR16" s="102">
        <v>104</v>
      </c>
      <c r="CS16" s="102">
        <v>63</v>
      </c>
      <c r="CT16" s="102">
        <v>74</v>
      </c>
      <c r="CU16" s="102">
        <v>32</v>
      </c>
      <c r="CV16" s="103">
        <v>395</v>
      </c>
      <c r="CW16" s="104">
        <v>636</v>
      </c>
      <c r="CX16" s="105">
        <v>38</v>
      </c>
      <c r="CY16" s="97">
        <v>46</v>
      </c>
      <c r="CZ16" s="98">
        <v>84</v>
      </c>
      <c r="DA16" s="413">
        <v>0</v>
      </c>
      <c r="DB16" s="97">
        <v>34</v>
      </c>
      <c r="DC16" s="97">
        <v>32</v>
      </c>
      <c r="DD16" s="97">
        <v>20</v>
      </c>
      <c r="DE16" s="97">
        <v>32</v>
      </c>
      <c r="DF16" s="97">
        <v>17</v>
      </c>
      <c r="DG16" s="99">
        <v>135</v>
      </c>
      <c r="DH16" s="100">
        <v>219</v>
      </c>
      <c r="DI16" s="107">
        <v>0</v>
      </c>
      <c r="DJ16" s="102">
        <v>1</v>
      </c>
      <c r="DK16" s="103">
        <v>1</v>
      </c>
      <c r="DL16" s="413">
        <v>0</v>
      </c>
      <c r="DM16" s="102">
        <v>0</v>
      </c>
      <c r="DN16" s="102">
        <v>0</v>
      </c>
      <c r="DO16" s="102">
        <v>1</v>
      </c>
      <c r="DP16" s="102">
        <v>0</v>
      </c>
      <c r="DQ16" s="102">
        <v>0</v>
      </c>
      <c r="DR16" s="103">
        <v>1</v>
      </c>
      <c r="DS16" s="104">
        <v>2</v>
      </c>
      <c r="DT16" s="101">
        <v>2</v>
      </c>
      <c r="DU16" s="102">
        <v>1</v>
      </c>
      <c r="DV16" s="103">
        <v>3</v>
      </c>
      <c r="DW16" s="413">
        <v>0</v>
      </c>
      <c r="DX16" s="102">
        <v>2</v>
      </c>
      <c r="DY16" s="102">
        <v>0</v>
      </c>
      <c r="DZ16" s="102">
        <v>1</v>
      </c>
      <c r="EA16" s="102">
        <v>0</v>
      </c>
      <c r="EB16" s="102">
        <v>0</v>
      </c>
      <c r="EC16" s="103">
        <v>3</v>
      </c>
      <c r="ED16" s="104">
        <v>6</v>
      </c>
      <c r="EE16" s="107">
        <v>11</v>
      </c>
      <c r="EF16" s="102">
        <v>6</v>
      </c>
      <c r="EG16" s="103">
        <v>17</v>
      </c>
      <c r="EH16" s="413">
        <v>0</v>
      </c>
      <c r="EI16" s="102">
        <v>3</v>
      </c>
      <c r="EJ16" s="102">
        <v>6</v>
      </c>
      <c r="EK16" s="102">
        <v>0</v>
      </c>
      <c r="EL16" s="102">
        <v>2</v>
      </c>
      <c r="EM16" s="102">
        <v>1</v>
      </c>
      <c r="EN16" s="103">
        <v>12</v>
      </c>
      <c r="EO16" s="104">
        <v>29</v>
      </c>
      <c r="EP16" s="101">
        <v>11</v>
      </c>
      <c r="EQ16" s="102">
        <v>10</v>
      </c>
      <c r="ER16" s="103">
        <v>21</v>
      </c>
      <c r="ES16" s="413">
        <v>0</v>
      </c>
      <c r="ET16" s="102">
        <v>9</v>
      </c>
      <c r="EU16" s="102">
        <v>6</v>
      </c>
      <c r="EV16" s="102">
        <v>4</v>
      </c>
      <c r="EW16" s="102">
        <v>8</v>
      </c>
      <c r="EX16" s="102">
        <v>1</v>
      </c>
      <c r="EY16" s="103">
        <v>28</v>
      </c>
      <c r="EZ16" s="104">
        <v>49</v>
      </c>
      <c r="FA16" s="107">
        <v>9</v>
      </c>
      <c r="FB16" s="102">
        <v>11</v>
      </c>
      <c r="FC16" s="103">
        <v>20</v>
      </c>
      <c r="FD16" s="413">
        <v>0</v>
      </c>
      <c r="FE16" s="102">
        <v>12</v>
      </c>
      <c r="FF16" s="102">
        <v>8</v>
      </c>
      <c r="FG16" s="102">
        <v>6</v>
      </c>
      <c r="FH16" s="102">
        <v>9</v>
      </c>
      <c r="FI16" s="102">
        <v>8</v>
      </c>
      <c r="FJ16" s="103">
        <v>43</v>
      </c>
      <c r="FK16" s="104">
        <v>63</v>
      </c>
      <c r="FL16" s="101">
        <v>5</v>
      </c>
      <c r="FM16" s="102">
        <v>17</v>
      </c>
      <c r="FN16" s="103">
        <v>22</v>
      </c>
      <c r="FO16" s="413">
        <v>0</v>
      </c>
      <c r="FP16" s="102">
        <v>8</v>
      </c>
      <c r="FQ16" s="102">
        <v>12</v>
      </c>
      <c r="FR16" s="102">
        <v>8</v>
      </c>
      <c r="FS16" s="102">
        <v>13</v>
      </c>
      <c r="FT16" s="102">
        <v>7</v>
      </c>
      <c r="FU16" s="103">
        <v>48</v>
      </c>
      <c r="FV16" s="104">
        <v>70</v>
      </c>
      <c r="FW16" s="101">
        <v>0</v>
      </c>
      <c r="FX16" s="102">
        <v>0</v>
      </c>
      <c r="FY16" s="103">
        <v>0</v>
      </c>
      <c r="FZ16" s="413">
        <v>0</v>
      </c>
      <c r="GA16" s="102">
        <v>0</v>
      </c>
      <c r="GB16" s="102">
        <v>0</v>
      </c>
      <c r="GC16" s="102">
        <v>0</v>
      </c>
      <c r="GD16" s="102">
        <v>0</v>
      </c>
      <c r="GE16" s="102">
        <v>0</v>
      </c>
      <c r="GF16" s="103">
        <v>0</v>
      </c>
      <c r="GG16" s="104">
        <v>0</v>
      </c>
      <c r="GH16" s="101">
        <v>38</v>
      </c>
      <c r="GI16" s="102">
        <v>46</v>
      </c>
      <c r="GJ16" s="103">
        <v>84</v>
      </c>
      <c r="GK16" s="413">
        <v>0</v>
      </c>
      <c r="GL16" s="102">
        <v>34</v>
      </c>
      <c r="GM16" s="102">
        <v>32</v>
      </c>
      <c r="GN16" s="102">
        <v>20</v>
      </c>
      <c r="GO16" s="102">
        <v>32</v>
      </c>
      <c r="GP16" s="102">
        <v>17</v>
      </c>
      <c r="GQ16" s="103">
        <v>135</v>
      </c>
      <c r="GR16" s="104">
        <v>219</v>
      </c>
      <c r="GS16" s="105">
        <v>160</v>
      </c>
      <c r="GT16" s="97">
        <v>165</v>
      </c>
      <c r="GU16" s="98">
        <v>325</v>
      </c>
      <c r="GV16" s="413">
        <v>0</v>
      </c>
      <c r="GW16" s="97">
        <v>156</v>
      </c>
      <c r="GX16" s="97">
        <v>136</v>
      </c>
      <c r="GY16" s="97">
        <v>83</v>
      </c>
      <c r="GZ16" s="97">
        <v>106</v>
      </c>
      <c r="HA16" s="97">
        <v>49</v>
      </c>
      <c r="HB16" s="99">
        <v>530</v>
      </c>
      <c r="HC16" s="100">
        <v>855</v>
      </c>
      <c r="HD16" s="107">
        <v>4</v>
      </c>
      <c r="HE16" s="102">
        <v>6</v>
      </c>
      <c r="HF16" s="103">
        <v>10</v>
      </c>
      <c r="HG16" s="413">
        <v>0</v>
      </c>
      <c r="HH16" s="102">
        <v>1</v>
      </c>
      <c r="HI16" s="102">
        <v>0</v>
      </c>
      <c r="HJ16" s="102">
        <v>4</v>
      </c>
      <c r="HK16" s="102">
        <v>1</v>
      </c>
      <c r="HL16" s="102">
        <v>1</v>
      </c>
      <c r="HM16" s="103">
        <v>7</v>
      </c>
      <c r="HN16" s="104">
        <v>17</v>
      </c>
      <c r="HO16" s="101">
        <v>7</v>
      </c>
      <c r="HP16" s="102">
        <v>11</v>
      </c>
      <c r="HQ16" s="103">
        <v>18</v>
      </c>
      <c r="HR16" s="413">
        <v>0</v>
      </c>
      <c r="HS16" s="102">
        <v>7</v>
      </c>
      <c r="HT16" s="102">
        <v>5</v>
      </c>
      <c r="HU16" s="102">
        <v>6</v>
      </c>
      <c r="HV16" s="102">
        <v>5</v>
      </c>
      <c r="HW16" s="102">
        <v>1</v>
      </c>
      <c r="HX16" s="103">
        <v>24</v>
      </c>
      <c r="HY16" s="104">
        <v>42</v>
      </c>
      <c r="HZ16" s="107">
        <v>19</v>
      </c>
      <c r="IA16" s="102">
        <v>18</v>
      </c>
      <c r="IB16" s="103">
        <v>37</v>
      </c>
      <c r="IC16" s="413">
        <v>0</v>
      </c>
      <c r="ID16" s="102">
        <v>18</v>
      </c>
      <c r="IE16" s="102">
        <v>16</v>
      </c>
      <c r="IF16" s="102">
        <v>7</v>
      </c>
      <c r="IG16" s="102">
        <v>12</v>
      </c>
      <c r="IH16" s="102">
        <v>4</v>
      </c>
      <c r="II16" s="103">
        <v>57</v>
      </c>
      <c r="IJ16" s="104">
        <v>94</v>
      </c>
      <c r="IK16" s="101">
        <v>39</v>
      </c>
      <c r="IL16" s="102">
        <v>40</v>
      </c>
      <c r="IM16" s="103">
        <v>79</v>
      </c>
      <c r="IN16" s="413">
        <v>0</v>
      </c>
      <c r="IO16" s="102">
        <v>31</v>
      </c>
      <c r="IP16" s="102">
        <v>41</v>
      </c>
      <c r="IQ16" s="102">
        <v>15</v>
      </c>
      <c r="IR16" s="102">
        <v>21</v>
      </c>
      <c r="IS16" s="102">
        <v>15</v>
      </c>
      <c r="IT16" s="103">
        <v>123</v>
      </c>
      <c r="IU16" s="104">
        <v>202</v>
      </c>
      <c r="IV16" s="107">
        <v>54</v>
      </c>
      <c r="IW16" s="102">
        <v>41</v>
      </c>
      <c r="IX16" s="103">
        <v>95</v>
      </c>
      <c r="IY16" s="413">
        <v>0</v>
      </c>
      <c r="IZ16" s="102">
        <v>55</v>
      </c>
      <c r="JA16" s="102">
        <v>36</v>
      </c>
      <c r="JB16" s="102">
        <v>23</v>
      </c>
      <c r="JC16" s="102">
        <v>33</v>
      </c>
      <c r="JD16" s="102">
        <v>15</v>
      </c>
      <c r="JE16" s="103">
        <v>162</v>
      </c>
      <c r="JF16" s="104">
        <v>257</v>
      </c>
      <c r="JG16" s="101">
        <v>37</v>
      </c>
      <c r="JH16" s="102">
        <v>49</v>
      </c>
      <c r="JI16" s="103">
        <v>86</v>
      </c>
      <c r="JJ16" s="413">
        <v>0</v>
      </c>
      <c r="JK16" s="102">
        <v>44</v>
      </c>
      <c r="JL16" s="102">
        <v>38</v>
      </c>
      <c r="JM16" s="102">
        <v>28</v>
      </c>
      <c r="JN16" s="102">
        <v>34</v>
      </c>
      <c r="JO16" s="102">
        <v>13</v>
      </c>
      <c r="JP16" s="103">
        <v>157</v>
      </c>
      <c r="JQ16" s="104">
        <v>243</v>
      </c>
      <c r="JR16" s="101">
        <v>0</v>
      </c>
      <c r="JS16" s="102">
        <v>0</v>
      </c>
      <c r="JT16" s="103">
        <v>0</v>
      </c>
      <c r="JU16" s="413">
        <v>0</v>
      </c>
      <c r="JV16" s="102">
        <v>0</v>
      </c>
      <c r="JW16" s="102">
        <v>0</v>
      </c>
      <c r="JX16" s="102">
        <v>0</v>
      </c>
      <c r="JY16" s="102">
        <v>0</v>
      </c>
      <c r="JZ16" s="102">
        <v>0</v>
      </c>
      <c r="KA16" s="103">
        <v>0</v>
      </c>
      <c r="KB16" s="104">
        <v>0</v>
      </c>
      <c r="KC16" s="101">
        <v>160</v>
      </c>
      <c r="KD16" s="102">
        <v>165</v>
      </c>
      <c r="KE16" s="103">
        <v>325</v>
      </c>
      <c r="KF16" s="413">
        <v>0</v>
      </c>
      <c r="KG16" s="102">
        <v>156</v>
      </c>
      <c r="KH16" s="102">
        <v>136</v>
      </c>
      <c r="KI16" s="102">
        <v>83</v>
      </c>
      <c r="KJ16" s="102">
        <v>106</v>
      </c>
      <c r="KK16" s="102">
        <v>49</v>
      </c>
      <c r="KL16" s="103">
        <v>530</v>
      </c>
      <c r="KM16" s="104">
        <v>855</v>
      </c>
    </row>
    <row r="17" spans="2:299" s="70" customFormat="1" ht="21" customHeight="1" x14ac:dyDescent="0.2">
      <c r="B17" s="106" t="s">
        <v>13</v>
      </c>
      <c r="C17" s="96">
        <v>45</v>
      </c>
      <c r="D17" s="97">
        <v>44</v>
      </c>
      <c r="E17" s="98">
        <v>89</v>
      </c>
      <c r="F17" s="413">
        <v>0</v>
      </c>
      <c r="G17" s="97">
        <v>77</v>
      </c>
      <c r="H17" s="97">
        <v>60</v>
      </c>
      <c r="I17" s="97">
        <v>28</v>
      </c>
      <c r="J17" s="97">
        <v>20</v>
      </c>
      <c r="K17" s="97">
        <v>22</v>
      </c>
      <c r="L17" s="99">
        <v>207</v>
      </c>
      <c r="M17" s="100">
        <v>296</v>
      </c>
      <c r="N17" s="101">
        <v>1</v>
      </c>
      <c r="O17" s="102">
        <v>1</v>
      </c>
      <c r="P17" s="103">
        <v>2</v>
      </c>
      <c r="Q17" s="413">
        <v>0</v>
      </c>
      <c r="R17" s="102">
        <v>2</v>
      </c>
      <c r="S17" s="102">
        <v>1</v>
      </c>
      <c r="T17" s="102">
        <v>0</v>
      </c>
      <c r="U17" s="102">
        <v>0</v>
      </c>
      <c r="V17" s="102">
        <v>2</v>
      </c>
      <c r="W17" s="103">
        <v>5</v>
      </c>
      <c r="X17" s="104">
        <v>7</v>
      </c>
      <c r="Y17" s="101">
        <v>3</v>
      </c>
      <c r="Z17" s="102">
        <v>0</v>
      </c>
      <c r="AA17" s="103">
        <v>3</v>
      </c>
      <c r="AB17" s="413">
        <v>0</v>
      </c>
      <c r="AC17" s="102">
        <v>1</v>
      </c>
      <c r="AD17" s="102">
        <v>4</v>
      </c>
      <c r="AE17" s="102">
        <v>0</v>
      </c>
      <c r="AF17" s="102">
        <v>1</v>
      </c>
      <c r="AG17" s="102">
        <v>2</v>
      </c>
      <c r="AH17" s="103">
        <v>8</v>
      </c>
      <c r="AI17" s="104">
        <v>11</v>
      </c>
      <c r="AJ17" s="101">
        <v>2</v>
      </c>
      <c r="AK17" s="102">
        <v>4</v>
      </c>
      <c r="AL17" s="103">
        <v>6</v>
      </c>
      <c r="AM17" s="413">
        <v>0</v>
      </c>
      <c r="AN17" s="102">
        <v>3</v>
      </c>
      <c r="AO17" s="102">
        <v>7</v>
      </c>
      <c r="AP17" s="102">
        <v>2</v>
      </c>
      <c r="AQ17" s="102">
        <v>2</v>
      </c>
      <c r="AR17" s="102">
        <v>0</v>
      </c>
      <c r="AS17" s="103">
        <v>14</v>
      </c>
      <c r="AT17" s="104">
        <v>20</v>
      </c>
      <c r="AU17" s="101">
        <v>10</v>
      </c>
      <c r="AV17" s="102">
        <v>8</v>
      </c>
      <c r="AW17" s="103">
        <v>18</v>
      </c>
      <c r="AX17" s="413">
        <v>0</v>
      </c>
      <c r="AY17" s="102">
        <v>20</v>
      </c>
      <c r="AZ17" s="102">
        <v>10</v>
      </c>
      <c r="BA17" s="102">
        <v>5</v>
      </c>
      <c r="BB17" s="102">
        <v>2</v>
      </c>
      <c r="BC17" s="102">
        <v>4</v>
      </c>
      <c r="BD17" s="103">
        <v>41</v>
      </c>
      <c r="BE17" s="104">
        <v>59</v>
      </c>
      <c r="BF17" s="101">
        <v>12</v>
      </c>
      <c r="BG17" s="102">
        <v>20</v>
      </c>
      <c r="BH17" s="103">
        <v>32</v>
      </c>
      <c r="BI17" s="413">
        <v>0</v>
      </c>
      <c r="BJ17" s="102">
        <v>28</v>
      </c>
      <c r="BK17" s="102">
        <v>21</v>
      </c>
      <c r="BL17" s="102">
        <v>12</v>
      </c>
      <c r="BM17" s="102">
        <v>7</v>
      </c>
      <c r="BN17" s="102">
        <v>8</v>
      </c>
      <c r="BO17" s="103">
        <v>76</v>
      </c>
      <c r="BP17" s="104">
        <v>108</v>
      </c>
      <c r="BQ17" s="101">
        <v>17</v>
      </c>
      <c r="BR17" s="102">
        <v>11</v>
      </c>
      <c r="BS17" s="103">
        <v>28</v>
      </c>
      <c r="BT17" s="413">
        <v>0</v>
      </c>
      <c r="BU17" s="102">
        <v>23</v>
      </c>
      <c r="BV17" s="102">
        <v>17</v>
      </c>
      <c r="BW17" s="102">
        <v>9</v>
      </c>
      <c r="BX17" s="102">
        <v>8</v>
      </c>
      <c r="BY17" s="102">
        <v>6</v>
      </c>
      <c r="BZ17" s="103">
        <v>63</v>
      </c>
      <c r="CA17" s="104">
        <v>91</v>
      </c>
      <c r="CB17" s="101">
        <v>0</v>
      </c>
      <c r="CC17" s="102">
        <v>0</v>
      </c>
      <c r="CD17" s="103">
        <v>0</v>
      </c>
      <c r="CE17" s="413">
        <v>0</v>
      </c>
      <c r="CF17" s="102">
        <v>0</v>
      </c>
      <c r="CG17" s="102">
        <v>0</v>
      </c>
      <c r="CH17" s="102">
        <v>0</v>
      </c>
      <c r="CI17" s="102">
        <v>0</v>
      </c>
      <c r="CJ17" s="102">
        <v>0</v>
      </c>
      <c r="CK17" s="103">
        <v>0</v>
      </c>
      <c r="CL17" s="104">
        <v>0</v>
      </c>
      <c r="CM17" s="101">
        <v>45</v>
      </c>
      <c r="CN17" s="102">
        <v>44</v>
      </c>
      <c r="CO17" s="103">
        <v>89</v>
      </c>
      <c r="CP17" s="413">
        <v>0</v>
      </c>
      <c r="CQ17" s="102">
        <v>77</v>
      </c>
      <c r="CR17" s="102">
        <v>60</v>
      </c>
      <c r="CS17" s="102">
        <v>28</v>
      </c>
      <c r="CT17" s="102">
        <v>20</v>
      </c>
      <c r="CU17" s="102">
        <v>22</v>
      </c>
      <c r="CV17" s="103">
        <v>207</v>
      </c>
      <c r="CW17" s="104">
        <v>296</v>
      </c>
      <c r="CX17" s="105">
        <v>16</v>
      </c>
      <c r="CY17" s="97">
        <v>18</v>
      </c>
      <c r="CZ17" s="98">
        <v>34</v>
      </c>
      <c r="DA17" s="413">
        <v>0</v>
      </c>
      <c r="DB17" s="97">
        <v>24</v>
      </c>
      <c r="DC17" s="97">
        <v>18</v>
      </c>
      <c r="DD17" s="97">
        <v>14</v>
      </c>
      <c r="DE17" s="97">
        <v>6</v>
      </c>
      <c r="DF17" s="97">
        <v>10</v>
      </c>
      <c r="DG17" s="99">
        <v>72</v>
      </c>
      <c r="DH17" s="100">
        <v>106</v>
      </c>
      <c r="DI17" s="101">
        <v>1</v>
      </c>
      <c r="DJ17" s="102">
        <v>1</v>
      </c>
      <c r="DK17" s="103">
        <v>2</v>
      </c>
      <c r="DL17" s="413">
        <v>0</v>
      </c>
      <c r="DM17" s="102">
        <v>1</v>
      </c>
      <c r="DN17" s="102">
        <v>0</v>
      </c>
      <c r="DO17" s="102">
        <v>0</v>
      </c>
      <c r="DP17" s="102">
        <v>0</v>
      </c>
      <c r="DQ17" s="102">
        <v>0</v>
      </c>
      <c r="DR17" s="103">
        <v>1</v>
      </c>
      <c r="DS17" s="104">
        <v>3</v>
      </c>
      <c r="DT17" s="101">
        <v>1</v>
      </c>
      <c r="DU17" s="102">
        <v>0</v>
      </c>
      <c r="DV17" s="103">
        <v>1</v>
      </c>
      <c r="DW17" s="413">
        <v>0</v>
      </c>
      <c r="DX17" s="102">
        <v>1</v>
      </c>
      <c r="DY17" s="102">
        <v>2</v>
      </c>
      <c r="DZ17" s="102">
        <v>2</v>
      </c>
      <c r="EA17" s="102">
        <v>1</v>
      </c>
      <c r="EB17" s="102">
        <v>1</v>
      </c>
      <c r="EC17" s="103">
        <v>7</v>
      </c>
      <c r="ED17" s="104">
        <v>8</v>
      </c>
      <c r="EE17" s="101">
        <v>3</v>
      </c>
      <c r="EF17" s="102">
        <v>0</v>
      </c>
      <c r="EG17" s="103">
        <v>3</v>
      </c>
      <c r="EH17" s="413">
        <v>0</v>
      </c>
      <c r="EI17" s="102">
        <v>6</v>
      </c>
      <c r="EJ17" s="102">
        <v>0</v>
      </c>
      <c r="EK17" s="102">
        <v>3</v>
      </c>
      <c r="EL17" s="102">
        <v>0</v>
      </c>
      <c r="EM17" s="102">
        <v>1</v>
      </c>
      <c r="EN17" s="103">
        <v>10</v>
      </c>
      <c r="EO17" s="104">
        <v>13</v>
      </c>
      <c r="EP17" s="101">
        <v>5</v>
      </c>
      <c r="EQ17" s="102">
        <v>7</v>
      </c>
      <c r="ER17" s="103">
        <v>12</v>
      </c>
      <c r="ES17" s="413">
        <v>0</v>
      </c>
      <c r="ET17" s="102">
        <v>3</v>
      </c>
      <c r="EU17" s="102">
        <v>1</v>
      </c>
      <c r="EV17" s="102">
        <v>2</v>
      </c>
      <c r="EW17" s="102">
        <v>0</v>
      </c>
      <c r="EX17" s="102">
        <v>2</v>
      </c>
      <c r="EY17" s="103">
        <v>8</v>
      </c>
      <c r="EZ17" s="104">
        <v>20</v>
      </c>
      <c r="FA17" s="101">
        <v>4</v>
      </c>
      <c r="FB17" s="102">
        <v>6</v>
      </c>
      <c r="FC17" s="103">
        <v>10</v>
      </c>
      <c r="FD17" s="413">
        <v>0</v>
      </c>
      <c r="FE17" s="102">
        <v>6</v>
      </c>
      <c r="FF17" s="102">
        <v>5</v>
      </c>
      <c r="FG17" s="102">
        <v>1</v>
      </c>
      <c r="FH17" s="102">
        <v>0</v>
      </c>
      <c r="FI17" s="102">
        <v>0</v>
      </c>
      <c r="FJ17" s="103">
        <v>12</v>
      </c>
      <c r="FK17" s="104">
        <v>22</v>
      </c>
      <c r="FL17" s="101">
        <v>2</v>
      </c>
      <c r="FM17" s="102">
        <v>4</v>
      </c>
      <c r="FN17" s="103">
        <v>6</v>
      </c>
      <c r="FO17" s="413">
        <v>0</v>
      </c>
      <c r="FP17" s="102">
        <v>7</v>
      </c>
      <c r="FQ17" s="102">
        <v>10</v>
      </c>
      <c r="FR17" s="102">
        <v>6</v>
      </c>
      <c r="FS17" s="102">
        <v>5</v>
      </c>
      <c r="FT17" s="102">
        <v>6</v>
      </c>
      <c r="FU17" s="103">
        <v>34</v>
      </c>
      <c r="FV17" s="104">
        <v>40</v>
      </c>
      <c r="FW17" s="101">
        <v>0</v>
      </c>
      <c r="FX17" s="102">
        <v>0</v>
      </c>
      <c r="FY17" s="103">
        <v>0</v>
      </c>
      <c r="FZ17" s="413">
        <v>0</v>
      </c>
      <c r="GA17" s="102">
        <v>0</v>
      </c>
      <c r="GB17" s="102">
        <v>0</v>
      </c>
      <c r="GC17" s="102">
        <v>0</v>
      </c>
      <c r="GD17" s="102">
        <v>0</v>
      </c>
      <c r="GE17" s="102">
        <v>0</v>
      </c>
      <c r="GF17" s="103">
        <v>0</v>
      </c>
      <c r="GG17" s="104">
        <v>0</v>
      </c>
      <c r="GH17" s="101">
        <v>16</v>
      </c>
      <c r="GI17" s="102">
        <v>18</v>
      </c>
      <c r="GJ17" s="103">
        <v>34</v>
      </c>
      <c r="GK17" s="413">
        <v>0</v>
      </c>
      <c r="GL17" s="102">
        <v>24</v>
      </c>
      <c r="GM17" s="102">
        <v>18</v>
      </c>
      <c r="GN17" s="102">
        <v>14</v>
      </c>
      <c r="GO17" s="102">
        <v>6</v>
      </c>
      <c r="GP17" s="102">
        <v>10</v>
      </c>
      <c r="GQ17" s="103">
        <v>72</v>
      </c>
      <c r="GR17" s="104">
        <v>106</v>
      </c>
      <c r="GS17" s="105">
        <v>61</v>
      </c>
      <c r="GT17" s="97">
        <v>62</v>
      </c>
      <c r="GU17" s="98">
        <v>123</v>
      </c>
      <c r="GV17" s="413">
        <v>0</v>
      </c>
      <c r="GW17" s="97">
        <v>101</v>
      </c>
      <c r="GX17" s="97">
        <v>78</v>
      </c>
      <c r="GY17" s="97">
        <v>42</v>
      </c>
      <c r="GZ17" s="97">
        <v>26</v>
      </c>
      <c r="HA17" s="97">
        <v>32</v>
      </c>
      <c r="HB17" s="99">
        <v>279</v>
      </c>
      <c r="HC17" s="100">
        <v>402</v>
      </c>
      <c r="HD17" s="101">
        <v>2</v>
      </c>
      <c r="HE17" s="102">
        <v>2</v>
      </c>
      <c r="HF17" s="103">
        <v>4</v>
      </c>
      <c r="HG17" s="413">
        <v>0</v>
      </c>
      <c r="HH17" s="102">
        <v>3</v>
      </c>
      <c r="HI17" s="102">
        <v>1</v>
      </c>
      <c r="HJ17" s="102">
        <v>0</v>
      </c>
      <c r="HK17" s="102">
        <v>0</v>
      </c>
      <c r="HL17" s="102">
        <v>2</v>
      </c>
      <c r="HM17" s="103">
        <v>6</v>
      </c>
      <c r="HN17" s="104">
        <v>10</v>
      </c>
      <c r="HO17" s="101">
        <v>4</v>
      </c>
      <c r="HP17" s="102">
        <v>0</v>
      </c>
      <c r="HQ17" s="103">
        <v>4</v>
      </c>
      <c r="HR17" s="413">
        <v>0</v>
      </c>
      <c r="HS17" s="102">
        <v>2</v>
      </c>
      <c r="HT17" s="102">
        <v>6</v>
      </c>
      <c r="HU17" s="102">
        <v>2</v>
      </c>
      <c r="HV17" s="102">
        <v>2</v>
      </c>
      <c r="HW17" s="102">
        <v>3</v>
      </c>
      <c r="HX17" s="103">
        <v>15</v>
      </c>
      <c r="HY17" s="104">
        <v>19</v>
      </c>
      <c r="HZ17" s="101">
        <v>5</v>
      </c>
      <c r="IA17" s="102">
        <v>4</v>
      </c>
      <c r="IB17" s="103">
        <v>9</v>
      </c>
      <c r="IC17" s="413">
        <v>0</v>
      </c>
      <c r="ID17" s="102">
        <v>9</v>
      </c>
      <c r="IE17" s="102">
        <v>7</v>
      </c>
      <c r="IF17" s="102">
        <v>5</v>
      </c>
      <c r="IG17" s="102">
        <v>2</v>
      </c>
      <c r="IH17" s="102">
        <v>1</v>
      </c>
      <c r="II17" s="103">
        <v>24</v>
      </c>
      <c r="IJ17" s="104">
        <v>33</v>
      </c>
      <c r="IK17" s="101">
        <v>15</v>
      </c>
      <c r="IL17" s="102">
        <v>15</v>
      </c>
      <c r="IM17" s="103">
        <v>30</v>
      </c>
      <c r="IN17" s="413">
        <v>0</v>
      </c>
      <c r="IO17" s="102">
        <v>23</v>
      </c>
      <c r="IP17" s="102">
        <v>11</v>
      </c>
      <c r="IQ17" s="102">
        <v>7</v>
      </c>
      <c r="IR17" s="102">
        <v>2</v>
      </c>
      <c r="IS17" s="102">
        <v>6</v>
      </c>
      <c r="IT17" s="103">
        <v>49</v>
      </c>
      <c r="IU17" s="104">
        <v>79</v>
      </c>
      <c r="IV17" s="101">
        <v>16</v>
      </c>
      <c r="IW17" s="102">
        <v>26</v>
      </c>
      <c r="IX17" s="103">
        <v>42</v>
      </c>
      <c r="IY17" s="413">
        <v>0</v>
      </c>
      <c r="IZ17" s="102">
        <v>34</v>
      </c>
      <c r="JA17" s="102">
        <v>26</v>
      </c>
      <c r="JB17" s="102">
        <v>13</v>
      </c>
      <c r="JC17" s="102">
        <v>7</v>
      </c>
      <c r="JD17" s="102">
        <v>8</v>
      </c>
      <c r="JE17" s="103">
        <v>88</v>
      </c>
      <c r="JF17" s="104">
        <v>130</v>
      </c>
      <c r="JG17" s="101">
        <v>19</v>
      </c>
      <c r="JH17" s="102">
        <v>15</v>
      </c>
      <c r="JI17" s="103">
        <v>34</v>
      </c>
      <c r="JJ17" s="413">
        <v>0</v>
      </c>
      <c r="JK17" s="102">
        <v>30</v>
      </c>
      <c r="JL17" s="102">
        <v>27</v>
      </c>
      <c r="JM17" s="102">
        <v>15</v>
      </c>
      <c r="JN17" s="102">
        <v>13</v>
      </c>
      <c r="JO17" s="102">
        <v>12</v>
      </c>
      <c r="JP17" s="103">
        <v>97</v>
      </c>
      <c r="JQ17" s="104">
        <v>131</v>
      </c>
      <c r="JR17" s="101">
        <v>0</v>
      </c>
      <c r="JS17" s="102">
        <v>0</v>
      </c>
      <c r="JT17" s="103">
        <v>0</v>
      </c>
      <c r="JU17" s="413">
        <v>0</v>
      </c>
      <c r="JV17" s="102">
        <v>0</v>
      </c>
      <c r="JW17" s="102">
        <v>0</v>
      </c>
      <c r="JX17" s="102">
        <v>0</v>
      </c>
      <c r="JY17" s="102">
        <v>0</v>
      </c>
      <c r="JZ17" s="102">
        <v>0</v>
      </c>
      <c r="KA17" s="103">
        <v>0</v>
      </c>
      <c r="KB17" s="104">
        <v>0</v>
      </c>
      <c r="KC17" s="101">
        <v>61</v>
      </c>
      <c r="KD17" s="102">
        <v>62</v>
      </c>
      <c r="KE17" s="103">
        <v>123</v>
      </c>
      <c r="KF17" s="413">
        <v>0</v>
      </c>
      <c r="KG17" s="102">
        <v>101</v>
      </c>
      <c r="KH17" s="102">
        <v>78</v>
      </c>
      <c r="KI17" s="102">
        <v>42</v>
      </c>
      <c r="KJ17" s="102">
        <v>26</v>
      </c>
      <c r="KK17" s="102">
        <v>32</v>
      </c>
      <c r="KL17" s="103">
        <v>279</v>
      </c>
      <c r="KM17" s="104">
        <v>402</v>
      </c>
    </row>
    <row r="18" spans="2:299" s="70" customFormat="1" ht="21" customHeight="1" x14ac:dyDescent="0.2">
      <c r="B18" s="106" t="s">
        <v>15</v>
      </c>
      <c r="C18" s="96">
        <v>5</v>
      </c>
      <c r="D18" s="97">
        <v>14</v>
      </c>
      <c r="E18" s="98">
        <v>19</v>
      </c>
      <c r="F18" s="413">
        <v>0</v>
      </c>
      <c r="G18" s="97">
        <v>16</v>
      </c>
      <c r="H18" s="97">
        <v>10</v>
      </c>
      <c r="I18" s="97">
        <v>4</v>
      </c>
      <c r="J18" s="97">
        <v>3</v>
      </c>
      <c r="K18" s="97">
        <v>7</v>
      </c>
      <c r="L18" s="99">
        <v>40</v>
      </c>
      <c r="M18" s="100">
        <v>59</v>
      </c>
      <c r="N18" s="101">
        <v>0</v>
      </c>
      <c r="O18" s="102">
        <v>2</v>
      </c>
      <c r="P18" s="103">
        <v>2</v>
      </c>
      <c r="Q18" s="413">
        <v>0</v>
      </c>
      <c r="R18" s="102">
        <v>0</v>
      </c>
      <c r="S18" s="102">
        <v>0</v>
      </c>
      <c r="T18" s="102">
        <v>0</v>
      </c>
      <c r="U18" s="102">
        <v>0</v>
      </c>
      <c r="V18" s="102">
        <v>0</v>
      </c>
      <c r="W18" s="103">
        <v>0</v>
      </c>
      <c r="X18" s="104">
        <v>2</v>
      </c>
      <c r="Y18" s="101">
        <v>3</v>
      </c>
      <c r="Z18" s="102">
        <v>0</v>
      </c>
      <c r="AA18" s="103">
        <v>3</v>
      </c>
      <c r="AB18" s="413">
        <v>0</v>
      </c>
      <c r="AC18" s="102">
        <v>2</v>
      </c>
      <c r="AD18" s="102">
        <v>1</v>
      </c>
      <c r="AE18" s="102">
        <v>0</v>
      </c>
      <c r="AF18" s="102">
        <v>1</v>
      </c>
      <c r="AG18" s="102">
        <v>1</v>
      </c>
      <c r="AH18" s="103">
        <v>5</v>
      </c>
      <c r="AI18" s="104">
        <v>8</v>
      </c>
      <c r="AJ18" s="101">
        <v>1</v>
      </c>
      <c r="AK18" s="102">
        <v>1</v>
      </c>
      <c r="AL18" s="103">
        <v>2</v>
      </c>
      <c r="AM18" s="413">
        <v>0</v>
      </c>
      <c r="AN18" s="102">
        <v>0</v>
      </c>
      <c r="AO18" s="102">
        <v>2</v>
      </c>
      <c r="AP18" s="102">
        <v>1</v>
      </c>
      <c r="AQ18" s="102">
        <v>1</v>
      </c>
      <c r="AR18" s="102">
        <v>2</v>
      </c>
      <c r="AS18" s="103">
        <v>6</v>
      </c>
      <c r="AT18" s="104">
        <v>8</v>
      </c>
      <c r="AU18" s="101">
        <v>0</v>
      </c>
      <c r="AV18" s="102">
        <v>2</v>
      </c>
      <c r="AW18" s="103">
        <v>2</v>
      </c>
      <c r="AX18" s="413">
        <v>0</v>
      </c>
      <c r="AY18" s="102">
        <v>3</v>
      </c>
      <c r="AZ18" s="102">
        <v>3</v>
      </c>
      <c r="BA18" s="102">
        <v>0</v>
      </c>
      <c r="BB18" s="102">
        <v>0</v>
      </c>
      <c r="BC18" s="102">
        <v>3</v>
      </c>
      <c r="BD18" s="103">
        <v>9</v>
      </c>
      <c r="BE18" s="104">
        <v>11</v>
      </c>
      <c r="BF18" s="101">
        <v>0</v>
      </c>
      <c r="BG18" s="102">
        <v>6</v>
      </c>
      <c r="BH18" s="103">
        <v>6</v>
      </c>
      <c r="BI18" s="413">
        <v>0</v>
      </c>
      <c r="BJ18" s="102">
        <v>3</v>
      </c>
      <c r="BK18" s="102">
        <v>3</v>
      </c>
      <c r="BL18" s="102">
        <v>2</v>
      </c>
      <c r="BM18" s="102">
        <v>1</v>
      </c>
      <c r="BN18" s="102">
        <v>1</v>
      </c>
      <c r="BO18" s="103">
        <v>10</v>
      </c>
      <c r="BP18" s="104">
        <v>16</v>
      </c>
      <c r="BQ18" s="101">
        <v>1</v>
      </c>
      <c r="BR18" s="102">
        <v>3</v>
      </c>
      <c r="BS18" s="103">
        <v>4</v>
      </c>
      <c r="BT18" s="413">
        <v>0</v>
      </c>
      <c r="BU18" s="102">
        <v>8</v>
      </c>
      <c r="BV18" s="102">
        <v>1</v>
      </c>
      <c r="BW18" s="102">
        <v>1</v>
      </c>
      <c r="BX18" s="102">
        <v>0</v>
      </c>
      <c r="BY18" s="102">
        <v>0</v>
      </c>
      <c r="BZ18" s="103">
        <v>10</v>
      </c>
      <c r="CA18" s="104">
        <v>14</v>
      </c>
      <c r="CB18" s="101">
        <v>0</v>
      </c>
      <c r="CC18" s="102">
        <v>0</v>
      </c>
      <c r="CD18" s="103">
        <v>0</v>
      </c>
      <c r="CE18" s="413">
        <v>0</v>
      </c>
      <c r="CF18" s="102">
        <v>0</v>
      </c>
      <c r="CG18" s="102">
        <v>0</v>
      </c>
      <c r="CH18" s="102">
        <v>0</v>
      </c>
      <c r="CI18" s="102">
        <v>0</v>
      </c>
      <c r="CJ18" s="102">
        <v>0</v>
      </c>
      <c r="CK18" s="103">
        <v>0</v>
      </c>
      <c r="CL18" s="104">
        <v>0</v>
      </c>
      <c r="CM18" s="101">
        <v>5</v>
      </c>
      <c r="CN18" s="102">
        <v>14</v>
      </c>
      <c r="CO18" s="103">
        <v>19</v>
      </c>
      <c r="CP18" s="413">
        <v>0</v>
      </c>
      <c r="CQ18" s="102">
        <v>16</v>
      </c>
      <c r="CR18" s="102">
        <v>10</v>
      </c>
      <c r="CS18" s="102">
        <v>4</v>
      </c>
      <c r="CT18" s="102">
        <v>3</v>
      </c>
      <c r="CU18" s="102">
        <v>7</v>
      </c>
      <c r="CV18" s="103">
        <v>40</v>
      </c>
      <c r="CW18" s="104">
        <v>59</v>
      </c>
      <c r="CX18" s="105">
        <v>6</v>
      </c>
      <c r="CY18" s="97">
        <v>7</v>
      </c>
      <c r="CZ18" s="98">
        <v>13</v>
      </c>
      <c r="DA18" s="413">
        <v>0</v>
      </c>
      <c r="DB18" s="97">
        <v>6</v>
      </c>
      <c r="DC18" s="97">
        <v>9</v>
      </c>
      <c r="DD18" s="97">
        <v>4</v>
      </c>
      <c r="DE18" s="97">
        <v>3</v>
      </c>
      <c r="DF18" s="97">
        <v>1</v>
      </c>
      <c r="DG18" s="99">
        <v>23</v>
      </c>
      <c r="DH18" s="100">
        <v>36</v>
      </c>
      <c r="DI18" s="101">
        <v>1</v>
      </c>
      <c r="DJ18" s="102">
        <v>0</v>
      </c>
      <c r="DK18" s="103">
        <v>1</v>
      </c>
      <c r="DL18" s="413">
        <v>0</v>
      </c>
      <c r="DM18" s="102">
        <v>0</v>
      </c>
      <c r="DN18" s="102">
        <v>1</v>
      </c>
      <c r="DO18" s="102">
        <v>0</v>
      </c>
      <c r="DP18" s="102">
        <v>0</v>
      </c>
      <c r="DQ18" s="102">
        <v>0</v>
      </c>
      <c r="DR18" s="103">
        <v>1</v>
      </c>
      <c r="DS18" s="104">
        <v>2</v>
      </c>
      <c r="DT18" s="101">
        <v>0</v>
      </c>
      <c r="DU18" s="102">
        <v>0</v>
      </c>
      <c r="DV18" s="103">
        <v>0</v>
      </c>
      <c r="DW18" s="413">
        <v>0</v>
      </c>
      <c r="DX18" s="102">
        <v>0</v>
      </c>
      <c r="DY18" s="102">
        <v>1</v>
      </c>
      <c r="DZ18" s="102">
        <v>0</v>
      </c>
      <c r="EA18" s="102">
        <v>0</v>
      </c>
      <c r="EB18" s="102">
        <v>0</v>
      </c>
      <c r="EC18" s="103">
        <v>1</v>
      </c>
      <c r="ED18" s="104">
        <v>1</v>
      </c>
      <c r="EE18" s="101">
        <v>2</v>
      </c>
      <c r="EF18" s="102">
        <v>2</v>
      </c>
      <c r="EG18" s="103">
        <v>4</v>
      </c>
      <c r="EH18" s="413">
        <v>0</v>
      </c>
      <c r="EI18" s="102">
        <v>0</v>
      </c>
      <c r="EJ18" s="102">
        <v>2</v>
      </c>
      <c r="EK18" s="102">
        <v>2</v>
      </c>
      <c r="EL18" s="102">
        <v>0</v>
      </c>
      <c r="EM18" s="102">
        <v>0</v>
      </c>
      <c r="EN18" s="103">
        <v>4</v>
      </c>
      <c r="EO18" s="104">
        <v>8</v>
      </c>
      <c r="EP18" s="101">
        <v>1</v>
      </c>
      <c r="EQ18" s="102">
        <v>4</v>
      </c>
      <c r="ER18" s="103">
        <v>5</v>
      </c>
      <c r="ES18" s="413">
        <v>0</v>
      </c>
      <c r="ET18" s="102">
        <v>0</v>
      </c>
      <c r="EU18" s="102">
        <v>0</v>
      </c>
      <c r="EV18" s="102">
        <v>0</v>
      </c>
      <c r="EW18" s="102">
        <v>0</v>
      </c>
      <c r="EX18" s="102">
        <v>0</v>
      </c>
      <c r="EY18" s="103">
        <v>0</v>
      </c>
      <c r="EZ18" s="104">
        <v>5</v>
      </c>
      <c r="FA18" s="101">
        <v>0</v>
      </c>
      <c r="FB18" s="102">
        <v>0</v>
      </c>
      <c r="FC18" s="103">
        <v>0</v>
      </c>
      <c r="FD18" s="413">
        <v>0</v>
      </c>
      <c r="FE18" s="102">
        <v>3</v>
      </c>
      <c r="FF18" s="102">
        <v>2</v>
      </c>
      <c r="FG18" s="102">
        <v>0</v>
      </c>
      <c r="FH18" s="102">
        <v>1</v>
      </c>
      <c r="FI18" s="102">
        <v>1</v>
      </c>
      <c r="FJ18" s="103">
        <v>7</v>
      </c>
      <c r="FK18" s="104">
        <v>7</v>
      </c>
      <c r="FL18" s="101">
        <v>2</v>
      </c>
      <c r="FM18" s="102">
        <v>1</v>
      </c>
      <c r="FN18" s="103">
        <v>3</v>
      </c>
      <c r="FO18" s="413">
        <v>0</v>
      </c>
      <c r="FP18" s="102">
        <v>3</v>
      </c>
      <c r="FQ18" s="102">
        <v>3</v>
      </c>
      <c r="FR18" s="102">
        <v>2</v>
      </c>
      <c r="FS18" s="102">
        <v>2</v>
      </c>
      <c r="FT18" s="102">
        <v>0</v>
      </c>
      <c r="FU18" s="103">
        <v>10</v>
      </c>
      <c r="FV18" s="104">
        <v>13</v>
      </c>
      <c r="FW18" s="101">
        <v>0</v>
      </c>
      <c r="FX18" s="102">
        <v>0</v>
      </c>
      <c r="FY18" s="103">
        <v>0</v>
      </c>
      <c r="FZ18" s="413">
        <v>0</v>
      </c>
      <c r="GA18" s="102">
        <v>0</v>
      </c>
      <c r="GB18" s="102">
        <v>0</v>
      </c>
      <c r="GC18" s="102">
        <v>0</v>
      </c>
      <c r="GD18" s="102">
        <v>0</v>
      </c>
      <c r="GE18" s="102">
        <v>0</v>
      </c>
      <c r="GF18" s="103">
        <v>0</v>
      </c>
      <c r="GG18" s="104">
        <v>0</v>
      </c>
      <c r="GH18" s="101">
        <v>6</v>
      </c>
      <c r="GI18" s="102">
        <v>7</v>
      </c>
      <c r="GJ18" s="103">
        <v>13</v>
      </c>
      <c r="GK18" s="413">
        <v>0</v>
      </c>
      <c r="GL18" s="102">
        <v>6</v>
      </c>
      <c r="GM18" s="102">
        <v>9</v>
      </c>
      <c r="GN18" s="102">
        <v>4</v>
      </c>
      <c r="GO18" s="102">
        <v>3</v>
      </c>
      <c r="GP18" s="102">
        <v>1</v>
      </c>
      <c r="GQ18" s="103">
        <v>23</v>
      </c>
      <c r="GR18" s="104">
        <v>36</v>
      </c>
      <c r="GS18" s="105">
        <v>11</v>
      </c>
      <c r="GT18" s="97">
        <v>21</v>
      </c>
      <c r="GU18" s="98">
        <v>32</v>
      </c>
      <c r="GV18" s="413">
        <v>0</v>
      </c>
      <c r="GW18" s="97">
        <v>22</v>
      </c>
      <c r="GX18" s="97">
        <v>19</v>
      </c>
      <c r="GY18" s="97">
        <v>8</v>
      </c>
      <c r="GZ18" s="97">
        <v>6</v>
      </c>
      <c r="HA18" s="97">
        <v>8</v>
      </c>
      <c r="HB18" s="99">
        <v>63</v>
      </c>
      <c r="HC18" s="100">
        <v>95</v>
      </c>
      <c r="HD18" s="101">
        <v>1</v>
      </c>
      <c r="HE18" s="102">
        <v>2</v>
      </c>
      <c r="HF18" s="103">
        <v>3</v>
      </c>
      <c r="HG18" s="413">
        <v>0</v>
      </c>
      <c r="HH18" s="102">
        <v>0</v>
      </c>
      <c r="HI18" s="102">
        <v>1</v>
      </c>
      <c r="HJ18" s="102">
        <v>0</v>
      </c>
      <c r="HK18" s="102">
        <v>0</v>
      </c>
      <c r="HL18" s="102">
        <v>0</v>
      </c>
      <c r="HM18" s="103">
        <v>1</v>
      </c>
      <c r="HN18" s="104">
        <v>4</v>
      </c>
      <c r="HO18" s="101">
        <v>3</v>
      </c>
      <c r="HP18" s="102">
        <v>0</v>
      </c>
      <c r="HQ18" s="103">
        <v>3</v>
      </c>
      <c r="HR18" s="413">
        <v>0</v>
      </c>
      <c r="HS18" s="102">
        <v>2</v>
      </c>
      <c r="HT18" s="102">
        <v>2</v>
      </c>
      <c r="HU18" s="102">
        <v>0</v>
      </c>
      <c r="HV18" s="102">
        <v>1</v>
      </c>
      <c r="HW18" s="102">
        <v>1</v>
      </c>
      <c r="HX18" s="103">
        <v>6</v>
      </c>
      <c r="HY18" s="104">
        <v>9</v>
      </c>
      <c r="HZ18" s="101">
        <v>3</v>
      </c>
      <c r="IA18" s="102">
        <v>3</v>
      </c>
      <c r="IB18" s="103">
        <v>6</v>
      </c>
      <c r="IC18" s="413">
        <v>0</v>
      </c>
      <c r="ID18" s="102">
        <v>0</v>
      </c>
      <c r="IE18" s="102">
        <v>4</v>
      </c>
      <c r="IF18" s="102">
        <v>3</v>
      </c>
      <c r="IG18" s="102">
        <v>1</v>
      </c>
      <c r="IH18" s="102">
        <v>2</v>
      </c>
      <c r="II18" s="103">
        <v>10</v>
      </c>
      <c r="IJ18" s="104">
        <v>16</v>
      </c>
      <c r="IK18" s="101">
        <v>1</v>
      </c>
      <c r="IL18" s="102">
        <v>6</v>
      </c>
      <c r="IM18" s="103">
        <v>7</v>
      </c>
      <c r="IN18" s="413">
        <v>0</v>
      </c>
      <c r="IO18" s="102">
        <v>3</v>
      </c>
      <c r="IP18" s="102">
        <v>3</v>
      </c>
      <c r="IQ18" s="102">
        <v>0</v>
      </c>
      <c r="IR18" s="102">
        <v>0</v>
      </c>
      <c r="IS18" s="102">
        <v>3</v>
      </c>
      <c r="IT18" s="103">
        <v>9</v>
      </c>
      <c r="IU18" s="104">
        <v>16</v>
      </c>
      <c r="IV18" s="101">
        <v>0</v>
      </c>
      <c r="IW18" s="102">
        <v>6</v>
      </c>
      <c r="IX18" s="103">
        <v>6</v>
      </c>
      <c r="IY18" s="413">
        <v>0</v>
      </c>
      <c r="IZ18" s="102">
        <v>6</v>
      </c>
      <c r="JA18" s="102">
        <v>5</v>
      </c>
      <c r="JB18" s="102">
        <v>2</v>
      </c>
      <c r="JC18" s="102">
        <v>2</v>
      </c>
      <c r="JD18" s="102">
        <v>2</v>
      </c>
      <c r="JE18" s="103">
        <v>17</v>
      </c>
      <c r="JF18" s="104">
        <v>23</v>
      </c>
      <c r="JG18" s="101">
        <v>3</v>
      </c>
      <c r="JH18" s="102">
        <v>4</v>
      </c>
      <c r="JI18" s="103">
        <v>7</v>
      </c>
      <c r="JJ18" s="413">
        <v>0</v>
      </c>
      <c r="JK18" s="102">
        <v>11</v>
      </c>
      <c r="JL18" s="102">
        <v>4</v>
      </c>
      <c r="JM18" s="102">
        <v>3</v>
      </c>
      <c r="JN18" s="102">
        <v>2</v>
      </c>
      <c r="JO18" s="102">
        <v>0</v>
      </c>
      <c r="JP18" s="103">
        <v>20</v>
      </c>
      <c r="JQ18" s="104">
        <v>27</v>
      </c>
      <c r="JR18" s="101">
        <v>0</v>
      </c>
      <c r="JS18" s="102">
        <v>0</v>
      </c>
      <c r="JT18" s="103">
        <v>0</v>
      </c>
      <c r="JU18" s="413">
        <v>0</v>
      </c>
      <c r="JV18" s="102">
        <v>0</v>
      </c>
      <c r="JW18" s="102">
        <v>0</v>
      </c>
      <c r="JX18" s="102">
        <v>0</v>
      </c>
      <c r="JY18" s="102">
        <v>0</v>
      </c>
      <c r="JZ18" s="102">
        <v>0</v>
      </c>
      <c r="KA18" s="103">
        <v>0</v>
      </c>
      <c r="KB18" s="104">
        <v>0</v>
      </c>
      <c r="KC18" s="101">
        <v>11</v>
      </c>
      <c r="KD18" s="102">
        <v>21</v>
      </c>
      <c r="KE18" s="103">
        <v>32</v>
      </c>
      <c r="KF18" s="413">
        <v>0</v>
      </c>
      <c r="KG18" s="102">
        <v>22</v>
      </c>
      <c r="KH18" s="102">
        <v>19</v>
      </c>
      <c r="KI18" s="102">
        <v>8</v>
      </c>
      <c r="KJ18" s="102">
        <v>6</v>
      </c>
      <c r="KK18" s="102">
        <v>8</v>
      </c>
      <c r="KL18" s="103">
        <v>63</v>
      </c>
      <c r="KM18" s="104">
        <v>95</v>
      </c>
    </row>
    <row r="19" spans="2:299" s="70" customFormat="1" ht="21" customHeight="1" x14ac:dyDescent="0.2">
      <c r="B19" s="106" t="s">
        <v>16</v>
      </c>
      <c r="C19" s="96">
        <v>24</v>
      </c>
      <c r="D19" s="97">
        <v>30</v>
      </c>
      <c r="E19" s="98">
        <v>54</v>
      </c>
      <c r="F19" s="413">
        <v>0</v>
      </c>
      <c r="G19" s="97">
        <v>48</v>
      </c>
      <c r="H19" s="97">
        <v>67</v>
      </c>
      <c r="I19" s="97">
        <v>37</v>
      </c>
      <c r="J19" s="97">
        <v>28</v>
      </c>
      <c r="K19" s="97">
        <v>22</v>
      </c>
      <c r="L19" s="99">
        <v>202</v>
      </c>
      <c r="M19" s="100">
        <v>256</v>
      </c>
      <c r="N19" s="101">
        <v>0</v>
      </c>
      <c r="O19" s="102">
        <v>1</v>
      </c>
      <c r="P19" s="103">
        <v>1</v>
      </c>
      <c r="Q19" s="413">
        <v>0</v>
      </c>
      <c r="R19" s="102">
        <v>1</v>
      </c>
      <c r="S19" s="102">
        <v>3</v>
      </c>
      <c r="T19" s="102">
        <v>0</v>
      </c>
      <c r="U19" s="102">
        <v>1</v>
      </c>
      <c r="V19" s="102">
        <v>1</v>
      </c>
      <c r="W19" s="103">
        <v>6</v>
      </c>
      <c r="X19" s="104">
        <v>7</v>
      </c>
      <c r="Y19" s="101">
        <v>4</v>
      </c>
      <c r="Z19" s="102">
        <v>3</v>
      </c>
      <c r="AA19" s="103">
        <v>7</v>
      </c>
      <c r="AB19" s="413">
        <v>0</v>
      </c>
      <c r="AC19" s="102">
        <v>4</v>
      </c>
      <c r="AD19" s="102">
        <v>5</v>
      </c>
      <c r="AE19" s="102">
        <v>3</v>
      </c>
      <c r="AF19" s="102">
        <v>2</v>
      </c>
      <c r="AG19" s="102">
        <v>2</v>
      </c>
      <c r="AH19" s="103">
        <v>16</v>
      </c>
      <c r="AI19" s="104">
        <v>23</v>
      </c>
      <c r="AJ19" s="101">
        <v>7</v>
      </c>
      <c r="AK19" s="102">
        <v>5</v>
      </c>
      <c r="AL19" s="103">
        <v>12</v>
      </c>
      <c r="AM19" s="413">
        <v>0</v>
      </c>
      <c r="AN19" s="102">
        <v>7</v>
      </c>
      <c r="AO19" s="102">
        <v>10</v>
      </c>
      <c r="AP19" s="102">
        <v>2</v>
      </c>
      <c r="AQ19" s="102">
        <v>5</v>
      </c>
      <c r="AR19" s="102">
        <v>2</v>
      </c>
      <c r="AS19" s="103">
        <v>26</v>
      </c>
      <c r="AT19" s="104">
        <v>38</v>
      </c>
      <c r="AU19" s="101">
        <v>5</v>
      </c>
      <c r="AV19" s="102">
        <v>5</v>
      </c>
      <c r="AW19" s="103">
        <v>10</v>
      </c>
      <c r="AX19" s="413">
        <v>0</v>
      </c>
      <c r="AY19" s="102">
        <v>11</v>
      </c>
      <c r="AZ19" s="102">
        <v>15</v>
      </c>
      <c r="BA19" s="102">
        <v>12</v>
      </c>
      <c r="BB19" s="102">
        <v>6</v>
      </c>
      <c r="BC19" s="102">
        <v>3</v>
      </c>
      <c r="BD19" s="103">
        <v>47</v>
      </c>
      <c r="BE19" s="104">
        <v>57</v>
      </c>
      <c r="BF19" s="101">
        <v>5</v>
      </c>
      <c r="BG19" s="102">
        <v>7</v>
      </c>
      <c r="BH19" s="103">
        <v>12</v>
      </c>
      <c r="BI19" s="413">
        <v>0</v>
      </c>
      <c r="BJ19" s="102">
        <v>13</v>
      </c>
      <c r="BK19" s="102">
        <v>19</v>
      </c>
      <c r="BL19" s="102">
        <v>13</v>
      </c>
      <c r="BM19" s="102">
        <v>5</v>
      </c>
      <c r="BN19" s="102">
        <v>10</v>
      </c>
      <c r="BO19" s="103">
        <v>60</v>
      </c>
      <c r="BP19" s="104">
        <v>72</v>
      </c>
      <c r="BQ19" s="101">
        <v>3</v>
      </c>
      <c r="BR19" s="102">
        <v>9</v>
      </c>
      <c r="BS19" s="103">
        <v>12</v>
      </c>
      <c r="BT19" s="413">
        <v>0</v>
      </c>
      <c r="BU19" s="102">
        <v>12</v>
      </c>
      <c r="BV19" s="102">
        <v>15</v>
      </c>
      <c r="BW19" s="102">
        <v>7</v>
      </c>
      <c r="BX19" s="102">
        <v>9</v>
      </c>
      <c r="BY19" s="102">
        <v>4</v>
      </c>
      <c r="BZ19" s="103">
        <v>47</v>
      </c>
      <c r="CA19" s="104">
        <v>59</v>
      </c>
      <c r="CB19" s="101">
        <v>0</v>
      </c>
      <c r="CC19" s="102">
        <v>0</v>
      </c>
      <c r="CD19" s="103">
        <v>0</v>
      </c>
      <c r="CE19" s="413">
        <v>0</v>
      </c>
      <c r="CF19" s="102">
        <v>0</v>
      </c>
      <c r="CG19" s="102">
        <v>0</v>
      </c>
      <c r="CH19" s="102">
        <v>0</v>
      </c>
      <c r="CI19" s="102">
        <v>0</v>
      </c>
      <c r="CJ19" s="102">
        <v>0</v>
      </c>
      <c r="CK19" s="103">
        <v>0</v>
      </c>
      <c r="CL19" s="104">
        <v>0</v>
      </c>
      <c r="CM19" s="101">
        <v>24</v>
      </c>
      <c r="CN19" s="102">
        <v>30</v>
      </c>
      <c r="CO19" s="103">
        <v>54</v>
      </c>
      <c r="CP19" s="413">
        <v>0</v>
      </c>
      <c r="CQ19" s="102">
        <v>48</v>
      </c>
      <c r="CR19" s="102">
        <v>67</v>
      </c>
      <c r="CS19" s="102">
        <v>37</v>
      </c>
      <c r="CT19" s="102">
        <v>28</v>
      </c>
      <c r="CU19" s="102">
        <v>22</v>
      </c>
      <c r="CV19" s="103">
        <v>202</v>
      </c>
      <c r="CW19" s="104">
        <v>256</v>
      </c>
      <c r="CX19" s="105">
        <v>19</v>
      </c>
      <c r="CY19" s="97">
        <v>20</v>
      </c>
      <c r="CZ19" s="98">
        <v>39</v>
      </c>
      <c r="DA19" s="413">
        <v>0</v>
      </c>
      <c r="DB19" s="97">
        <v>22</v>
      </c>
      <c r="DC19" s="97">
        <v>28</v>
      </c>
      <c r="DD19" s="97">
        <v>15</v>
      </c>
      <c r="DE19" s="97">
        <v>20</v>
      </c>
      <c r="DF19" s="97">
        <v>7</v>
      </c>
      <c r="DG19" s="99">
        <v>92</v>
      </c>
      <c r="DH19" s="100">
        <v>131</v>
      </c>
      <c r="DI19" s="101">
        <v>0</v>
      </c>
      <c r="DJ19" s="102">
        <v>1</v>
      </c>
      <c r="DK19" s="103">
        <v>1</v>
      </c>
      <c r="DL19" s="413">
        <v>0</v>
      </c>
      <c r="DM19" s="102">
        <v>0</v>
      </c>
      <c r="DN19" s="102">
        <v>1</v>
      </c>
      <c r="DO19" s="102">
        <v>0</v>
      </c>
      <c r="DP19" s="102">
        <v>1</v>
      </c>
      <c r="DQ19" s="102">
        <v>1</v>
      </c>
      <c r="DR19" s="103">
        <v>3</v>
      </c>
      <c r="DS19" s="104">
        <v>4</v>
      </c>
      <c r="DT19" s="101">
        <v>1</v>
      </c>
      <c r="DU19" s="102">
        <v>3</v>
      </c>
      <c r="DV19" s="103">
        <v>4</v>
      </c>
      <c r="DW19" s="413">
        <v>0</v>
      </c>
      <c r="DX19" s="102">
        <v>0</v>
      </c>
      <c r="DY19" s="102">
        <v>0</v>
      </c>
      <c r="DZ19" s="102">
        <v>1</v>
      </c>
      <c r="EA19" s="102">
        <v>0</v>
      </c>
      <c r="EB19" s="102">
        <v>0</v>
      </c>
      <c r="EC19" s="103">
        <v>1</v>
      </c>
      <c r="ED19" s="104">
        <v>5</v>
      </c>
      <c r="EE19" s="101">
        <v>3</v>
      </c>
      <c r="EF19" s="102">
        <v>1</v>
      </c>
      <c r="EG19" s="103">
        <v>4</v>
      </c>
      <c r="EH19" s="413">
        <v>0</v>
      </c>
      <c r="EI19" s="102">
        <v>2</v>
      </c>
      <c r="EJ19" s="102">
        <v>2</v>
      </c>
      <c r="EK19" s="102">
        <v>0</v>
      </c>
      <c r="EL19" s="102">
        <v>3</v>
      </c>
      <c r="EM19" s="102">
        <v>0</v>
      </c>
      <c r="EN19" s="103">
        <v>7</v>
      </c>
      <c r="EO19" s="104">
        <v>11</v>
      </c>
      <c r="EP19" s="101">
        <v>6</v>
      </c>
      <c r="EQ19" s="102">
        <v>6</v>
      </c>
      <c r="ER19" s="103">
        <v>12</v>
      </c>
      <c r="ES19" s="413">
        <v>0</v>
      </c>
      <c r="ET19" s="102">
        <v>3</v>
      </c>
      <c r="EU19" s="102">
        <v>7</v>
      </c>
      <c r="EV19" s="102">
        <v>4</v>
      </c>
      <c r="EW19" s="102">
        <v>2</v>
      </c>
      <c r="EX19" s="102">
        <v>0</v>
      </c>
      <c r="EY19" s="103">
        <v>16</v>
      </c>
      <c r="EZ19" s="104">
        <v>28</v>
      </c>
      <c r="FA19" s="101">
        <v>6</v>
      </c>
      <c r="FB19" s="102">
        <v>4</v>
      </c>
      <c r="FC19" s="103">
        <v>10</v>
      </c>
      <c r="FD19" s="413">
        <v>0</v>
      </c>
      <c r="FE19" s="102">
        <v>13</v>
      </c>
      <c r="FF19" s="102">
        <v>7</v>
      </c>
      <c r="FG19" s="102">
        <v>2</v>
      </c>
      <c r="FH19" s="102">
        <v>3</v>
      </c>
      <c r="FI19" s="102">
        <v>0</v>
      </c>
      <c r="FJ19" s="103">
        <v>25</v>
      </c>
      <c r="FK19" s="104">
        <v>35</v>
      </c>
      <c r="FL19" s="101">
        <v>3</v>
      </c>
      <c r="FM19" s="102">
        <v>5</v>
      </c>
      <c r="FN19" s="103">
        <v>8</v>
      </c>
      <c r="FO19" s="413">
        <v>0</v>
      </c>
      <c r="FP19" s="102">
        <v>4</v>
      </c>
      <c r="FQ19" s="102">
        <v>11</v>
      </c>
      <c r="FR19" s="102">
        <v>8</v>
      </c>
      <c r="FS19" s="102">
        <v>11</v>
      </c>
      <c r="FT19" s="102">
        <v>6</v>
      </c>
      <c r="FU19" s="103">
        <v>40</v>
      </c>
      <c r="FV19" s="104">
        <v>48</v>
      </c>
      <c r="FW19" s="101">
        <v>0</v>
      </c>
      <c r="FX19" s="102">
        <v>0</v>
      </c>
      <c r="FY19" s="103">
        <v>0</v>
      </c>
      <c r="FZ19" s="413">
        <v>0</v>
      </c>
      <c r="GA19" s="102">
        <v>0</v>
      </c>
      <c r="GB19" s="102">
        <v>0</v>
      </c>
      <c r="GC19" s="102">
        <v>0</v>
      </c>
      <c r="GD19" s="102">
        <v>0</v>
      </c>
      <c r="GE19" s="102">
        <v>0</v>
      </c>
      <c r="GF19" s="103">
        <v>0</v>
      </c>
      <c r="GG19" s="104">
        <v>0</v>
      </c>
      <c r="GH19" s="101">
        <v>19</v>
      </c>
      <c r="GI19" s="102">
        <v>20</v>
      </c>
      <c r="GJ19" s="103">
        <v>39</v>
      </c>
      <c r="GK19" s="413">
        <v>0</v>
      </c>
      <c r="GL19" s="102">
        <v>22</v>
      </c>
      <c r="GM19" s="102">
        <v>28</v>
      </c>
      <c r="GN19" s="102">
        <v>15</v>
      </c>
      <c r="GO19" s="102">
        <v>20</v>
      </c>
      <c r="GP19" s="102">
        <v>7</v>
      </c>
      <c r="GQ19" s="103">
        <v>92</v>
      </c>
      <c r="GR19" s="104">
        <v>131</v>
      </c>
      <c r="GS19" s="105">
        <v>43</v>
      </c>
      <c r="GT19" s="97">
        <v>50</v>
      </c>
      <c r="GU19" s="98">
        <v>93</v>
      </c>
      <c r="GV19" s="413">
        <v>0</v>
      </c>
      <c r="GW19" s="97">
        <v>70</v>
      </c>
      <c r="GX19" s="97">
        <v>95</v>
      </c>
      <c r="GY19" s="97">
        <v>52</v>
      </c>
      <c r="GZ19" s="97">
        <v>48</v>
      </c>
      <c r="HA19" s="97">
        <v>29</v>
      </c>
      <c r="HB19" s="99">
        <v>294</v>
      </c>
      <c r="HC19" s="100">
        <v>387</v>
      </c>
      <c r="HD19" s="101">
        <v>0</v>
      </c>
      <c r="HE19" s="102">
        <v>2</v>
      </c>
      <c r="HF19" s="103">
        <v>2</v>
      </c>
      <c r="HG19" s="413">
        <v>0</v>
      </c>
      <c r="HH19" s="102">
        <v>1</v>
      </c>
      <c r="HI19" s="102">
        <v>4</v>
      </c>
      <c r="HJ19" s="102">
        <v>0</v>
      </c>
      <c r="HK19" s="102">
        <v>2</v>
      </c>
      <c r="HL19" s="102">
        <v>2</v>
      </c>
      <c r="HM19" s="103">
        <v>9</v>
      </c>
      <c r="HN19" s="104">
        <v>11</v>
      </c>
      <c r="HO19" s="101">
        <v>5</v>
      </c>
      <c r="HP19" s="102">
        <v>6</v>
      </c>
      <c r="HQ19" s="103">
        <v>11</v>
      </c>
      <c r="HR19" s="413">
        <v>0</v>
      </c>
      <c r="HS19" s="102">
        <v>4</v>
      </c>
      <c r="HT19" s="102">
        <v>5</v>
      </c>
      <c r="HU19" s="102">
        <v>4</v>
      </c>
      <c r="HV19" s="102">
        <v>2</v>
      </c>
      <c r="HW19" s="102">
        <v>2</v>
      </c>
      <c r="HX19" s="103">
        <v>17</v>
      </c>
      <c r="HY19" s="104">
        <v>28</v>
      </c>
      <c r="HZ19" s="101">
        <v>10</v>
      </c>
      <c r="IA19" s="102">
        <v>6</v>
      </c>
      <c r="IB19" s="103">
        <v>16</v>
      </c>
      <c r="IC19" s="413">
        <v>0</v>
      </c>
      <c r="ID19" s="102">
        <v>9</v>
      </c>
      <c r="IE19" s="102">
        <v>12</v>
      </c>
      <c r="IF19" s="102">
        <v>2</v>
      </c>
      <c r="IG19" s="102">
        <v>8</v>
      </c>
      <c r="IH19" s="102">
        <v>2</v>
      </c>
      <c r="II19" s="103">
        <v>33</v>
      </c>
      <c r="IJ19" s="104">
        <v>49</v>
      </c>
      <c r="IK19" s="101">
        <v>11</v>
      </c>
      <c r="IL19" s="102">
        <v>11</v>
      </c>
      <c r="IM19" s="103">
        <v>22</v>
      </c>
      <c r="IN19" s="413">
        <v>0</v>
      </c>
      <c r="IO19" s="102">
        <v>14</v>
      </c>
      <c r="IP19" s="102">
        <v>22</v>
      </c>
      <c r="IQ19" s="102">
        <v>16</v>
      </c>
      <c r="IR19" s="102">
        <v>8</v>
      </c>
      <c r="IS19" s="102">
        <v>3</v>
      </c>
      <c r="IT19" s="103">
        <v>63</v>
      </c>
      <c r="IU19" s="104">
        <v>85</v>
      </c>
      <c r="IV19" s="101">
        <v>11</v>
      </c>
      <c r="IW19" s="102">
        <v>11</v>
      </c>
      <c r="IX19" s="103">
        <v>22</v>
      </c>
      <c r="IY19" s="413">
        <v>0</v>
      </c>
      <c r="IZ19" s="102">
        <v>26</v>
      </c>
      <c r="JA19" s="102">
        <v>26</v>
      </c>
      <c r="JB19" s="102">
        <v>15</v>
      </c>
      <c r="JC19" s="102">
        <v>8</v>
      </c>
      <c r="JD19" s="102">
        <v>10</v>
      </c>
      <c r="JE19" s="103">
        <v>85</v>
      </c>
      <c r="JF19" s="104">
        <v>107</v>
      </c>
      <c r="JG19" s="101">
        <v>6</v>
      </c>
      <c r="JH19" s="102">
        <v>14</v>
      </c>
      <c r="JI19" s="103">
        <v>20</v>
      </c>
      <c r="JJ19" s="413">
        <v>0</v>
      </c>
      <c r="JK19" s="102">
        <v>16</v>
      </c>
      <c r="JL19" s="102">
        <v>26</v>
      </c>
      <c r="JM19" s="102">
        <v>15</v>
      </c>
      <c r="JN19" s="102">
        <v>20</v>
      </c>
      <c r="JO19" s="102">
        <v>10</v>
      </c>
      <c r="JP19" s="103">
        <v>87</v>
      </c>
      <c r="JQ19" s="104">
        <v>107</v>
      </c>
      <c r="JR19" s="101">
        <v>0</v>
      </c>
      <c r="JS19" s="102">
        <v>0</v>
      </c>
      <c r="JT19" s="103">
        <v>0</v>
      </c>
      <c r="JU19" s="413">
        <v>0</v>
      </c>
      <c r="JV19" s="102">
        <v>0</v>
      </c>
      <c r="JW19" s="102">
        <v>0</v>
      </c>
      <c r="JX19" s="102">
        <v>0</v>
      </c>
      <c r="JY19" s="102">
        <v>0</v>
      </c>
      <c r="JZ19" s="102">
        <v>0</v>
      </c>
      <c r="KA19" s="103">
        <v>0</v>
      </c>
      <c r="KB19" s="104">
        <v>0</v>
      </c>
      <c r="KC19" s="101">
        <v>43</v>
      </c>
      <c r="KD19" s="102">
        <v>50</v>
      </c>
      <c r="KE19" s="103">
        <v>93</v>
      </c>
      <c r="KF19" s="413">
        <v>0</v>
      </c>
      <c r="KG19" s="102">
        <v>70</v>
      </c>
      <c r="KH19" s="102">
        <v>95</v>
      </c>
      <c r="KI19" s="102">
        <v>52</v>
      </c>
      <c r="KJ19" s="102">
        <v>48</v>
      </c>
      <c r="KK19" s="102">
        <v>29</v>
      </c>
      <c r="KL19" s="103">
        <v>294</v>
      </c>
      <c r="KM19" s="104">
        <v>387</v>
      </c>
    </row>
    <row r="20" spans="2:299" s="70" customFormat="1" ht="21" customHeight="1" x14ac:dyDescent="0.2">
      <c r="B20" s="106" t="s">
        <v>17</v>
      </c>
      <c r="C20" s="96">
        <v>63</v>
      </c>
      <c r="D20" s="97">
        <v>54</v>
      </c>
      <c r="E20" s="98">
        <v>117</v>
      </c>
      <c r="F20" s="413">
        <v>0</v>
      </c>
      <c r="G20" s="97">
        <v>73</v>
      </c>
      <c r="H20" s="97">
        <v>95</v>
      </c>
      <c r="I20" s="97">
        <v>66</v>
      </c>
      <c r="J20" s="97">
        <v>49</v>
      </c>
      <c r="K20" s="97">
        <v>16</v>
      </c>
      <c r="L20" s="99">
        <v>299</v>
      </c>
      <c r="M20" s="100">
        <v>416</v>
      </c>
      <c r="N20" s="101">
        <v>4</v>
      </c>
      <c r="O20" s="102">
        <v>2</v>
      </c>
      <c r="P20" s="103">
        <v>6</v>
      </c>
      <c r="Q20" s="413">
        <v>0</v>
      </c>
      <c r="R20" s="102">
        <v>5</v>
      </c>
      <c r="S20" s="102">
        <v>3</v>
      </c>
      <c r="T20" s="102">
        <v>2</v>
      </c>
      <c r="U20" s="102">
        <v>5</v>
      </c>
      <c r="V20" s="102">
        <v>2</v>
      </c>
      <c r="W20" s="103">
        <v>17</v>
      </c>
      <c r="X20" s="104">
        <v>23</v>
      </c>
      <c r="Y20" s="101">
        <v>5</v>
      </c>
      <c r="Z20" s="102">
        <v>6</v>
      </c>
      <c r="AA20" s="103">
        <v>11</v>
      </c>
      <c r="AB20" s="413">
        <v>0</v>
      </c>
      <c r="AC20" s="102">
        <v>6</v>
      </c>
      <c r="AD20" s="102">
        <v>15</v>
      </c>
      <c r="AE20" s="102">
        <v>4</v>
      </c>
      <c r="AF20" s="102">
        <v>7</v>
      </c>
      <c r="AG20" s="102">
        <v>0</v>
      </c>
      <c r="AH20" s="103">
        <v>32</v>
      </c>
      <c r="AI20" s="104">
        <v>43</v>
      </c>
      <c r="AJ20" s="101">
        <v>9</v>
      </c>
      <c r="AK20" s="102">
        <v>6</v>
      </c>
      <c r="AL20" s="103">
        <v>15</v>
      </c>
      <c r="AM20" s="413">
        <v>0</v>
      </c>
      <c r="AN20" s="102">
        <v>7</v>
      </c>
      <c r="AO20" s="102">
        <v>14</v>
      </c>
      <c r="AP20" s="102">
        <v>11</v>
      </c>
      <c r="AQ20" s="102">
        <v>4</v>
      </c>
      <c r="AR20" s="102">
        <v>2</v>
      </c>
      <c r="AS20" s="103">
        <v>38</v>
      </c>
      <c r="AT20" s="104">
        <v>53</v>
      </c>
      <c r="AU20" s="101">
        <v>16</v>
      </c>
      <c r="AV20" s="102">
        <v>8</v>
      </c>
      <c r="AW20" s="103">
        <v>24</v>
      </c>
      <c r="AX20" s="413">
        <v>0</v>
      </c>
      <c r="AY20" s="102">
        <v>20</v>
      </c>
      <c r="AZ20" s="102">
        <v>24</v>
      </c>
      <c r="BA20" s="102">
        <v>13</v>
      </c>
      <c r="BB20" s="102">
        <v>9</v>
      </c>
      <c r="BC20" s="102">
        <v>7</v>
      </c>
      <c r="BD20" s="103">
        <v>73</v>
      </c>
      <c r="BE20" s="104">
        <v>97</v>
      </c>
      <c r="BF20" s="101">
        <v>23</v>
      </c>
      <c r="BG20" s="102">
        <v>17</v>
      </c>
      <c r="BH20" s="103">
        <v>40</v>
      </c>
      <c r="BI20" s="413">
        <v>0</v>
      </c>
      <c r="BJ20" s="102">
        <v>22</v>
      </c>
      <c r="BK20" s="102">
        <v>21</v>
      </c>
      <c r="BL20" s="102">
        <v>16</v>
      </c>
      <c r="BM20" s="102">
        <v>12</v>
      </c>
      <c r="BN20" s="102">
        <v>2</v>
      </c>
      <c r="BO20" s="103">
        <v>73</v>
      </c>
      <c r="BP20" s="104">
        <v>113</v>
      </c>
      <c r="BQ20" s="101">
        <v>6</v>
      </c>
      <c r="BR20" s="102">
        <v>15</v>
      </c>
      <c r="BS20" s="103">
        <v>21</v>
      </c>
      <c r="BT20" s="413">
        <v>0</v>
      </c>
      <c r="BU20" s="102">
        <v>13</v>
      </c>
      <c r="BV20" s="102">
        <v>18</v>
      </c>
      <c r="BW20" s="102">
        <v>20</v>
      </c>
      <c r="BX20" s="102">
        <v>12</v>
      </c>
      <c r="BY20" s="102">
        <v>3</v>
      </c>
      <c r="BZ20" s="103">
        <v>66</v>
      </c>
      <c r="CA20" s="104">
        <v>87</v>
      </c>
      <c r="CB20" s="101">
        <v>0</v>
      </c>
      <c r="CC20" s="102">
        <v>0</v>
      </c>
      <c r="CD20" s="103">
        <v>0</v>
      </c>
      <c r="CE20" s="413">
        <v>0</v>
      </c>
      <c r="CF20" s="102">
        <v>0</v>
      </c>
      <c r="CG20" s="102">
        <v>0</v>
      </c>
      <c r="CH20" s="102">
        <v>0</v>
      </c>
      <c r="CI20" s="102">
        <v>0</v>
      </c>
      <c r="CJ20" s="102">
        <v>0</v>
      </c>
      <c r="CK20" s="103">
        <v>0</v>
      </c>
      <c r="CL20" s="104">
        <v>0</v>
      </c>
      <c r="CM20" s="101">
        <v>63</v>
      </c>
      <c r="CN20" s="102">
        <v>54</v>
      </c>
      <c r="CO20" s="103">
        <v>117</v>
      </c>
      <c r="CP20" s="413">
        <v>0</v>
      </c>
      <c r="CQ20" s="102">
        <v>73</v>
      </c>
      <c r="CR20" s="102">
        <v>95</v>
      </c>
      <c r="CS20" s="102">
        <v>66</v>
      </c>
      <c r="CT20" s="102">
        <v>49</v>
      </c>
      <c r="CU20" s="102">
        <v>16</v>
      </c>
      <c r="CV20" s="103">
        <v>299</v>
      </c>
      <c r="CW20" s="104">
        <v>416</v>
      </c>
      <c r="CX20" s="105">
        <v>15</v>
      </c>
      <c r="CY20" s="97">
        <v>27</v>
      </c>
      <c r="CZ20" s="98">
        <v>42</v>
      </c>
      <c r="DA20" s="413">
        <v>0</v>
      </c>
      <c r="DB20" s="97">
        <v>39</v>
      </c>
      <c r="DC20" s="97">
        <v>41</v>
      </c>
      <c r="DD20" s="97">
        <v>32</v>
      </c>
      <c r="DE20" s="97">
        <v>22</v>
      </c>
      <c r="DF20" s="97">
        <v>25</v>
      </c>
      <c r="DG20" s="99">
        <v>159</v>
      </c>
      <c r="DH20" s="100">
        <v>201</v>
      </c>
      <c r="DI20" s="101">
        <v>1</v>
      </c>
      <c r="DJ20" s="102">
        <v>0</v>
      </c>
      <c r="DK20" s="103">
        <v>1</v>
      </c>
      <c r="DL20" s="413">
        <v>0</v>
      </c>
      <c r="DM20" s="102">
        <v>0</v>
      </c>
      <c r="DN20" s="102">
        <v>0</v>
      </c>
      <c r="DO20" s="102">
        <v>0</v>
      </c>
      <c r="DP20" s="102">
        <v>0</v>
      </c>
      <c r="DQ20" s="102">
        <v>0</v>
      </c>
      <c r="DR20" s="103">
        <v>0</v>
      </c>
      <c r="DS20" s="104">
        <v>1</v>
      </c>
      <c r="DT20" s="101">
        <v>3</v>
      </c>
      <c r="DU20" s="102">
        <v>2</v>
      </c>
      <c r="DV20" s="103">
        <v>5</v>
      </c>
      <c r="DW20" s="413">
        <v>0</v>
      </c>
      <c r="DX20" s="102">
        <v>1</v>
      </c>
      <c r="DY20" s="102">
        <v>0</v>
      </c>
      <c r="DZ20" s="102">
        <v>0</v>
      </c>
      <c r="EA20" s="102">
        <v>4</v>
      </c>
      <c r="EB20" s="102">
        <v>0</v>
      </c>
      <c r="EC20" s="103">
        <v>5</v>
      </c>
      <c r="ED20" s="104">
        <v>10</v>
      </c>
      <c r="EE20" s="101">
        <v>3</v>
      </c>
      <c r="EF20" s="102">
        <v>1</v>
      </c>
      <c r="EG20" s="103">
        <v>4</v>
      </c>
      <c r="EH20" s="413">
        <v>0</v>
      </c>
      <c r="EI20" s="102">
        <v>6</v>
      </c>
      <c r="EJ20" s="102">
        <v>4</v>
      </c>
      <c r="EK20" s="102">
        <v>6</v>
      </c>
      <c r="EL20" s="102">
        <v>3</v>
      </c>
      <c r="EM20" s="102">
        <v>2</v>
      </c>
      <c r="EN20" s="103">
        <v>21</v>
      </c>
      <c r="EO20" s="104">
        <v>25</v>
      </c>
      <c r="EP20" s="101">
        <v>3</v>
      </c>
      <c r="EQ20" s="102">
        <v>7</v>
      </c>
      <c r="ER20" s="103">
        <v>10</v>
      </c>
      <c r="ES20" s="413">
        <v>0</v>
      </c>
      <c r="ET20" s="102">
        <v>10</v>
      </c>
      <c r="EU20" s="102">
        <v>9</v>
      </c>
      <c r="EV20" s="102">
        <v>5</v>
      </c>
      <c r="EW20" s="102">
        <v>2</v>
      </c>
      <c r="EX20" s="102">
        <v>8</v>
      </c>
      <c r="EY20" s="103">
        <v>34</v>
      </c>
      <c r="EZ20" s="104">
        <v>44</v>
      </c>
      <c r="FA20" s="101">
        <v>5</v>
      </c>
      <c r="FB20" s="102">
        <v>13</v>
      </c>
      <c r="FC20" s="103">
        <v>18</v>
      </c>
      <c r="FD20" s="413">
        <v>0</v>
      </c>
      <c r="FE20" s="102">
        <v>11</v>
      </c>
      <c r="FF20" s="102">
        <v>13</v>
      </c>
      <c r="FG20" s="102">
        <v>5</v>
      </c>
      <c r="FH20" s="102">
        <v>2</v>
      </c>
      <c r="FI20" s="102">
        <v>8</v>
      </c>
      <c r="FJ20" s="103">
        <v>39</v>
      </c>
      <c r="FK20" s="104">
        <v>57</v>
      </c>
      <c r="FL20" s="101">
        <v>0</v>
      </c>
      <c r="FM20" s="102">
        <v>4</v>
      </c>
      <c r="FN20" s="103">
        <v>4</v>
      </c>
      <c r="FO20" s="413">
        <v>0</v>
      </c>
      <c r="FP20" s="102">
        <v>11</v>
      </c>
      <c r="FQ20" s="102">
        <v>15</v>
      </c>
      <c r="FR20" s="102">
        <v>16</v>
      </c>
      <c r="FS20" s="102">
        <v>11</v>
      </c>
      <c r="FT20" s="102">
        <v>7</v>
      </c>
      <c r="FU20" s="103">
        <v>60</v>
      </c>
      <c r="FV20" s="104">
        <v>64</v>
      </c>
      <c r="FW20" s="101">
        <v>0</v>
      </c>
      <c r="FX20" s="102">
        <v>0</v>
      </c>
      <c r="FY20" s="103">
        <v>0</v>
      </c>
      <c r="FZ20" s="413">
        <v>0</v>
      </c>
      <c r="GA20" s="102">
        <v>0</v>
      </c>
      <c r="GB20" s="102">
        <v>0</v>
      </c>
      <c r="GC20" s="102">
        <v>0</v>
      </c>
      <c r="GD20" s="102">
        <v>0</v>
      </c>
      <c r="GE20" s="102">
        <v>0</v>
      </c>
      <c r="GF20" s="103">
        <v>0</v>
      </c>
      <c r="GG20" s="104">
        <v>0</v>
      </c>
      <c r="GH20" s="101">
        <v>15</v>
      </c>
      <c r="GI20" s="102">
        <v>27</v>
      </c>
      <c r="GJ20" s="103">
        <v>42</v>
      </c>
      <c r="GK20" s="413">
        <v>0</v>
      </c>
      <c r="GL20" s="102">
        <v>39</v>
      </c>
      <c r="GM20" s="102">
        <v>41</v>
      </c>
      <c r="GN20" s="102">
        <v>32</v>
      </c>
      <c r="GO20" s="102">
        <v>22</v>
      </c>
      <c r="GP20" s="102">
        <v>25</v>
      </c>
      <c r="GQ20" s="103">
        <v>159</v>
      </c>
      <c r="GR20" s="104">
        <v>201</v>
      </c>
      <c r="GS20" s="105">
        <v>78</v>
      </c>
      <c r="GT20" s="97">
        <v>81</v>
      </c>
      <c r="GU20" s="98">
        <v>159</v>
      </c>
      <c r="GV20" s="413">
        <v>0</v>
      </c>
      <c r="GW20" s="97">
        <v>112</v>
      </c>
      <c r="GX20" s="97">
        <v>136</v>
      </c>
      <c r="GY20" s="97">
        <v>98</v>
      </c>
      <c r="GZ20" s="97">
        <v>71</v>
      </c>
      <c r="HA20" s="97">
        <v>41</v>
      </c>
      <c r="HB20" s="99">
        <v>458</v>
      </c>
      <c r="HC20" s="100">
        <v>617</v>
      </c>
      <c r="HD20" s="101">
        <v>5</v>
      </c>
      <c r="HE20" s="102">
        <v>2</v>
      </c>
      <c r="HF20" s="103">
        <v>7</v>
      </c>
      <c r="HG20" s="413">
        <v>0</v>
      </c>
      <c r="HH20" s="102">
        <v>5</v>
      </c>
      <c r="HI20" s="102">
        <v>3</v>
      </c>
      <c r="HJ20" s="102">
        <v>2</v>
      </c>
      <c r="HK20" s="102">
        <v>5</v>
      </c>
      <c r="HL20" s="102">
        <v>2</v>
      </c>
      <c r="HM20" s="103">
        <v>17</v>
      </c>
      <c r="HN20" s="104">
        <v>24</v>
      </c>
      <c r="HO20" s="101">
        <v>8</v>
      </c>
      <c r="HP20" s="102">
        <v>8</v>
      </c>
      <c r="HQ20" s="103">
        <v>16</v>
      </c>
      <c r="HR20" s="413">
        <v>0</v>
      </c>
      <c r="HS20" s="102">
        <v>7</v>
      </c>
      <c r="HT20" s="102">
        <v>15</v>
      </c>
      <c r="HU20" s="102">
        <v>4</v>
      </c>
      <c r="HV20" s="102">
        <v>11</v>
      </c>
      <c r="HW20" s="102">
        <v>0</v>
      </c>
      <c r="HX20" s="103">
        <v>37</v>
      </c>
      <c r="HY20" s="104">
        <v>53</v>
      </c>
      <c r="HZ20" s="101">
        <v>12</v>
      </c>
      <c r="IA20" s="102">
        <v>7</v>
      </c>
      <c r="IB20" s="103">
        <v>19</v>
      </c>
      <c r="IC20" s="413">
        <v>0</v>
      </c>
      <c r="ID20" s="102">
        <v>13</v>
      </c>
      <c r="IE20" s="102">
        <v>18</v>
      </c>
      <c r="IF20" s="102">
        <v>17</v>
      </c>
      <c r="IG20" s="102">
        <v>7</v>
      </c>
      <c r="IH20" s="102">
        <v>4</v>
      </c>
      <c r="II20" s="103">
        <v>59</v>
      </c>
      <c r="IJ20" s="104">
        <v>78</v>
      </c>
      <c r="IK20" s="101">
        <v>19</v>
      </c>
      <c r="IL20" s="102">
        <v>15</v>
      </c>
      <c r="IM20" s="103">
        <v>34</v>
      </c>
      <c r="IN20" s="413">
        <v>0</v>
      </c>
      <c r="IO20" s="102">
        <v>30</v>
      </c>
      <c r="IP20" s="102">
        <v>33</v>
      </c>
      <c r="IQ20" s="102">
        <v>18</v>
      </c>
      <c r="IR20" s="102">
        <v>11</v>
      </c>
      <c r="IS20" s="102">
        <v>15</v>
      </c>
      <c r="IT20" s="103">
        <v>107</v>
      </c>
      <c r="IU20" s="104">
        <v>141</v>
      </c>
      <c r="IV20" s="101">
        <v>28</v>
      </c>
      <c r="IW20" s="102">
        <v>30</v>
      </c>
      <c r="IX20" s="103">
        <v>58</v>
      </c>
      <c r="IY20" s="413">
        <v>0</v>
      </c>
      <c r="IZ20" s="102">
        <v>33</v>
      </c>
      <c r="JA20" s="102">
        <v>34</v>
      </c>
      <c r="JB20" s="102">
        <v>21</v>
      </c>
      <c r="JC20" s="102">
        <v>14</v>
      </c>
      <c r="JD20" s="102">
        <v>10</v>
      </c>
      <c r="JE20" s="103">
        <v>112</v>
      </c>
      <c r="JF20" s="104">
        <v>170</v>
      </c>
      <c r="JG20" s="101">
        <v>6</v>
      </c>
      <c r="JH20" s="102">
        <v>19</v>
      </c>
      <c r="JI20" s="103">
        <v>25</v>
      </c>
      <c r="JJ20" s="413">
        <v>0</v>
      </c>
      <c r="JK20" s="102">
        <v>24</v>
      </c>
      <c r="JL20" s="102">
        <v>33</v>
      </c>
      <c r="JM20" s="102">
        <v>36</v>
      </c>
      <c r="JN20" s="102">
        <v>23</v>
      </c>
      <c r="JO20" s="102">
        <v>10</v>
      </c>
      <c r="JP20" s="103">
        <v>126</v>
      </c>
      <c r="JQ20" s="104">
        <v>151</v>
      </c>
      <c r="JR20" s="101">
        <v>0</v>
      </c>
      <c r="JS20" s="102">
        <v>0</v>
      </c>
      <c r="JT20" s="103">
        <v>0</v>
      </c>
      <c r="JU20" s="413">
        <v>0</v>
      </c>
      <c r="JV20" s="102">
        <v>0</v>
      </c>
      <c r="JW20" s="102">
        <v>0</v>
      </c>
      <c r="JX20" s="102">
        <v>0</v>
      </c>
      <c r="JY20" s="102">
        <v>0</v>
      </c>
      <c r="JZ20" s="102">
        <v>0</v>
      </c>
      <c r="KA20" s="103">
        <v>0</v>
      </c>
      <c r="KB20" s="104">
        <v>0</v>
      </c>
      <c r="KC20" s="101">
        <v>78</v>
      </c>
      <c r="KD20" s="102">
        <v>81</v>
      </c>
      <c r="KE20" s="103">
        <v>159</v>
      </c>
      <c r="KF20" s="413">
        <v>0</v>
      </c>
      <c r="KG20" s="102">
        <v>112</v>
      </c>
      <c r="KH20" s="102">
        <v>136</v>
      </c>
      <c r="KI20" s="102">
        <v>98</v>
      </c>
      <c r="KJ20" s="102">
        <v>71</v>
      </c>
      <c r="KK20" s="102">
        <v>41</v>
      </c>
      <c r="KL20" s="103">
        <v>458</v>
      </c>
      <c r="KM20" s="104">
        <v>617</v>
      </c>
    </row>
    <row r="21" spans="2:299" s="70" customFormat="1" ht="21" customHeight="1" x14ac:dyDescent="0.2">
      <c r="B21" s="106" t="s">
        <v>18</v>
      </c>
      <c r="C21" s="96">
        <v>70</v>
      </c>
      <c r="D21" s="97">
        <v>68</v>
      </c>
      <c r="E21" s="98">
        <v>138</v>
      </c>
      <c r="F21" s="413">
        <v>0</v>
      </c>
      <c r="G21" s="97">
        <v>138</v>
      </c>
      <c r="H21" s="97">
        <v>94</v>
      </c>
      <c r="I21" s="97">
        <v>67</v>
      </c>
      <c r="J21" s="97">
        <v>40</v>
      </c>
      <c r="K21" s="97">
        <v>37</v>
      </c>
      <c r="L21" s="99">
        <v>376</v>
      </c>
      <c r="M21" s="100">
        <v>514</v>
      </c>
      <c r="N21" s="101">
        <v>7</v>
      </c>
      <c r="O21" s="102">
        <v>1</v>
      </c>
      <c r="P21" s="103">
        <v>8</v>
      </c>
      <c r="Q21" s="413">
        <v>0</v>
      </c>
      <c r="R21" s="102">
        <v>8</v>
      </c>
      <c r="S21" s="102">
        <v>3</v>
      </c>
      <c r="T21" s="102">
        <v>5</v>
      </c>
      <c r="U21" s="102">
        <v>1</v>
      </c>
      <c r="V21" s="102">
        <v>5</v>
      </c>
      <c r="W21" s="103">
        <v>22</v>
      </c>
      <c r="X21" s="104">
        <v>30</v>
      </c>
      <c r="Y21" s="101">
        <v>5</v>
      </c>
      <c r="Z21" s="102">
        <v>6</v>
      </c>
      <c r="AA21" s="103">
        <v>11</v>
      </c>
      <c r="AB21" s="413">
        <v>0</v>
      </c>
      <c r="AC21" s="102">
        <v>9</v>
      </c>
      <c r="AD21" s="102">
        <v>7</v>
      </c>
      <c r="AE21" s="102">
        <v>7</v>
      </c>
      <c r="AF21" s="102">
        <v>3</v>
      </c>
      <c r="AG21" s="102">
        <v>3</v>
      </c>
      <c r="AH21" s="103">
        <v>29</v>
      </c>
      <c r="AI21" s="104">
        <v>40</v>
      </c>
      <c r="AJ21" s="101">
        <v>12</v>
      </c>
      <c r="AK21" s="102">
        <v>9</v>
      </c>
      <c r="AL21" s="103">
        <v>21</v>
      </c>
      <c r="AM21" s="413">
        <v>0</v>
      </c>
      <c r="AN21" s="102">
        <v>19</v>
      </c>
      <c r="AO21" s="102">
        <v>6</v>
      </c>
      <c r="AP21" s="102">
        <v>5</v>
      </c>
      <c r="AQ21" s="102">
        <v>4</v>
      </c>
      <c r="AR21" s="102">
        <v>9</v>
      </c>
      <c r="AS21" s="103">
        <v>43</v>
      </c>
      <c r="AT21" s="104">
        <v>64</v>
      </c>
      <c r="AU21" s="101">
        <v>13</v>
      </c>
      <c r="AV21" s="102">
        <v>19</v>
      </c>
      <c r="AW21" s="103">
        <v>32</v>
      </c>
      <c r="AX21" s="413">
        <v>0</v>
      </c>
      <c r="AY21" s="102">
        <v>39</v>
      </c>
      <c r="AZ21" s="102">
        <v>28</v>
      </c>
      <c r="BA21" s="102">
        <v>16</v>
      </c>
      <c r="BB21" s="102">
        <v>9</v>
      </c>
      <c r="BC21" s="102">
        <v>10</v>
      </c>
      <c r="BD21" s="103">
        <v>102</v>
      </c>
      <c r="BE21" s="104">
        <v>134</v>
      </c>
      <c r="BF21" s="101">
        <v>20</v>
      </c>
      <c r="BG21" s="102">
        <v>22</v>
      </c>
      <c r="BH21" s="103">
        <v>42</v>
      </c>
      <c r="BI21" s="413">
        <v>0</v>
      </c>
      <c r="BJ21" s="102">
        <v>35</v>
      </c>
      <c r="BK21" s="102">
        <v>26</v>
      </c>
      <c r="BL21" s="102">
        <v>17</v>
      </c>
      <c r="BM21" s="102">
        <v>14</v>
      </c>
      <c r="BN21" s="102">
        <v>6</v>
      </c>
      <c r="BO21" s="103">
        <v>98</v>
      </c>
      <c r="BP21" s="104">
        <v>140</v>
      </c>
      <c r="BQ21" s="101">
        <v>13</v>
      </c>
      <c r="BR21" s="102">
        <v>11</v>
      </c>
      <c r="BS21" s="103">
        <v>24</v>
      </c>
      <c r="BT21" s="413">
        <v>0</v>
      </c>
      <c r="BU21" s="102">
        <v>28</v>
      </c>
      <c r="BV21" s="102">
        <v>24</v>
      </c>
      <c r="BW21" s="102">
        <v>17</v>
      </c>
      <c r="BX21" s="102">
        <v>9</v>
      </c>
      <c r="BY21" s="102">
        <v>4</v>
      </c>
      <c r="BZ21" s="103">
        <v>82</v>
      </c>
      <c r="CA21" s="104">
        <v>106</v>
      </c>
      <c r="CB21" s="101">
        <v>0</v>
      </c>
      <c r="CC21" s="102">
        <v>0</v>
      </c>
      <c r="CD21" s="103">
        <v>0</v>
      </c>
      <c r="CE21" s="413">
        <v>0</v>
      </c>
      <c r="CF21" s="102">
        <v>0</v>
      </c>
      <c r="CG21" s="102">
        <v>0</v>
      </c>
      <c r="CH21" s="102">
        <v>0</v>
      </c>
      <c r="CI21" s="102">
        <v>0</v>
      </c>
      <c r="CJ21" s="102">
        <v>0</v>
      </c>
      <c r="CK21" s="103">
        <v>0</v>
      </c>
      <c r="CL21" s="104">
        <v>0</v>
      </c>
      <c r="CM21" s="101">
        <v>70</v>
      </c>
      <c r="CN21" s="102">
        <v>68</v>
      </c>
      <c r="CO21" s="103">
        <v>138</v>
      </c>
      <c r="CP21" s="413">
        <v>0</v>
      </c>
      <c r="CQ21" s="102">
        <v>138</v>
      </c>
      <c r="CR21" s="102">
        <v>94</v>
      </c>
      <c r="CS21" s="102">
        <v>67</v>
      </c>
      <c r="CT21" s="102">
        <v>40</v>
      </c>
      <c r="CU21" s="102">
        <v>37</v>
      </c>
      <c r="CV21" s="103">
        <v>376</v>
      </c>
      <c r="CW21" s="104">
        <v>514</v>
      </c>
      <c r="CX21" s="105">
        <v>20</v>
      </c>
      <c r="CY21" s="97">
        <v>31</v>
      </c>
      <c r="CZ21" s="98">
        <v>51</v>
      </c>
      <c r="DA21" s="413">
        <v>0</v>
      </c>
      <c r="DB21" s="97">
        <v>52</v>
      </c>
      <c r="DC21" s="97">
        <v>35</v>
      </c>
      <c r="DD21" s="97">
        <v>35</v>
      </c>
      <c r="DE21" s="97">
        <v>27</v>
      </c>
      <c r="DF21" s="97">
        <v>22</v>
      </c>
      <c r="DG21" s="99">
        <v>171</v>
      </c>
      <c r="DH21" s="100">
        <v>222</v>
      </c>
      <c r="DI21" s="101">
        <v>0</v>
      </c>
      <c r="DJ21" s="102">
        <v>0</v>
      </c>
      <c r="DK21" s="103">
        <v>0</v>
      </c>
      <c r="DL21" s="413">
        <v>0</v>
      </c>
      <c r="DM21" s="102">
        <v>1</v>
      </c>
      <c r="DN21" s="102">
        <v>3</v>
      </c>
      <c r="DO21" s="102">
        <v>1</v>
      </c>
      <c r="DP21" s="102">
        <v>1</v>
      </c>
      <c r="DQ21" s="102">
        <v>1</v>
      </c>
      <c r="DR21" s="103">
        <v>7</v>
      </c>
      <c r="DS21" s="104">
        <v>7</v>
      </c>
      <c r="DT21" s="101">
        <v>1</v>
      </c>
      <c r="DU21" s="102">
        <v>4</v>
      </c>
      <c r="DV21" s="103">
        <v>5</v>
      </c>
      <c r="DW21" s="413">
        <v>0</v>
      </c>
      <c r="DX21" s="102">
        <v>2</v>
      </c>
      <c r="DY21" s="102">
        <v>1</v>
      </c>
      <c r="DZ21" s="102">
        <v>0</v>
      </c>
      <c r="EA21" s="102">
        <v>4</v>
      </c>
      <c r="EB21" s="102">
        <v>0</v>
      </c>
      <c r="EC21" s="103">
        <v>7</v>
      </c>
      <c r="ED21" s="104">
        <v>12</v>
      </c>
      <c r="EE21" s="101">
        <v>1</v>
      </c>
      <c r="EF21" s="102">
        <v>10</v>
      </c>
      <c r="EG21" s="103">
        <v>11</v>
      </c>
      <c r="EH21" s="413">
        <v>0</v>
      </c>
      <c r="EI21" s="102">
        <v>9</v>
      </c>
      <c r="EJ21" s="102">
        <v>4</v>
      </c>
      <c r="EK21" s="102">
        <v>4</v>
      </c>
      <c r="EL21" s="102">
        <v>1</v>
      </c>
      <c r="EM21" s="102">
        <v>2</v>
      </c>
      <c r="EN21" s="103">
        <v>20</v>
      </c>
      <c r="EO21" s="104">
        <v>31</v>
      </c>
      <c r="EP21" s="101">
        <v>9</v>
      </c>
      <c r="EQ21" s="102">
        <v>4</v>
      </c>
      <c r="ER21" s="103">
        <v>13</v>
      </c>
      <c r="ES21" s="413">
        <v>0</v>
      </c>
      <c r="ET21" s="102">
        <v>8</v>
      </c>
      <c r="EU21" s="102">
        <v>6</v>
      </c>
      <c r="EV21" s="102">
        <v>4</v>
      </c>
      <c r="EW21" s="102">
        <v>4</v>
      </c>
      <c r="EX21" s="102">
        <v>2</v>
      </c>
      <c r="EY21" s="103">
        <v>24</v>
      </c>
      <c r="EZ21" s="104">
        <v>37</v>
      </c>
      <c r="FA21" s="101">
        <v>7</v>
      </c>
      <c r="FB21" s="102">
        <v>10</v>
      </c>
      <c r="FC21" s="103">
        <v>17</v>
      </c>
      <c r="FD21" s="413">
        <v>0</v>
      </c>
      <c r="FE21" s="102">
        <v>18</v>
      </c>
      <c r="FF21" s="102">
        <v>11</v>
      </c>
      <c r="FG21" s="102">
        <v>12</v>
      </c>
      <c r="FH21" s="102">
        <v>11</v>
      </c>
      <c r="FI21" s="102">
        <v>6</v>
      </c>
      <c r="FJ21" s="103">
        <v>58</v>
      </c>
      <c r="FK21" s="104">
        <v>75</v>
      </c>
      <c r="FL21" s="101">
        <v>2</v>
      </c>
      <c r="FM21" s="102">
        <v>3</v>
      </c>
      <c r="FN21" s="103">
        <v>5</v>
      </c>
      <c r="FO21" s="413">
        <v>0</v>
      </c>
      <c r="FP21" s="102">
        <v>14</v>
      </c>
      <c r="FQ21" s="102">
        <v>10</v>
      </c>
      <c r="FR21" s="102">
        <v>14</v>
      </c>
      <c r="FS21" s="102">
        <v>6</v>
      </c>
      <c r="FT21" s="102">
        <v>11</v>
      </c>
      <c r="FU21" s="103">
        <v>55</v>
      </c>
      <c r="FV21" s="104">
        <v>60</v>
      </c>
      <c r="FW21" s="101">
        <v>0</v>
      </c>
      <c r="FX21" s="102">
        <v>0</v>
      </c>
      <c r="FY21" s="103">
        <v>0</v>
      </c>
      <c r="FZ21" s="413">
        <v>0</v>
      </c>
      <c r="GA21" s="102">
        <v>0</v>
      </c>
      <c r="GB21" s="102">
        <v>0</v>
      </c>
      <c r="GC21" s="102">
        <v>0</v>
      </c>
      <c r="GD21" s="102">
        <v>0</v>
      </c>
      <c r="GE21" s="102">
        <v>0</v>
      </c>
      <c r="GF21" s="103">
        <v>0</v>
      </c>
      <c r="GG21" s="104">
        <v>0</v>
      </c>
      <c r="GH21" s="101">
        <v>20</v>
      </c>
      <c r="GI21" s="102">
        <v>31</v>
      </c>
      <c r="GJ21" s="103">
        <v>51</v>
      </c>
      <c r="GK21" s="413">
        <v>0</v>
      </c>
      <c r="GL21" s="102">
        <v>52</v>
      </c>
      <c r="GM21" s="102">
        <v>35</v>
      </c>
      <c r="GN21" s="102">
        <v>35</v>
      </c>
      <c r="GO21" s="102">
        <v>27</v>
      </c>
      <c r="GP21" s="102">
        <v>22</v>
      </c>
      <c r="GQ21" s="103">
        <v>171</v>
      </c>
      <c r="GR21" s="104">
        <v>222</v>
      </c>
      <c r="GS21" s="105">
        <v>90</v>
      </c>
      <c r="GT21" s="97">
        <v>99</v>
      </c>
      <c r="GU21" s="98">
        <v>189</v>
      </c>
      <c r="GV21" s="413">
        <v>0</v>
      </c>
      <c r="GW21" s="97">
        <v>190</v>
      </c>
      <c r="GX21" s="97">
        <v>129</v>
      </c>
      <c r="GY21" s="97">
        <v>102</v>
      </c>
      <c r="GZ21" s="97">
        <v>67</v>
      </c>
      <c r="HA21" s="97">
        <v>59</v>
      </c>
      <c r="HB21" s="99">
        <v>547</v>
      </c>
      <c r="HC21" s="100">
        <v>736</v>
      </c>
      <c r="HD21" s="101">
        <v>7</v>
      </c>
      <c r="HE21" s="102">
        <v>1</v>
      </c>
      <c r="HF21" s="103">
        <v>8</v>
      </c>
      <c r="HG21" s="413">
        <v>0</v>
      </c>
      <c r="HH21" s="102">
        <v>9</v>
      </c>
      <c r="HI21" s="102">
        <v>6</v>
      </c>
      <c r="HJ21" s="102">
        <v>6</v>
      </c>
      <c r="HK21" s="102">
        <v>2</v>
      </c>
      <c r="HL21" s="102">
        <v>6</v>
      </c>
      <c r="HM21" s="103">
        <v>29</v>
      </c>
      <c r="HN21" s="104">
        <v>37</v>
      </c>
      <c r="HO21" s="101">
        <v>6</v>
      </c>
      <c r="HP21" s="102">
        <v>10</v>
      </c>
      <c r="HQ21" s="103">
        <v>16</v>
      </c>
      <c r="HR21" s="413">
        <v>0</v>
      </c>
      <c r="HS21" s="102">
        <v>11</v>
      </c>
      <c r="HT21" s="102">
        <v>8</v>
      </c>
      <c r="HU21" s="102">
        <v>7</v>
      </c>
      <c r="HV21" s="102">
        <v>7</v>
      </c>
      <c r="HW21" s="102">
        <v>3</v>
      </c>
      <c r="HX21" s="103">
        <v>36</v>
      </c>
      <c r="HY21" s="104">
        <v>52</v>
      </c>
      <c r="HZ21" s="101">
        <v>13</v>
      </c>
      <c r="IA21" s="102">
        <v>19</v>
      </c>
      <c r="IB21" s="103">
        <v>32</v>
      </c>
      <c r="IC21" s="413">
        <v>0</v>
      </c>
      <c r="ID21" s="102">
        <v>28</v>
      </c>
      <c r="IE21" s="102">
        <v>10</v>
      </c>
      <c r="IF21" s="102">
        <v>9</v>
      </c>
      <c r="IG21" s="102">
        <v>5</v>
      </c>
      <c r="IH21" s="102">
        <v>11</v>
      </c>
      <c r="II21" s="103">
        <v>63</v>
      </c>
      <c r="IJ21" s="104">
        <v>95</v>
      </c>
      <c r="IK21" s="101">
        <v>22</v>
      </c>
      <c r="IL21" s="102">
        <v>23</v>
      </c>
      <c r="IM21" s="103">
        <v>45</v>
      </c>
      <c r="IN21" s="413">
        <v>0</v>
      </c>
      <c r="IO21" s="102">
        <v>47</v>
      </c>
      <c r="IP21" s="102">
        <v>34</v>
      </c>
      <c r="IQ21" s="102">
        <v>20</v>
      </c>
      <c r="IR21" s="102">
        <v>13</v>
      </c>
      <c r="IS21" s="102">
        <v>12</v>
      </c>
      <c r="IT21" s="103">
        <v>126</v>
      </c>
      <c r="IU21" s="104">
        <v>171</v>
      </c>
      <c r="IV21" s="101">
        <v>27</v>
      </c>
      <c r="IW21" s="102">
        <v>32</v>
      </c>
      <c r="IX21" s="103">
        <v>59</v>
      </c>
      <c r="IY21" s="413">
        <v>0</v>
      </c>
      <c r="IZ21" s="102">
        <v>53</v>
      </c>
      <c r="JA21" s="102">
        <v>37</v>
      </c>
      <c r="JB21" s="102">
        <v>29</v>
      </c>
      <c r="JC21" s="102">
        <v>25</v>
      </c>
      <c r="JD21" s="102">
        <v>12</v>
      </c>
      <c r="JE21" s="103">
        <v>156</v>
      </c>
      <c r="JF21" s="104">
        <v>215</v>
      </c>
      <c r="JG21" s="101">
        <v>15</v>
      </c>
      <c r="JH21" s="102">
        <v>14</v>
      </c>
      <c r="JI21" s="103">
        <v>29</v>
      </c>
      <c r="JJ21" s="413">
        <v>0</v>
      </c>
      <c r="JK21" s="102">
        <v>42</v>
      </c>
      <c r="JL21" s="102">
        <v>34</v>
      </c>
      <c r="JM21" s="102">
        <v>31</v>
      </c>
      <c r="JN21" s="102">
        <v>15</v>
      </c>
      <c r="JO21" s="102">
        <v>15</v>
      </c>
      <c r="JP21" s="103">
        <v>137</v>
      </c>
      <c r="JQ21" s="104">
        <v>166</v>
      </c>
      <c r="JR21" s="101">
        <v>0</v>
      </c>
      <c r="JS21" s="102">
        <v>0</v>
      </c>
      <c r="JT21" s="103">
        <v>0</v>
      </c>
      <c r="JU21" s="413">
        <v>0</v>
      </c>
      <c r="JV21" s="102">
        <v>0</v>
      </c>
      <c r="JW21" s="102">
        <v>0</v>
      </c>
      <c r="JX21" s="102">
        <v>0</v>
      </c>
      <c r="JY21" s="102">
        <v>0</v>
      </c>
      <c r="JZ21" s="102">
        <v>0</v>
      </c>
      <c r="KA21" s="103">
        <v>0</v>
      </c>
      <c r="KB21" s="104">
        <v>0</v>
      </c>
      <c r="KC21" s="101">
        <v>90</v>
      </c>
      <c r="KD21" s="102">
        <v>99</v>
      </c>
      <c r="KE21" s="103">
        <v>189</v>
      </c>
      <c r="KF21" s="413">
        <v>0</v>
      </c>
      <c r="KG21" s="102">
        <v>190</v>
      </c>
      <c r="KH21" s="102">
        <v>129</v>
      </c>
      <c r="KI21" s="102">
        <v>102</v>
      </c>
      <c r="KJ21" s="102">
        <v>67</v>
      </c>
      <c r="KK21" s="102">
        <v>59</v>
      </c>
      <c r="KL21" s="103">
        <v>547</v>
      </c>
      <c r="KM21" s="104">
        <v>736</v>
      </c>
    </row>
    <row r="22" spans="2:299" s="70" customFormat="1" ht="21" customHeight="1" x14ac:dyDescent="0.2">
      <c r="B22" s="106" t="s">
        <v>19</v>
      </c>
      <c r="C22" s="96">
        <v>42</v>
      </c>
      <c r="D22" s="97">
        <v>21</v>
      </c>
      <c r="E22" s="98">
        <v>63</v>
      </c>
      <c r="F22" s="413">
        <v>0</v>
      </c>
      <c r="G22" s="97">
        <v>49</v>
      </c>
      <c r="H22" s="97">
        <v>43</v>
      </c>
      <c r="I22" s="97">
        <v>27</v>
      </c>
      <c r="J22" s="97">
        <v>16</v>
      </c>
      <c r="K22" s="97">
        <v>7</v>
      </c>
      <c r="L22" s="99">
        <v>142</v>
      </c>
      <c r="M22" s="100">
        <v>205</v>
      </c>
      <c r="N22" s="107">
        <v>0</v>
      </c>
      <c r="O22" s="102">
        <v>2</v>
      </c>
      <c r="P22" s="103">
        <v>2</v>
      </c>
      <c r="Q22" s="413">
        <v>0</v>
      </c>
      <c r="R22" s="102">
        <v>1</v>
      </c>
      <c r="S22" s="102">
        <v>0</v>
      </c>
      <c r="T22" s="102">
        <v>0</v>
      </c>
      <c r="U22" s="102">
        <v>0</v>
      </c>
      <c r="V22" s="102">
        <v>0</v>
      </c>
      <c r="W22" s="103">
        <v>1</v>
      </c>
      <c r="X22" s="104">
        <v>3</v>
      </c>
      <c r="Y22" s="101">
        <v>3</v>
      </c>
      <c r="Z22" s="102">
        <v>2</v>
      </c>
      <c r="AA22" s="103">
        <v>5</v>
      </c>
      <c r="AB22" s="413">
        <v>0</v>
      </c>
      <c r="AC22" s="102">
        <v>5</v>
      </c>
      <c r="AD22" s="102">
        <v>3</v>
      </c>
      <c r="AE22" s="102">
        <v>2</v>
      </c>
      <c r="AF22" s="102">
        <v>5</v>
      </c>
      <c r="AG22" s="102">
        <v>0</v>
      </c>
      <c r="AH22" s="103">
        <v>15</v>
      </c>
      <c r="AI22" s="104">
        <v>20</v>
      </c>
      <c r="AJ22" s="107">
        <v>4</v>
      </c>
      <c r="AK22" s="102">
        <v>4</v>
      </c>
      <c r="AL22" s="103">
        <v>8</v>
      </c>
      <c r="AM22" s="413">
        <v>0</v>
      </c>
      <c r="AN22" s="102">
        <v>7</v>
      </c>
      <c r="AO22" s="102">
        <v>6</v>
      </c>
      <c r="AP22" s="102">
        <v>5</v>
      </c>
      <c r="AQ22" s="102">
        <v>3</v>
      </c>
      <c r="AR22" s="102">
        <v>2</v>
      </c>
      <c r="AS22" s="103">
        <v>23</v>
      </c>
      <c r="AT22" s="104">
        <v>31</v>
      </c>
      <c r="AU22" s="101">
        <v>11</v>
      </c>
      <c r="AV22" s="102">
        <v>4</v>
      </c>
      <c r="AW22" s="103">
        <v>15</v>
      </c>
      <c r="AX22" s="413">
        <v>0</v>
      </c>
      <c r="AY22" s="102">
        <v>9</v>
      </c>
      <c r="AZ22" s="102">
        <v>13</v>
      </c>
      <c r="BA22" s="102">
        <v>5</v>
      </c>
      <c r="BB22" s="102">
        <v>3</v>
      </c>
      <c r="BC22" s="102">
        <v>1</v>
      </c>
      <c r="BD22" s="103">
        <v>31</v>
      </c>
      <c r="BE22" s="104">
        <v>46</v>
      </c>
      <c r="BF22" s="107">
        <v>12</v>
      </c>
      <c r="BG22" s="102">
        <v>3</v>
      </c>
      <c r="BH22" s="103">
        <v>15</v>
      </c>
      <c r="BI22" s="413">
        <v>0</v>
      </c>
      <c r="BJ22" s="102">
        <v>11</v>
      </c>
      <c r="BK22" s="102">
        <v>10</v>
      </c>
      <c r="BL22" s="102">
        <v>5</v>
      </c>
      <c r="BM22" s="102">
        <v>4</v>
      </c>
      <c r="BN22" s="102">
        <v>3</v>
      </c>
      <c r="BO22" s="103">
        <v>33</v>
      </c>
      <c r="BP22" s="104">
        <v>48</v>
      </c>
      <c r="BQ22" s="101">
        <v>12</v>
      </c>
      <c r="BR22" s="102">
        <v>6</v>
      </c>
      <c r="BS22" s="103">
        <v>18</v>
      </c>
      <c r="BT22" s="413">
        <v>0</v>
      </c>
      <c r="BU22" s="102">
        <v>16</v>
      </c>
      <c r="BV22" s="102">
        <v>11</v>
      </c>
      <c r="BW22" s="102">
        <v>10</v>
      </c>
      <c r="BX22" s="102">
        <v>1</v>
      </c>
      <c r="BY22" s="102">
        <v>1</v>
      </c>
      <c r="BZ22" s="103">
        <v>39</v>
      </c>
      <c r="CA22" s="104">
        <v>57</v>
      </c>
      <c r="CB22" s="101">
        <v>0</v>
      </c>
      <c r="CC22" s="102">
        <v>0</v>
      </c>
      <c r="CD22" s="103">
        <v>0</v>
      </c>
      <c r="CE22" s="413">
        <v>0</v>
      </c>
      <c r="CF22" s="102">
        <v>0</v>
      </c>
      <c r="CG22" s="102">
        <v>0</v>
      </c>
      <c r="CH22" s="102">
        <v>0</v>
      </c>
      <c r="CI22" s="102">
        <v>0</v>
      </c>
      <c r="CJ22" s="102">
        <v>0</v>
      </c>
      <c r="CK22" s="103">
        <v>0</v>
      </c>
      <c r="CL22" s="104">
        <v>0</v>
      </c>
      <c r="CM22" s="101">
        <v>42</v>
      </c>
      <c r="CN22" s="102">
        <v>21</v>
      </c>
      <c r="CO22" s="103">
        <v>63</v>
      </c>
      <c r="CP22" s="413">
        <v>0</v>
      </c>
      <c r="CQ22" s="102">
        <v>49</v>
      </c>
      <c r="CR22" s="102">
        <v>43</v>
      </c>
      <c r="CS22" s="102">
        <v>27</v>
      </c>
      <c r="CT22" s="102">
        <v>16</v>
      </c>
      <c r="CU22" s="102">
        <v>7</v>
      </c>
      <c r="CV22" s="103">
        <v>142</v>
      </c>
      <c r="CW22" s="104">
        <v>205</v>
      </c>
      <c r="CX22" s="105">
        <v>11</v>
      </c>
      <c r="CY22" s="97">
        <v>7</v>
      </c>
      <c r="CZ22" s="98">
        <v>18</v>
      </c>
      <c r="DA22" s="413">
        <v>0</v>
      </c>
      <c r="DB22" s="97">
        <v>20</v>
      </c>
      <c r="DC22" s="97">
        <v>8</v>
      </c>
      <c r="DD22" s="97">
        <v>9</v>
      </c>
      <c r="DE22" s="97">
        <v>4</v>
      </c>
      <c r="DF22" s="97">
        <v>4</v>
      </c>
      <c r="DG22" s="99">
        <v>45</v>
      </c>
      <c r="DH22" s="100">
        <v>63</v>
      </c>
      <c r="DI22" s="107">
        <v>2</v>
      </c>
      <c r="DJ22" s="102">
        <v>0</v>
      </c>
      <c r="DK22" s="103">
        <v>2</v>
      </c>
      <c r="DL22" s="413">
        <v>0</v>
      </c>
      <c r="DM22" s="102">
        <v>0</v>
      </c>
      <c r="DN22" s="102">
        <v>0</v>
      </c>
      <c r="DO22" s="102">
        <v>1</v>
      </c>
      <c r="DP22" s="102">
        <v>0</v>
      </c>
      <c r="DQ22" s="102">
        <v>0</v>
      </c>
      <c r="DR22" s="103">
        <v>1</v>
      </c>
      <c r="DS22" s="104">
        <v>3</v>
      </c>
      <c r="DT22" s="101">
        <v>0</v>
      </c>
      <c r="DU22" s="102">
        <v>0</v>
      </c>
      <c r="DV22" s="103">
        <v>0</v>
      </c>
      <c r="DW22" s="413">
        <v>0</v>
      </c>
      <c r="DX22" s="102">
        <v>1</v>
      </c>
      <c r="DY22" s="102">
        <v>1</v>
      </c>
      <c r="DZ22" s="102">
        <v>0</v>
      </c>
      <c r="EA22" s="102">
        <v>1</v>
      </c>
      <c r="EB22" s="102">
        <v>0</v>
      </c>
      <c r="EC22" s="103">
        <v>3</v>
      </c>
      <c r="ED22" s="104">
        <v>3</v>
      </c>
      <c r="EE22" s="107">
        <v>1</v>
      </c>
      <c r="EF22" s="102">
        <v>3</v>
      </c>
      <c r="EG22" s="103">
        <v>4</v>
      </c>
      <c r="EH22" s="413">
        <v>0</v>
      </c>
      <c r="EI22" s="102">
        <v>1</v>
      </c>
      <c r="EJ22" s="102">
        <v>1</v>
      </c>
      <c r="EK22" s="102">
        <v>2</v>
      </c>
      <c r="EL22" s="102">
        <v>2</v>
      </c>
      <c r="EM22" s="102">
        <v>0</v>
      </c>
      <c r="EN22" s="103">
        <v>6</v>
      </c>
      <c r="EO22" s="104">
        <v>10</v>
      </c>
      <c r="EP22" s="101">
        <v>5</v>
      </c>
      <c r="EQ22" s="102">
        <v>1</v>
      </c>
      <c r="ER22" s="103">
        <v>6</v>
      </c>
      <c r="ES22" s="413">
        <v>0</v>
      </c>
      <c r="ET22" s="102">
        <v>3</v>
      </c>
      <c r="EU22" s="102">
        <v>1</v>
      </c>
      <c r="EV22" s="102">
        <v>2</v>
      </c>
      <c r="EW22" s="102">
        <v>0</v>
      </c>
      <c r="EX22" s="102">
        <v>1</v>
      </c>
      <c r="EY22" s="103">
        <v>7</v>
      </c>
      <c r="EZ22" s="104">
        <v>13</v>
      </c>
      <c r="FA22" s="107">
        <v>1</v>
      </c>
      <c r="FB22" s="102">
        <v>2</v>
      </c>
      <c r="FC22" s="103">
        <v>3</v>
      </c>
      <c r="FD22" s="413">
        <v>0</v>
      </c>
      <c r="FE22" s="102">
        <v>8</v>
      </c>
      <c r="FF22" s="102">
        <v>1</v>
      </c>
      <c r="FG22" s="102">
        <v>0</v>
      </c>
      <c r="FH22" s="102">
        <v>0</v>
      </c>
      <c r="FI22" s="102">
        <v>1</v>
      </c>
      <c r="FJ22" s="103">
        <v>10</v>
      </c>
      <c r="FK22" s="104">
        <v>13</v>
      </c>
      <c r="FL22" s="101">
        <v>2</v>
      </c>
      <c r="FM22" s="102">
        <v>1</v>
      </c>
      <c r="FN22" s="103">
        <v>3</v>
      </c>
      <c r="FO22" s="413">
        <v>0</v>
      </c>
      <c r="FP22" s="102">
        <v>7</v>
      </c>
      <c r="FQ22" s="102">
        <v>4</v>
      </c>
      <c r="FR22" s="102">
        <v>4</v>
      </c>
      <c r="FS22" s="102">
        <v>1</v>
      </c>
      <c r="FT22" s="102">
        <v>2</v>
      </c>
      <c r="FU22" s="103">
        <v>18</v>
      </c>
      <c r="FV22" s="104">
        <v>21</v>
      </c>
      <c r="FW22" s="101">
        <v>0</v>
      </c>
      <c r="FX22" s="102">
        <v>0</v>
      </c>
      <c r="FY22" s="103">
        <v>0</v>
      </c>
      <c r="FZ22" s="413">
        <v>0</v>
      </c>
      <c r="GA22" s="102">
        <v>0</v>
      </c>
      <c r="GB22" s="102">
        <v>0</v>
      </c>
      <c r="GC22" s="102">
        <v>0</v>
      </c>
      <c r="GD22" s="102">
        <v>0</v>
      </c>
      <c r="GE22" s="102">
        <v>0</v>
      </c>
      <c r="GF22" s="103">
        <v>0</v>
      </c>
      <c r="GG22" s="104">
        <v>0</v>
      </c>
      <c r="GH22" s="101">
        <v>11</v>
      </c>
      <c r="GI22" s="102">
        <v>7</v>
      </c>
      <c r="GJ22" s="103">
        <v>18</v>
      </c>
      <c r="GK22" s="413">
        <v>0</v>
      </c>
      <c r="GL22" s="102">
        <v>20</v>
      </c>
      <c r="GM22" s="102">
        <v>8</v>
      </c>
      <c r="GN22" s="102">
        <v>9</v>
      </c>
      <c r="GO22" s="102">
        <v>4</v>
      </c>
      <c r="GP22" s="102">
        <v>4</v>
      </c>
      <c r="GQ22" s="103">
        <v>45</v>
      </c>
      <c r="GR22" s="104">
        <v>63</v>
      </c>
      <c r="GS22" s="105">
        <v>53</v>
      </c>
      <c r="GT22" s="97">
        <v>28</v>
      </c>
      <c r="GU22" s="98">
        <v>81</v>
      </c>
      <c r="GV22" s="413">
        <v>0</v>
      </c>
      <c r="GW22" s="97">
        <v>69</v>
      </c>
      <c r="GX22" s="97">
        <v>51</v>
      </c>
      <c r="GY22" s="97">
        <v>36</v>
      </c>
      <c r="GZ22" s="97">
        <v>20</v>
      </c>
      <c r="HA22" s="97">
        <v>11</v>
      </c>
      <c r="HB22" s="99">
        <v>187</v>
      </c>
      <c r="HC22" s="100">
        <v>268</v>
      </c>
      <c r="HD22" s="107">
        <v>2</v>
      </c>
      <c r="HE22" s="102">
        <v>2</v>
      </c>
      <c r="HF22" s="103">
        <v>4</v>
      </c>
      <c r="HG22" s="413">
        <v>0</v>
      </c>
      <c r="HH22" s="102">
        <v>1</v>
      </c>
      <c r="HI22" s="102">
        <v>0</v>
      </c>
      <c r="HJ22" s="102">
        <v>1</v>
      </c>
      <c r="HK22" s="102">
        <v>0</v>
      </c>
      <c r="HL22" s="102">
        <v>0</v>
      </c>
      <c r="HM22" s="103">
        <v>2</v>
      </c>
      <c r="HN22" s="104">
        <v>6</v>
      </c>
      <c r="HO22" s="101">
        <v>3</v>
      </c>
      <c r="HP22" s="102">
        <v>2</v>
      </c>
      <c r="HQ22" s="103">
        <v>5</v>
      </c>
      <c r="HR22" s="413">
        <v>0</v>
      </c>
      <c r="HS22" s="102">
        <v>6</v>
      </c>
      <c r="HT22" s="102">
        <v>4</v>
      </c>
      <c r="HU22" s="102">
        <v>2</v>
      </c>
      <c r="HV22" s="102">
        <v>6</v>
      </c>
      <c r="HW22" s="102">
        <v>0</v>
      </c>
      <c r="HX22" s="103">
        <v>18</v>
      </c>
      <c r="HY22" s="104">
        <v>23</v>
      </c>
      <c r="HZ22" s="107">
        <v>5</v>
      </c>
      <c r="IA22" s="102">
        <v>7</v>
      </c>
      <c r="IB22" s="103">
        <v>12</v>
      </c>
      <c r="IC22" s="413">
        <v>0</v>
      </c>
      <c r="ID22" s="102">
        <v>8</v>
      </c>
      <c r="IE22" s="102">
        <v>7</v>
      </c>
      <c r="IF22" s="102">
        <v>7</v>
      </c>
      <c r="IG22" s="102">
        <v>5</v>
      </c>
      <c r="IH22" s="102">
        <v>2</v>
      </c>
      <c r="II22" s="103">
        <v>29</v>
      </c>
      <c r="IJ22" s="104">
        <v>41</v>
      </c>
      <c r="IK22" s="101">
        <v>16</v>
      </c>
      <c r="IL22" s="102">
        <v>5</v>
      </c>
      <c r="IM22" s="103">
        <v>21</v>
      </c>
      <c r="IN22" s="413">
        <v>0</v>
      </c>
      <c r="IO22" s="102">
        <v>12</v>
      </c>
      <c r="IP22" s="102">
        <v>14</v>
      </c>
      <c r="IQ22" s="102">
        <v>7</v>
      </c>
      <c r="IR22" s="102">
        <v>3</v>
      </c>
      <c r="IS22" s="102">
        <v>2</v>
      </c>
      <c r="IT22" s="103">
        <v>38</v>
      </c>
      <c r="IU22" s="104">
        <v>59</v>
      </c>
      <c r="IV22" s="107">
        <v>13</v>
      </c>
      <c r="IW22" s="102">
        <v>5</v>
      </c>
      <c r="IX22" s="103">
        <v>18</v>
      </c>
      <c r="IY22" s="413">
        <v>0</v>
      </c>
      <c r="IZ22" s="102">
        <v>19</v>
      </c>
      <c r="JA22" s="102">
        <v>11</v>
      </c>
      <c r="JB22" s="102">
        <v>5</v>
      </c>
      <c r="JC22" s="102">
        <v>4</v>
      </c>
      <c r="JD22" s="102">
        <v>4</v>
      </c>
      <c r="JE22" s="103">
        <v>43</v>
      </c>
      <c r="JF22" s="104">
        <v>61</v>
      </c>
      <c r="JG22" s="101">
        <v>14</v>
      </c>
      <c r="JH22" s="102">
        <v>7</v>
      </c>
      <c r="JI22" s="103">
        <v>21</v>
      </c>
      <c r="JJ22" s="413">
        <v>0</v>
      </c>
      <c r="JK22" s="102">
        <v>23</v>
      </c>
      <c r="JL22" s="102">
        <v>15</v>
      </c>
      <c r="JM22" s="102">
        <v>14</v>
      </c>
      <c r="JN22" s="102">
        <v>2</v>
      </c>
      <c r="JO22" s="102">
        <v>3</v>
      </c>
      <c r="JP22" s="103">
        <v>57</v>
      </c>
      <c r="JQ22" s="104">
        <v>78</v>
      </c>
      <c r="JR22" s="101">
        <v>0</v>
      </c>
      <c r="JS22" s="102">
        <v>0</v>
      </c>
      <c r="JT22" s="103">
        <v>0</v>
      </c>
      <c r="JU22" s="413">
        <v>0</v>
      </c>
      <c r="JV22" s="102">
        <v>0</v>
      </c>
      <c r="JW22" s="102">
        <v>0</v>
      </c>
      <c r="JX22" s="102">
        <v>0</v>
      </c>
      <c r="JY22" s="102">
        <v>0</v>
      </c>
      <c r="JZ22" s="102">
        <v>0</v>
      </c>
      <c r="KA22" s="103">
        <v>0</v>
      </c>
      <c r="KB22" s="104">
        <v>0</v>
      </c>
      <c r="KC22" s="101">
        <v>53</v>
      </c>
      <c r="KD22" s="102">
        <v>28</v>
      </c>
      <c r="KE22" s="103">
        <v>81</v>
      </c>
      <c r="KF22" s="413">
        <v>0</v>
      </c>
      <c r="KG22" s="102">
        <v>69</v>
      </c>
      <c r="KH22" s="102">
        <v>51</v>
      </c>
      <c r="KI22" s="102">
        <v>36</v>
      </c>
      <c r="KJ22" s="102">
        <v>20</v>
      </c>
      <c r="KK22" s="102">
        <v>11</v>
      </c>
      <c r="KL22" s="103">
        <v>187</v>
      </c>
      <c r="KM22" s="104">
        <v>268</v>
      </c>
    </row>
    <row r="23" spans="2:299" s="70" customFormat="1" ht="21" customHeight="1" x14ac:dyDescent="0.2">
      <c r="B23" s="106" t="s">
        <v>20</v>
      </c>
      <c r="C23" s="96">
        <v>34</v>
      </c>
      <c r="D23" s="97">
        <v>50</v>
      </c>
      <c r="E23" s="98">
        <v>84</v>
      </c>
      <c r="F23" s="413">
        <v>0</v>
      </c>
      <c r="G23" s="97">
        <v>78</v>
      </c>
      <c r="H23" s="97">
        <v>55</v>
      </c>
      <c r="I23" s="97">
        <v>29</v>
      </c>
      <c r="J23" s="97">
        <v>27</v>
      </c>
      <c r="K23" s="97">
        <v>19</v>
      </c>
      <c r="L23" s="99">
        <v>208</v>
      </c>
      <c r="M23" s="100">
        <v>292</v>
      </c>
      <c r="N23" s="101">
        <v>0</v>
      </c>
      <c r="O23" s="102">
        <v>1</v>
      </c>
      <c r="P23" s="103">
        <v>1</v>
      </c>
      <c r="Q23" s="413">
        <v>0</v>
      </c>
      <c r="R23" s="102">
        <v>1</v>
      </c>
      <c r="S23" s="102">
        <v>0</v>
      </c>
      <c r="T23" s="102">
        <v>0</v>
      </c>
      <c r="U23" s="102">
        <v>0</v>
      </c>
      <c r="V23" s="102">
        <v>1</v>
      </c>
      <c r="W23" s="103">
        <v>2</v>
      </c>
      <c r="X23" s="104">
        <v>3</v>
      </c>
      <c r="Y23" s="101">
        <v>5</v>
      </c>
      <c r="Z23" s="102">
        <v>5</v>
      </c>
      <c r="AA23" s="103">
        <v>10</v>
      </c>
      <c r="AB23" s="413">
        <v>0</v>
      </c>
      <c r="AC23" s="102">
        <v>9</v>
      </c>
      <c r="AD23" s="102">
        <v>8</v>
      </c>
      <c r="AE23" s="102">
        <v>3</v>
      </c>
      <c r="AF23" s="102">
        <v>2</v>
      </c>
      <c r="AG23" s="102">
        <v>1</v>
      </c>
      <c r="AH23" s="103">
        <v>23</v>
      </c>
      <c r="AI23" s="104">
        <v>33</v>
      </c>
      <c r="AJ23" s="101">
        <v>4</v>
      </c>
      <c r="AK23" s="102">
        <v>7</v>
      </c>
      <c r="AL23" s="103">
        <v>11</v>
      </c>
      <c r="AM23" s="413">
        <v>0</v>
      </c>
      <c r="AN23" s="102">
        <v>9</v>
      </c>
      <c r="AO23" s="102">
        <v>5</v>
      </c>
      <c r="AP23" s="102">
        <v>4</v>
      </c>
      <c r="AQ23" s="102">
        <v>3</v>
      </c>
      <c r="AR23" s="102">
        <v>4</v>
      </c>
      <c r="AS23" s="103">
        <v>25</v>
      </c>
      <c r="AT23" s="104">
        <v>36</v>
      </c>
      <c r="AU23" s="101">
        <v>11</v>
      </c>
      <c r="AV23" s="102">
        <v>8</v>
      </c>
      <c r="AW23" s="103">
        <v>19</v>
      </c>
      <c r="AX23" s="413">
        <v>0</v>
      </c>
      <c r="AY23" s="102">
        <v>25</v>
      </c>
      <c r="AZ23" s="102">
        <v>8</v>
      </c>
      <c r="BA23" s="102">
        <v>11</v>
      </c>
      <c r="BB23" s="102">
        <v>10</v>
      </c>
      <c r="BC23" s="102">
        <v>5</v>
      </c>
      <c r="BD23" s="103">
        <v>59</v>
      </c>
      <c r="BE23" s="104">
        <v>78</v>
      </c>
      <c r="BF23" s="101">
        <v>9</v>
      </c>
      <c r="BG23" s="102">
        <v>17</v>
      </c>
      <c r="BH23" s="103">
        <v>26</v>
      </c>
      <c r="BI23" s="413">
        <v>0</v>
      </c>
      <c r="BJ23" s="102">
        <v>22</v>
      </c>
      <c r="BK23" s="102">
        <v>20</v>
      </c>
      <c r="BL23" s="102">
        <v>7</v>
      </c>
      <c r="BM23" s="102">
        <v>8</v>
      </c>
      <c r="BN23" s="102">
        <v>4</v>
      </c>
      <c r="BO23" s="103">
        <v>61</v>
      </c>
      <c r="BP23" s="104">
        <v>87</v>
      </c>
      <c r="BQ23" s="101">
        <v>5</v>
      </c>
      <c r="BR23" s="102">
        <v>12</v>
      </c>
      <c r="BS23" s="103">
        <v>17</v>
      </c>
      <c r="BT23" s="413">
        <v>0</v>
      </c>
      <c r="BU23" s="102">
        <v>12</v>
      </c>
      <c r="BV23" s="102">
        <v>14</v>
      </c>
      <c r="BW23" s="102">
        <v>4</v>
      </c>
      <c r="BX23" s="102">
        <v>4</v>
      </c>
      <c r="BY23" s="102">
        <v>4</v>
      </c>
      <c r="BZ23" s="103">
        <v>38</v>
      </c>
      <c r="CA23" s="104">
        <v>55</v>
      </c>
      <c r="CB23" s="101">
        <v>0</v>
      </c>
      <c r="CC23" s="102">
        <v>0</v>
      </c>
      <c r="CD23" s="103">
        <v>0</v>
      </c>
      <c r="CE23" s="413">
        <v>0</v>
      </c>
      <c r="CF23" s="102">
        <v>0</v>
      </c>
      <c r="CG23" s="102">
        <v>0</v>
      </c>
      <c r="CH23" s="102">
        <v>0</v>
      </c>
      <c r="CI23" s="102">
        <v>0</v>
      </c>
      <c r="CJ23" s="102">
        <v>0</v>
      </c>
      <c r="CK23" s="103">
        <v>0</v>
      </c>
      <c r="CL23" s="104">
        <v>0</v>
      </c>
      <c r="CM23" s="101">
        <v>34</v>
      </c>
      <c r="CN23" s="102">
        <v>50</v>
      </c>
      <c r="CO23" s="103">
        <v>84</v>
      </c>
      <c r="CP23" s="413">
        <v>0</v>
      </c>
      <c r="CQ23" s="102">
        <v>78</v>
      </c>
      <c r="CR23" s="102">
        <v>55</v>
      </c>
      <c r="CS23" s="102">
        <v>29</v>
      </c>
      <c r="CT23" s="102">
        <v>27</v>
      </c>
      <c r="CU23" s="102">
        <v>19</v>
      </c>
      <c r="CV23" s="103">
        <v>208</v>
      </c>
      <c r="CW23" s="104">
        <v>292</v>
      </c>
      <c r="CX23" s="105">
        <v>15</v>
      </c>
      <c r="CY23" s="97">
        <v>15</v>
      </c>
      <c r="CZ23" s="98">
        <v>30</v>
      </c>
      <c r="DA23" s="413">
        <v>0</v>
      </c>
      <c r="DB23" s="97">
        <v>22</v>
      </c>
      <c r="DC23" s="97">
        <v>25</v>
      </c>
      <c r="DD23" s="97">
        <v>12</v>
      </c>
      <c r="DE23" s="97">
        <v>8</v>
      </c>
      <c r="DF23" s="97">
        <v>7</v>
      </c>
      <c r="DG23" s="99">
        <v>74</v>
      </c>
      <c r="DH23" s="100">
        <v>104</v>
      </c>
      <c r="DI23" s="101">
        <v>1</v>
      </c>
      <c r="DJ23" s="102">
        <v>0</v>
      </c>
      <c r="DK23" s="103">
        <v>1</v>
      </c>
      <c r="DL23" s="413">
        <v>0</v>
      </c>
      <c r="DM23" s="102">
        <v>0</v>
      </c>
      <c r="DN23" s="102">
        <v>1</v>
      </c>
      <c r="DO23" s="102">
        <v>0</v>
      </c>
      <c r="DP23" s="102">
        <v>0</v>
      </c>
      <c r="DQ23" s="102">
        <v>1</v>
      </c>
      <c r="DR23" s="103">
        <v>2</v>
      </c>
      <c r="DS23" s="104">
        <v>3</v>
      </c>
      <c r="DT23" s="101">
        <v>2</v>
      </c>
      <c r="DU23" s="102">
        <v>1</v>
      </c>
      <c r="DV23" s="103">
        <v>3</v>
      </c>
      <c r="DW23" s="413">
        <v>0</v>
      </c>
      <c r="DX23" s="102">
        <v>0</v>
      </c>
      <c r="DY23" s="102">
        <v>1</v>
      </c>
      <c r="DZ23" s="102">
        <v>1</v>
      </c>
      <c r="EA23" s="102">
        <v>0</v>
      </c>
      <c r="EB23" s="102">
        <v>0</v>
      </c>
      <c r="EC23" s="103">
        <v>2</v>
      </c>
      <c r="ED23" s="104">
        <v>5</v>
      </c>
      <c r="EE23" s="101">
        <v>2</v>
      </c>
      <c r="EF23" s="102">
        <v>1</v>
      </c>
      <c r="EG23" s="103">
        <v>3</v>
      </c>
      <c r="EH23" s="413">
        <v>0</v>
      </c>
      <c r="EI23" s="102">
        <v>2</v>
      </c>
      <c r="EJ23" s="102">
        <v>2</v>
      </c>
      <c r="EK23" s="102">
        <v>3</v>
      </c>
      <c r="EL23" s="102">
        <v>1</v>
      </c>
      <c r="EM23" s="102">
        <v>0</v>
      </c>
      <c r="EN23" s="103">
        <v>8</v>
      </c>
      <c r="EO23" s="104">
        <v>11</v>
      </c>
      <c r="EP23" s="101">
        <v>3</v>
      </c>
      <c r="EQ23" s="102">
        <v>6</v>
      </c>
      <c r="ER23" s="103">
        <v>9</v>
      </c>
      <c r="ES23" s="413">
        <v>0</v>
      </c>
      <c r="ET23" s="102">
        <v>4</v>
      </c>
      <c r="EU23" s="102">
        <v>7</v>
      </c>
      <c r="EV23" s="102">
        <v>0</v>
      </c>
      <c r="EW23" s="102">
        <v>2</v>
      </c>
      <c r="EX23" s="102">
        <v>1</v>
      </c>
      <c r="EY23" s="103">
        <v>14</v>
      </c>
      <c r="EZ23" s="104">
        <v>23</v>
      </c>
      <c r="FA23" s="101">
        <v>4</v>
      </c>
      <c r="FB23" s="102">
        <v>2</v>
      </c>
      <c r="FC23" s="103">
        <v>6</v>
      </c>
      <c r="FD23" s="413">
        <v>0</v>
      </c>
      <c r="FE23" s="102">
        <v>8</v>
      </c>
      <c r="FF23" s="102">
        <v>6</v>
      </c>
      <c r="FG23" s="102">
        <v>3</v>
      </c>
      <c r="FH23" s="102">
        <v>1</v>
      </c>
      <c r="FI23" s="102">
        <v>2</v>
      </c>
      <c r="FJ23" s="103">
        <v>20</v>
      </c>
      <c r="FK23" s="104">
        <v>26</v>
      </c>
      <c r="FL23" s="101">
        <v>3</v>
      </c>
      <c r="FM23" s="102">
        <v>5</v>
      </c>
      <c r="FN23" s="103">
        <v>8</v>
      </c>
      <c r="FO23" s="413">
        <v>0</v>
      </c>
      <c r="FP23" s="102">
        <v>8</v>
      </c>
      <c r="FQ23" s="102">
        <v>8</v>
      </c>
      <c r="FR23" s="102">
        <v>5</v>
      </c>
      <c r="FS23" s="102">
        <v>4</v>
      </c>
      <c r="FT23" s="102">
        <v>3</v>
      </c>
      <c r="FU23" s="103">
        <v>28</v>
      </c>
      <c r="FV23" s="104">
        <v>36</v>
      </c>
      <c r="FW23" s="101">
        <v>0</v>
      </c>
      <c r="FX23" s="102">
        <v>0</v>
      </c>
      <c r="FY23" s="103">
        <v>0</v>
      </c>
      <c r="FZ23" s="413">
        <v>0</v>
      </c>
      <c r="GA23" s="102">
        <v>0</v>
      </c>
      <c r="GB23" s="102">
        <v>0</v>
      </c>
      <c r="GC23" s="102">
        <v>0</v>
      </c>
      <c r="GD23" s="102">
        <v>0</v>
      </c>
      <c r="GE23" s="102">
        <v>0</v>
      </c>
      <c r="GF23" s="103">
        <v>0</v>
      </c>
      <c r="GG23" s="104">
        <v>0</v>
      </c>
      <c r="GH23" s="101">
        <v>15</v>
      </c>
      <c r="GI23" s="102">
        <v>15</v>
      </c>
      <c r="GJ23" s="103">
        <v>30</v>
      </c>
      <c r="GK23" s="413">
        <v>0</v>
      </c>
      <c r="GL23" s="102">
        <v>22</v>
      </c>
      <c r="GM23" s="102">
        <v>25</v>
      </c>
      <c r="GN23" s="102">
        <v>12</v>
      </c>
      <c r="GO23" s="102">
        <v>8</v>
      </c>
      <c r="GP23" s="102">
        <v>7</v>
      </c>
      <c r="GQ23" s="103">
        <v>74</v>
      </c>
      <c r="GR23" s="104">
        <v>104</v>
      </c>
      <c r="GS23" s="105">
        <v>49</v>
      </c>
      <c r="GT23" s="97">
        <v>65</v>
      </c>
      <c r="GU23" s="98">
        <v>114</v>
      </c>
      <c r="GV23" s="413">
        <v>0</v>
      </c>
      <c r="GW23" s="97">
        <v>100</v>
      </c>
      <c r="GX23" s="97">
        <v>80</v>
      </c>
      <c r="GY23" s="97">
        <v>41</v>
      </c>
      <c r="GZ23" s="97">
        <v>35</v>
      </c>
      <c r="HA23" s="97">
        <v>26</v>
      </c>
      <c r="HB23" s="99">
        <v>282</v>
      </c>
      <c r="HC23" s="100">
        <v>396</v>
      </c>
      <c r="HD23" s="101">
        <v>1</v>
      </c>
      <c r="HE23" s="102">
        <v>1</v>
      </c>
      <c r="HF23" s="103">
        <v>2</v>
      </c>
      <c r="HG23" s="413">
        <v>0</v>
      </c>
      <c r="HH23" s="102">
        <v>1</v>
      </c>
      <c r="HI23" s="102">
        <v>1</v>
      </c>
      <c r="HJ23" s="102">
        <v>0</v>
      </c>
      <c r="HK23" s="102">
        <v>0</v>
      </c>
      <c r="HL23" s="102">
        <v>2</v>
      </c>
      <c r="HM23" s="103">
        <v>4</v>
      </c>
      <c r="HN23" s="104">
        <v>6</v>
      </c>
      <c r="HO23" s="101">
        <v>7</v>
      </c>
      <c r="HP23" s="102">
        <v>6</v>
      </c>
      <c r="HQ23" s="103">
        <v>13</v>
      </c>
      <c r="HR23" s="413">
        <v>0</v>
      </c>
      <c r="HS23" s="102">
        <v>9</v>
      </c>
      <c r="HT23" s="102">
        <v>9</v>
      </c>
      <c r="HU23" s="102">
        <v>4</v>
      </c>
      <c r="HV23" s="102">
        <v>2</v>
      </c>
      <c r="HW23" s="102">
        <v>1</v>
      </c>
      <c r="HX23" s="103">
        <v>25</v>
      </c>
      <c r="HY23" s="104">
        <v>38</v>
      </c>
      <c r="HZ23" s="101">
        <v>6</v>
      </c>
      <c r="IA23" s="102">
        <v>8</v>
      </c>
      <c r="IB23" s="103">
        <v>14</v>
      </c>
      <c r="IC23" s="413">
        <v>0</v>
      </c>
      <c r="ID23" s="102">
        <v>11</v>
      </c>
      <c r="IE23" s="102">
        <v>7</v>
      </c>
      <c r="IF23" s="102">
        <v>7</v>
      </c>
      <c r="IG23" s="102">
        <v>4</v>
      </c>
      <c r="IH23" s="102">
        <v>4</v>
      </c>
      <c r="II23" s="103">
        <v>33</v>
      </c>
      <c r="IJ23" s="104">
        <v>47</v>
      </c>
      <c r="IK23" s="101">
        <v>14</v>
      </c>
      <c r="IL23" s="102">
        <v>14</v>
      </c>
      <c r="IM23" s="103">
        <v>28</v>
      </c>
      <c r="IN23" s="413">
        <v>0</v>
      </c>
      <c r="IO23" s="102">
        <v>29</v>
      </c>
      <c r="IP23" s="102">
        <v>15</v>
      </c>
      <c r="IQ23" s="102">
        <v>11</v>
      </c>
      <c r="IR23" s="102">
        <v>12</v>
      </c>
      <c r="IS23" s="102">
        <v>6</v>
      </c>
      <c r="IT23" s="103">
        <v>73</v>
      </c>
      <c r="IU23" s="104">
        <v>101</v>
      </c>
      <c r="IV23" s="101">
        <v>13</v>
      </c>
      <c r="IW23" s="102">
        <v>19</v>
      </c>
      <c r="IX23" s="103">
        <v>32</v>
      </c>
      <c r="IY23" s="413">
        <v>0</v>
      </c>
      <c r="IZ23" s="102">
        <v>30</v>
      </c>
      <c r="JA23" s="102">
        <v>26</v>
      </c>
      <c r="JB23" s="102">
        <v>10</v>
      </c>
      <c r="JC23" s="102">
        <v>9</v>
      </c>
      <c r="JD23" s="102">
        <v>6</v>
      </c>
      <c r="JE23" s="103">
        <v>81</v>
      </c>
      <c r="JF23" s="104">
        <v>113</v>
      </c>
      <c r="JG23" s="101">
        <v>8</v>
      </c>
      <c r="JH23" s="102">
        <v>17</v>
      </c>
      <c r="JI23" s="103">
        <v>25</v>
      </c>
      <c r="JJ23" s="413">
        <v>0</v>
      </c>
      <c r="JK23" s="102">
        <v>20</v>
      </c>
      <c r="JL23" s="102">
        <v>22</v>
      </c>
      <c r="JM23" s="102">
        <v>9</v>
      </c>
      <c r="JN23" s="102">
        <v>8</v>
      </c>
      <c r="JO23" s="102">
        <v>7</v>
      </c>
      <c r="JP23" s="103">
        <v>66</v>
      </c>
      <c r="JQ23" s="104">
        <v>91</v>
      </c>
      <c r="JR23" s="101">
        <v>0</v>
      </c>
      <c r="JS23" s="102">
        <v>0</v>
      </c>
      <c r="JT23" s="103">
        <v>0</v>
      </c>
      <c r="JU23" s="413">
        <v>0</v>
      </c>
      <c r="JV23" s="102">
        <v>0</v>
      </c>
      <c r="JW23" s="102">
        <v>0</v>
      </c>
      <c r="JX23" s="102">
        <v>0</v>
      </c>
      <c r="JY23" s="102">
        <v>0</v>
      </c>
      <c r="JZ23" s="102">
        <v>0</v>
      </c>
      <c r="KA23" s="103">
        <v>0</v>
      </c>
      <c r="KB23" s="104">
        <v>0</v>
      </c>
      <c r="KC23" s="101">
        <v>49</v>
      </c>
      <c r="KD23" s="102">
        <v>65</v>
      </c>
      <c r="KE23" s="103">
        <v>114</v>
      </c>
      <c r="KF23" s="413">
        <v>0</v>
      </c>
      <c r="KG23" s="102">
        <v>100</v>
      </c>
      <c r="KH23" s="102">
        <v>80</v>
      </c>
      <c r="KI23" s="102">
        <v>41</v>
      </c>
      <c r="KJ23" s="102">
        <v>35</v>
      </c>
      <c r="KK23" s="102">
        <v>26</v>
      </c>
      <c r="KL23" s="103">
        <v>282</v>
      </c>
      <c r="KM23" s="104">
        <v>396</v>
      </c>
    </row>
    <row r="24" spans="2:299" s="70" customFormat="1" ht="21" customHeight="1" x14ac:dyDescent="0.2">
      <c r="B24" s="106" t="s">
        <v>21</v>
      </c>
      <c r="C24" s="96">
        <v>34</v>
      </c>
      <c r="D24" s="97">
        <v>23</v>
      </c>
      <c r="E24" s="98">
        <v>57</v>
      </c>
      <c r="F24" s="413">
        <v>0</v>
      </c>
      <c r="G24" s="97">
        <v>53</v>
      </c>
      <c r="H24" s="97">
        <v>36</v>
      </c>
      <c r="I24" s="97">
        <v>23</v>
      </c>
      <c r="J24" s="97">
        <v>23</v>
      </c>
      <c r="K24" s="97">
        <v>15</v>
      </c>
      <c r="L24" s="99">
        <v>150</v>
      </c>
      <c r="M24" s="100">
        <v>207</v>
      </c>
      <c r="N24" s="101">
        <v>2</v>
      </c>
      <c r="O24" s="102">
        <v>1</v>
      </c>
      <c r="P24" s="103">
        <v>3</v>
      </c>
      <c r="Q24" s="413">
        <v>0</v>
      </c>
      <c r="R24" s="102">
        <v>2</v>
      </c>
      <c r="S24" s="102">
        <v>1</v>
      </c>
      <c r="T24" s="102">
        <v>2</v>
      </c>
      <c r="U24" s="102">
        <v>0</v>
      </c>
      <c r="V24" s="102">
        <v>2</v>
      </c>
      <c r="W24" s="103">
        <v>7</v>
      </c>
      <c r="X24" s="104">
        <v>10</v>
      </c>
      <c r="Y24" s="101">
        <v>1</v>
      </c>
      <c r="Z24" s="102">
        <v>4</v>
      </c>
      <c r="AA24" s="103">
        <v>5</v>
      </c>
      <c r="AB24" s="413">
        <v>0</v>
      </c>
      <c r="AC24" s="102">
        <v>6</v>
      </c>
      <c r="AD24" s="102">
        <v>6</v>
      </c>
      <c r="AE24" s="102">
        <v>0</v>
      </c>
      <c r="AF24" s="102">
        <v>1</v>
      </c>
      <c r="AG24" s="102">
        <v>1</v>
      </c>
      <c r="AH24" s="103">
        <v>14</v>
      </c>
      <c r="AI24" s="104">
        <v>19</v>
      </c>
      <c r="AJ24" s="101">
        <v>6</v>
      </c>
      <c r="AK24" s="102">
        <v>2</v>
      </c>
      <c r="AL24" s="103">
        <v>8</v>
      </c>
      <c r="AM24" s="413">
        <v>0</v>
      </c>
      <c r="AN24" s="102">
        <v>10</v>
      </c>
      <c r="AO24" s="102">
        <v>3</v>
      </c>
      <c r="AP24" s="102">
        <v>7</v>
      </c>
      <c r="AQ24" s="102">
        <v>4</v>
      </c>
      <c r="AR24" s="102">
        <v>2</v>
      </c>
      <c r="AS24" s="103">
        <v>26</v>
      </c>
      <c r="AT24" s="104">
        <v>34</v>
      </c>
      <c r="AU24" s="101">
        <v>8</v>
      </c>
      <c r="AV24" s="102">
        <v>7</v>
      </c>
      <c r="AW24" s="103">
        <v>15</v>
      </c>
      <c r="AX24" s="413">
        <v>0</v>
      </c>
      <c r="AY24" s="102">
        <v>12</v>
      </c>
      <c r="AZ24" s="102">
        <v>8</v>
      </c>
      <c r="BA24" s="102">
        <v>2</v>
      </c>
      <c r="BB24" s="102">
        <v>5</v>
      </c>
      <c r="BC24" s="102">
        <v>6</v>
      </c>
      <c r="BD24" s="103">
        <v>33</v>
      </c>
      <c r="BE24" s="104">
        <v>48</v>
      </c>
      <c r="BF24" s="101">
        <v>12</v>
      </c>
      <c r="BG24" s="102">
        <v>4</v>
      </c>
      <c r="BH24" s="103">
        <v>16</v>
      </c>
      <c r="BI24" s="413">
        <v>0</v>
      </c>
      <c r="BJ24" s="102">
        <v>14</v>
      </c>
      <c r="BK24" s="102">
        <v>11</v>
      </c>
      <c r="BL24" s="102">
        <v>4</v>
      </c>
      <c r="BM24" s="102">
        <v>9</v>
      </c>
      <c r="BN24" s="102">
        <v>4</v>
      </c>
      <c r="BO24" s="103">
        <v>42</v>
      </c>
      <c r="BP24" s="104">
        <v>58</v>
      </c>
      <c r="BQ24" s="101">
        <v>5</v>
      </c>
      <c r="BR24" s="102">
        <v>5</v>
      </c>
      <c r="BS24" s="103">
        <v>10</v>
      </c>
      <c r="BT24" s="413">
        <v>0</v>
      </c>
      <c r="BU24" s="102">
        <v>9</v>
      </c>
      <c r="BV24" s="102">
        <v>7</v>
      </c>
      <c r="BW24" s="102">
        <v>8</v>
      </c>
      <c r="BX24" s="102">
        <v>4</v>
      </c>
      <c r="BY24" s="102">
        <v>0</v>
      </c>
      <c r="BZ24" s="103">
        <v>28</v>
      </c>
      <c r="CA24" s="104">
        <v>38</v>
      </c>
      <c r="CB24" s="101">
        <v>0</v>
      </c>
      <c r="CC24" s="102">
        <v>0</v>
      </c>
      <c r="CD24" s="103">
        <v>0</v>
      </c>
      <c r="CE24" s="413">
        <v>0</v>
      </c>
      <c r="CF24" s="102">
        <v>0</v>
      </c>
      <c r="CG24" s="102">
        <v>0</v>
      </c>
      <c r="CH24" s="102">
        <v>0</v>
      </c>
      <c r="CI24" s="102">
        <v>0</v>
      </c>
      <c r="CJ24" s="102">
        <v>0</v>
      </c>
      <c r="CK24" s="103">
        <v>0</v>
      </c>
      <c r="CL24" s="104">
        <v>0</v>
      </c>
      <c r="CM24" s="101">
        <v>34</v>
      </c>
      <c r="CN24" s="102">
        <v>23</v>
      </c>
      <c r="CO24" s="103">
        <v>57</v>
      </c>
      <c r="CP24" s="413">
        <v>0</v>
      </c>
      <c r="CQ24" s="102">
        <v>53</v>
      </c>
      <c r="CR24" s="102">
        <v>36</v>
      </c>
      <c r="CS24" s="102">
        <v>23</v>
      </c>
      <c r="CT24" s="102">
        <v>23</v>
      </c>
      <c r="CU24" s="102">
        <v>15</v>
      </c>
      <c r="CV24" s="103">
        <v>150</v>
      </c>
      <c r="CW24" s="104">
        <v>207</v>
      </c>
      <c r="CX24" s="105">
        <v>6</v>
      </c>
      <c r="CY24" s="97">
        <v>10</v>
      </c>
      <c r="CZ24" s="98">
        <v>16</v>
      </c>
      <c r="DA24" s="413">
        <v>0</v>
      </c>
      <c r="DB24" s="97">
        <v>18</v>
      </c>
      <c r="DC24" s="97">
        <v>17</v>
      </c>
      <c r="DD24" s="97">
        <v>11</v>
      </c>
      <c r="DE24" s="97">
        <v>6</v>
      </c>
      <c r="DF24" s="97">
        <v>6</v>
      </c>
      <c r="DG24" s="99">
        <v>58</v>
      </c>
      <c r="DH24" s="100">
        <v>74</v>
      </c>
      <c r="DI24" s="101">
        <v>0</v>
      </c>
      <c r="DJ24" s="102">
        <v>0</v>
      </c>
      <c r="DK24" s="103">
        <v>0</v>
      </c>
      <c r="DL24" s="413">
        <v>0</v>
      </c>
      <c r="DM24" s="102">
        <v>0</v>
      </c>
      <c r="DN24" s="102">
        <v>0</v>
      </c>
      <c r="DO24" s="102">
        <v>0</v>
      </c>
      <c r="DP24" s="102">
        <v>0</v>
      </c>
      <c r="DQ24" s="102">
        <v>0</v>
      </c>
      <c r="DR24" s="103">
        <v>0</v>
      </c>
      <c r="DS24" s="104">
        <v>0</v>
      </c>
      <c r="DT24" s="101">
        <v>0</v>
      </c>
      <c r="DU24" s="102">
        <v>2</v>
      </c>
      <c r="DV24" s="103">
        <v>2</v>
      </c>
      <c r="DW24" s="413">
        <v>0</v>
      </c>
      <c r="DX24" s="102">
        <v>1</v>
      </c>
      <c r="DY24" s="102">
        <v>1</v>
      </c>
      <c r="DZ24" s="102">
        <v>1</v>
      </c>
      <c r="EA24" s="102">
        <v>0</v>
      </c>
      <c r="EB24" s="102">
        <v>1</v>
      </c>
      <c r="EC24" s="103">
        <v>4</v>
      </c>
      <c r="ED24" s="104">
        <v>6</v>
      </c>
      <c r="EE24" s="101">
        <v>0</v>
      </c>
      <c r="EF24" s="102">
        <v>2</v>
      </c>
      <c r="EG24" s="103">
        <v>2</v>
      </c>
      <c r="EH24" s="413">
        <v>0</v>
      </c>
      <c r="EI24" s="102">
        <v>2</v>
      </c>
      <c r="EJ24" s="102">
        <v>2</v>
      </c>
      <c r="EK24" s="102">
        <v>0</v>
      </c>
      <c r="EL24" s="102">
        <v>0</v>
      </c>
      <c r="EM24" s="102">
        <v>1</v>
      </c>
      <c r="EN24" s="103">
        <v>5</v>
      </c>
      <c r="EO24" s="104">
        <v>7</v>
      </c>
      <c r="EP24" s="101">
        <v>5</v>
      </c>
      <c r="EQ24" s="102">
        <v>2</v>
      </c>
      <c r="ER24" s="103">
        <v>7</v>
      </c>
      <c r="ES24" s="413">
        <v>0</v>
      </c>
      <c r="ET24" s="102">
        <v>3</v>
      </c>
      <c r="EU24" s="102">
        <v>2</v>
      </c>
      <c r="EV24" s="102">
        <v>1</v>
      </c>
      <c r="EW24" s="102">
        <v>1</v>
      </c>
      <c r="EX24" s="102">
        <v>1</v>
      </c>
      <c r="EY24" s="103">
        <v>8</v>
      </c>
      <c r="EZ24" s="104">
        <v>15</v>
      </c>
      <c r="FA24" s="101">
        <v>0</v>
      </c>
      <c r="FB24" s="102">
        <v>3</v>
      </c>
      <c r="FC24" s="103">
        <v>3</v>
      </c>
      <c r="FD24" s="413">
        <v>0</v>
      </c>
      <c r="FE24" s="102">
        <v>3</v>
      </c>
      <c r="FF24" s="102">
        <v>5</v>
      </c>
      <c r="FG24" s="102">
        <v>4</v>
      </c>
      <c r="FH24" s="102">
        <v>1</v>
      </c>
      <c r="FI24" s="102">
        <v>1</v>
      </c>
      <c r="FJ24" s="103">
        <v>14</v>
      </c>
      <c r="FK24" s="104">
        <v>17</v>
      </c>
      <c r="FL24" s="101">
        <v>1</v>
      </c>
      <c r="FM24" s="102">
        <v>1</v>
      </c>
      <c r="FN24" s="103">
        <v>2</v>
      </c>
      <c r="FO24" s="413">
        <v>0</v>
      </c>
      <c r="FP24" s="102">
        <v>9</v>
      </c>
      <c r="FQ24" s="102">
        <v>7</v>
      </c>
      <c r="FR24" s="102">
        <v>5</v>
      </c>
      <c r="FS24" s="102">
        <v>4</v>
      </c>
      <c r="FT24" s="102">
        <v>2</v>
      </c>
      <c r="FU24" s="103">
        <v>27</v>
      </c>
      <c r="FV24" s="104">
        <v>29</v>
      </c>
      <c r="FW24" s="101">
        <v>0</v>
      </c>
      <c r="FX24" s="102">
        <v>0</v>
      </c>
      <c r="FY24" s="103">
        <v>0</v>
      </c>
      <c r="FZ24" s="413">
        <v>0</v>
      </c>
      <c r="GA24" s="102">
        <v>0</v>
      </c>
      <c r="GB24" s="102">
        <v>0</v>
      </c>
      <c r="GC24" s="102">
        <v>0</v>
      </c>
      <c r="GD24" s="102">
        <v>0</v>
      </c>
      <c r="GE24" s="102">
        <v>0</v>
      </c>
      <c r="GF24" s="103">
        <v>0</v>
      </c>
      <c r="GG24" s="104">
        <v>0</v>
      </c>
      <c r="GH24" s="101">
        <v>6</v>
      </c>
      <c r="GI24" s="102">
        <v>10</v>
      </c>
      <c r="GJ24" s="103">
        <v>16</v>
      </c>
      <c r="GK24" s="413">
        <v>0</v>
      </c>
      <c r="GL24" s="102">
        <v>18</v>
      </c>
      <c r="GM24" s="102">
        <v>17</v>
      </c>
      <c r="GN24" s="102">
        <v>11</v>
      </c>
      <c r="GO24" s="102">
        <v>6</v>
      </c>
      <c r="GP24" s="102">
        <v>6</v>
      </c>
      <c r="GQ24" s="103">
        <v>58</v>
      </c>
      <c r="GR24" s="104">
        <v>74</v>
      </c>
      <c r="GS24" s="105">
        <v>40</v>
      </c>
      <c r="GT24" s="97">
        <v>33</v>
      </c>
      <c r="GU24" s="98">
        <v>73</v>
      </c>
      <c r="GV24" s="413">
        <v>0</v>
      </c>
      <c r="GW24" s="97">
        <v>71</v>
      </c>
      <c r="GX24" s="97">
        <v>53</v>
      </c>
      <c r="GY24" s="97">
        <v>34</v>
      </c>
      <c r="GZ24" s="97">
        <v>29</v>
      </c>
      <c r="HA24" s="97">
        <v>21</v>
      </c>
      <c r="HB24" s="99">
        <v>208</v>
      </c>
      <c r="HC24" s="100">
        <v>281</v>
      </c>
      <c r="HD24" s="101">
        <v>2</v>
      </c>
      <c r="HE24" s="102">
        <v>1</v>
      </c>
      <c r="HF24" s="103">
        <v>3</v>
      </c>
      <c r="HG24" s="413">
        <v>0</v>
      </c>
      <c r="HH24" s="102">
        <v>2</v>
      </c>
      <c r="HI24" s="102">
        <v>1</v>
      </c>
      <c r="HJ24" s="102">
        <v>2</v>
      </c>
      <c r="HK24" s="102">
        <v>0</v>
      </c>
      <c r="HL24" s="102">
        <v>2</v>
      </c>
      <c r="HM24" s="103">
        <v>7</v>
      </c>
      <c r="HN24" s="104">
        <v>10</v>
      </c>
      <c r="HO24" s="101">
        <v>1</v>
      </c>
      <c r="HP24" s="102">
        <v>6</v>
      </c>
      <c r="HQ24" s="103">
        <v>7</v>
      </c>
      <c r="HR24" s="413">
        <v>0</v>
      </c>
      <c r="HS24" s="102">
        <v>7</v>
      </c>
      <c r="HT24" s="102">
        <v>7</v>
      </c>
      <c r="HU24" s="102">
        <v>1</v>
      </c>
      <c r="HV24" s="102">
        <v>1</v>
      </c>
      <c r="HW24" s="102">
        <v>2</v>
      </c>
      <c r="HX24" s="103">
        <v>18</v>
      </c>
      <c r="HY24" s="104">
        <v>25</v>
      </c>
      <c r="HZ24" s="101">
        <v>6</v>
      </c>
      <c r="IA24" s="102">
        <v>4</v>
      </c>
      <c r="IB24" s="103">
        <v>10</v>
      </c>
      <c r="IC24" s="413">
        <v>0</v>
      </c>
      <c r="ID24" s="102">
        <v>12</v>
      </c>
      <c r="IE24" s="102">
        <v>5</v>
      </c>
      <c r="IF24" s="102">
        <v>7</v>
      </c>
      <c r="IG24" s="102">
        <v>4</v>
      </c>
      <c r="IH24" s="102">
        <v>3</v>
      </c>
      <c r="II24" s="103">
        <v>31</v>
      </c>
      <c r="IJ24" s="104">
        <v>41</v>
      </c>
      <c r="IK24" s="101">
        <v>13</v>
      </c>
      <c r="IL24" s="102">
        <v>9</v>
      </c>
      <c r="IM24" s="103">
        <v>22</v>
      </c>
      <c r="IN24" s="413">
        <v>0</v>
      </c>
      <c r="IO24" s="102">
        <v>15</v>
      </c>
      <c r="IP24" s="102">
        <v>10</v>
      </c>
      <c r="IQ24" s="102">
        <v>3</v>
      </c>
      <c r="IR24" s="102">
        <v>6</v>
      </c>
      <c r="IS24" s="102">
        <v>7</v>
      </c>
      <c r="IT24" s="103">
        <v>41</v>
      </c>
      <c r="IU24" s="104">
        <v>63</v>
      </c>
      <c r="IV24" s="101">
        <v>12</v>
      </c>
      <c r="IW24" s="102">
        <v>7</v>
      </c>
      <c r="IX24" s="103">
        <v>19</v>
      </c>
      <c r="IY24" s="413">
        <v>0</v>
      </c>
      <c r="IZ24" s="102">
        <v>17</v>
      </c>
      <c r="JA24" s="102">
        <v>16</v>
      </c>
      <c r="JB24" s="102">
        <v>8</v>
      </c>
      <c r="JC24" s="102">
        <v>10</v>
      </c>
      <c r="JD24" s="102">
        <v>5</v>
      </c>
      <c r="JE24" s="103">
        <v>56</v>
      </c>
      <c r="JF24" s="104">
        <v>75</v>
      </c>
      <c r="JG24" s="101">
        <v>6</v>
      </c>
      <c r="JH24" s="102">
        <v>6</v>
      </c>
      <c r="JI24" s="103">
        <v>12</v>
      </c>
      <c r="JJ24" s="413">
        <v>0</v>
      </c>
      <c r="JK24" s="102">
        <v>18</v>
      </c>
      <c r="JL24" s="102">
        <v>14</v>
      </c>
      <c r="JM24" s="102">
        <v>13</v>
      </c>
      <c r="JN24" s="102">
        <v>8</v>
      </c>
      <c r="JO24" s="102">
        <v>2</v>
      </c>
      <c r="JP24" s="103">
        <v>55</v>
      </c>
      <c r="JQ24" s="104">
        <v>67</v>
      </c>
      <c r="JR24" s="101">
        <v>0</v>
      </c>
      <c r="JS24" s="102">
        <v>0</v>
      </c>
      <c r="JT24" s="103">
        <v>0</v>
      </c>
      <c r="JU24" s="413">
        <v>0</v>
      </c>
      <c r="JV24" s="102">
        <v>0</v>
      </c>
      <c r="JW24" s="102">
        <v>0</v>
      </c>
      <c r="JX24" s="102">
        <v>0</v>
      </c>
      <c r="JY24" s="102">
        <v>0</v>
      </c>
      <c r="JZ24" s="102">
        <v>0</v>
      </c>
      <c r="KA24" s="103">
        <v>0</v>
      </c>
      <c r="KB24" s="104">
        <v>0</v>
      </c>
      <c r="KC24" s="101">
        <v>40</v>
      </c>
      <c r="KD24" s="102">
        <v>33</v>
      </c>
      <c r="KE24" s="103">
        <v>73</v>
      </c>
      <c r="KF24" s="413">
        <v>0</v>
      </c>
      <c r="KG24" s="102">
        <v>71</v>
      </c>
      <c r="KH24" s="102">
        <v>53</v>
      </c>
      <c r="KI24" s="102">
        <v>34</v>
      </c>
      <c r="KJ24" s="102">
        <v>29</v>
      </c>
      <c r="KK24" s="102">
        <v>21</v>
      </c>
      <c r="KL24" s="103">
        <v>208</v>
      </c>
      <c r="KM24" s="104">
        <v>281</v>
      </c>
    </row>
    <row r="25" spans="2:299" s="70" customFormat="1" ht="21" customHeight="1" x14ac:dyDescent="0.2">
      <c r="B25" s="106" t="s">
        <v>22</v>
      </c>
      <c r="C25" s="96">
        <v>15</v>
      </c>
      <c r="D25" s="97">
        <v>11</v>
      </c>
      <c r="E25" s="98">
        <v>26</v>
      </c>
      <c r="F25" s="413">
        <v>0</v>
      </c>
      <c r="G25" s="97">
        <v>31</v>
      </c>
      <c r="H25" s="97">
        <v>19</v>
      </c>
      <c r="I25" s="97">
        <v>11</v>
      </c>
      <c r="J25" s="97">
        <v>8</v>
      </c>
      <c r="K25" s="97">
        <v>8</v>
      </c>
      <c r="L25" s="99">
        <v>77</v>
      </c>
      <c r="M25" s="100">
        <v>103</v>
      </c>
      <c r="N25" s="101">
        <v>1</v>
      </c>
      <c r="O25" s="102">
        <v>0</v>
      </c>
      <c r="P25" s="103">
        <v>1</v>
      </c>
      <c r="Q25" s="413">
        <v>0</v>
      </c>
      <c r="R25" s="102">
        <v>0</v>
      </c>
      <c r="S25" s="102">
        <v>0</v>
      </c>
      <c r="T25" s="102">
        <v>1</v>
      </c>
      <c r="U25" s="102">
        <v>0</v>
      </c>
      <c r="V25" s="102">
        <v>0</v>
      </c>
      <c r="W25" s="103">
        <v>1</v>
      </c>
      <c r="X25" s="104">
        <v>2</v>
      </c>
      <c r="Y25" s="101">
        <v>0</v>
      </c>
      <c r="Z25" s="102">
        <v>1</v>
      </c>
      <c r="AA25" s="103">
        <v>1</v>
      </c>
      <c r="AB25" s="413">
        <v>0</v>
      </c>
      <c r="AC25" s="102">
        <v>2</v>
      </c>
      <c r="AD25" s="102">
        <v>1</v>
      </c>
      <c r="AE25" s="102">
        <v>2</v>
      </c>
      <c r="AF25" s="102">
        <v>1</v>
      </c>
      <c r="AG25" s="102">
        <v>1</v>
      </c>
      <c r="AH25" s="103">
        <v>7</v>
      </c>
      <c r="AI25" s="104">
        <v>8</v>
      </c>
      <c r="AJ25" s="101">
        <v>2</v>
      </c>
      <c r="AK25" s="102">
        <v>2</v>
      </c>
      <c r="AL25" s="103">
        <v>4</v>
      </c>
      <c r="AM25" s="413">
        <v>0</v>
      </c>
      <c r="AN25" s="102">
        <v>4</v>
      </c>
      <c r="AO25" s="102">
        <v>3</v>
      </c>
      <c r="AP25" s="102">
        <v>1</v>
      </c>
      <c r="AQ25" s="102">
        <v>0</v>
      </c>
      <c r="AR25" s="102">
        <v>2</v>
      </c>
      <c r="AS25" s="103">
        <v>10</v>
      </c>
      <c r="AT25" s="104">
        <v>14</v>
      </c>
      <c r="AU25" s="101">
        <v>4</v>
      </c>
      <c r="AV25" s="102">
        <v>5</v>
      </c>
      <c r="AW25" s="103">
        <v>9</v>
      </c>
      <c r="AX25" s="413">
        <v>0</v>
      </c>
      <c r="AY25" s="102">
        <v>8</v>
      </c>
      <c r="AZ25" s="102">
        <v>4</v>
      </c>
      <c r="BA25" s="102">
        <v>1</v>
      </c>
      <c r="BB25" s="102">
        <v>2</v>
      </c>
      <c r="BC25" s="102">
        <v>1</v>
      </c>
      <c r="BD25" s="103">
        <v>16</v>
      </c>
      <c r="BE25" s="104">
        <v>25</v>
      </c>
      <c r="BF25" s="101">
        <v>5</v>
      </c>
      <c r="BG25" s="102">
        <v>1</v>
      </c>
      <c r="BH25" s="103">
        <v>6</v>
      </c>
      <c r="BI25" s="413">
        <v>0</v>
      </c>
      <c r="BJ25" s="102">
        <v>5</v>
      </c>
      <c r="BK25" s="102">
        <v>5</v>
      </c>
      <c r="BL25" s="102">
        <v>4</v>
      </c>
      <c r="BM25" s="102">
        <v>2</v>
      </c>
      <c r="BN25" s="102">
        <v>2</v>
      </c>
      <c r="BO25" s="103">
        <v>18</v>
      </c>
      <c r="BP25" s="104">
        <v>24</v>
      </c>
      <c r="BQ25" s="101">
        <v>3</v>
      </c>
      <c r="BR25" s="102">
        <v>2</v>
      </c>
      <c r="BS25" s="103">
        <v>5</v>
      </c>
      <c r="BT25" s="413">
        <v>0</v>
      </c>
      <c r="BU25" s="102">
        <v>12</v>
      </c>
      <c r="BV25" s="102">
        <v>6</v>
      </c>
      <c r="BW25" s="102">
        <v>2</v>
      </c>
      <c r="BX25" s="102">
        <v>3</v>
      </c>
      <c r="BY25" s="102">
        <v>2</v>
      </c>
      <c r="BZ25" s="103">
        <v>25</v>
      </c>
      <c r="CA25" s="104">
        <v>30</v>
      </c>
      <c r="CB25" s="101">
        <v>0</v>
      </c>
      <c r="CC25" s="102">
        <v>0</v>
      </c>
      <c r="CD25" s="103">
        <v>0</v>
      </c>
      <c r="CE25" s="413">
        <v>0</v>
      </c>
      <c r="CF25" s="102">
        <v>0</v>
      </c>
      <c r="CG25" s="102">
        <v>0</v>
      </c>
      <c r="CH25" s="102">
        <v>0</v>
      </c>
      <c r="CI25" s="102">
        <v>0</v>
      </c>
      <c r="CJ25" s="102">
        <v>0</v>
      </c>
      <c r="CK25" s="103">
        <v>0</v>
      </c>
      <c r="CL25" s="104">
        <v>0</v>
      </c>
      <c r="CM25" s="101">
        <v>15</v>
      </c>
      <c r="CN25" s="102">
        <v>11</v>
      </c>
      <c r="CO25" s="103">
        <v>26</v>
      </c>
      <c r="CP25" s="413">
        <v>0</v>
      </c>
      <c r="CQ25" s="102">
        <v>31</v>
      </c>
      <c r="CR25" s="102">
        <v>19</v>
      </c>
      <c r="CS25" s="102">
        <v>11</v>
      </c>
      <c r="CT25" s="102">
        <v>8</v>
      </c>
      <c r="CU25" s="102">
        <v>8</v>
      </c>
      <c r="CV25" s="103">
        <v>77</v>
      </c>
      <c r="CW25" s="104">
        <v>103</v>
      </c>
      <c r="CX25" s="105">
        <v>5</v>
      </c>
      <c r="CY25" s="97">
        <v>6</v>
      </c>
      <c r="CZ25" s="98">
        <v>11</v>
      </c>
      <c r="DA25" s="413">
        <v>0</v>
      </c>
      <c r="DB25" s="97">
        <v>4</v>
      </c>
      <c r="DC25" s="97">
        <v>4</v>
      </c>
      <c r="DD25" s="97">
        <v>0</v>
      </c>
      <c r="DE25" s="97">
        <v>3</v>
      </c>
      <c r="DF25" s="97">
        <v>4</v>
      </c>
      <c r="DG25" s="99">
        <v>15</v>
      </c>
      <c r="DH25" s="100">
        <v>26</v>
      </c>
      <c r="DI25" s="101">
        <v>0</v>
      </c>
      <c r="DJ25" s="102">
        <v>1</v>
      </c>
      <c r="DK25" s="103">
        <v>1</v>
      </c>
      <c r="DL25" s="413">
        <v>0</v>
      </c>
      <c r="DM25" s="102">
        <v>0</v>
      </c>
      <c r="DN25" s="102">
        <v>0</v>
      </c>
      <c r="DO25" s="102">
        <v>0</v>
      </c>
      <c r="DP25" s="102">
        <v>0</v>
      </c>
      <c r="DQ25" s="102">
        <v>0</v>
      </c>
      <c r="DR25" s="103">
        <v>0</v>
      </c>
      <c r="DS25" s="104">
        <v>1</v>
      </c>
      <c r="DT25" s="101">
        <v>0</v>
      </c>
      <c r="DU25" s="102">
        <v>0</v>
      </c>
      <c r="DV25" s="103">
        <v>0</v>
      </c>
      <c r="DW25" s="413">
        <v>0</v>
      </c>
      <c r="DX25" s="102">
        <v>0</v>
      </c>
      <c r="DY25" s="102">
        <v>0</v>
      </c>
      <c r="DZ25" s="102">
        <v>0</v>
      </c>
      <c r="EA25" s="102">
        <v>0</v>
      </c>
      <c r="EB25" s="102">
        <v>0</v>
      </c>
      <c r="EC25" s="103">
        <v>0</v>
      </c>
      <c r="ED25" s="104">
        <v>0</v>
      </c>
      <c r="EE25" s="101">
        <v>1</v>
      </c>
      <c r="EF25" s="102">
        <v>1</v>
      </c>
      <c r="EG25" s="103">
        <v>2</v>
      </c>
      <c r="EH25" s="413">
        <v>0</v>
      </c>
      <c r="EI25" s="102">
        <v>0</v>
      </c>
      <c r="EJ25" s="102">
        <v>1</v>
      </c>
      <c r="EK25" s="102">
        <v>0</v>
      </c>
      <c r="EL25" s="102">
        <v>0</v>
      </c>
      <c r="EM25" s="102">
        <v>2</v>
      </c>
      <c r="EN25" s="103">
        <v>3</v>
      </c>
      <c r="EO25" s="104">
        <v>5</v>
      </c>
      <c r="EP25" s="101">
        <v>4</v>
      </c>
      <c r="EQ25" s="102">
        <v>2</v>
      </c>
      <c r="ER25" s="103">
        <v>6</v>
      </c>
      <c r="ES25" s="413">
        <v>0</v>
      </c>
      <c r="ET25" s="102">
        <v>1</v>
      </c>
      <c r="EU25" s="102">
        <v>0</v>
      </c>
      <c r="EV25" s="102">
        <v>0</v>
      </c>
      <c r="EW25" s="102">
        <v>0</v>
      </c>
      <c r="EX25" s="102">
        <v>1</v>
      </c>
      <c r="EY25" s="103">
        <v>2</v>
      </c>
      <c r="EZ25" s="104">
        <v>8</v>
      </c>
      <c r="FA25" s="101">
        <v>0</v>
      </c>
      <c r="FB25" s="102">
        <v>1</v>
      </c>
      <c r="FC25" s="103">
        <v>1</v>
      </c>
      <c r="FD25" s="413">
        <v>0</v>
      </c>
      <c r="FE25" s="102">
        <v>1</v>
      </c>
      <c r="FF25" s="102">
        <v>2</v>
      </c>
      <c r="FG25" s="102">
        <v>0</v>
      </c>
      <c r="FH25" s="102">
        <v>1</v>
      </c>
      <c r="FI25" s="102">
        <v>0</v>
      </c>
      <c r="FJ25" s="103">
        <v>4</v>
      </c>
      <c r="FK25" s="104">
        <v>5</v>
      </c>
      <c r="FL25" s="101">
        <v>0</v>
      </c>
      <c r="FM25" s="102">
        <v>1</v>
      </c>
      <c r="FN25" s="103">
        <v>1</v>
      </c>
      <c r="FO25" s="413">
        <v>0</v>
      </c>
      <c r="FP25" s="102">
        <v>2</v>
      </c>
      <c r="FQ25" s="102">
        <v>1</v>
      </c>
      <c r="FR25" s="102">
        <v>0</v>
      </c>
      <c r="FS25" s="102">
        <v>2</v>
      </c>
      <c r="FT25" s="102">
        <v>1</v>
      </c>
      <c r="FU25" s="103">
        <v>6</v>
      </c>
      <c r="FV25" s="104">
        <v>7</v>
      </c>
      <c r="FW25" s="101">
        <v>0</v>
      </c>
      <c r="FX25" s="102">
        <v>0</v>
      </c>
      <c r="FY25" s="103">
        <v>0</v>
      </c>
      <c r="FZ25" s="413">
        <v>0</v>
      </c>
      <c r="GA25" s="102">
        <v>0</v>
      </c>
      <c r="GB25" s="102">
        <v>0</v>
      </c>
      <c r="GC25" s="102">
        <v>0</v>
      </c>
      <c r="GD25" s="102">
        <v>0</v>
      </c>
      <c r="GE25" s="102">
        <v>0</v>
      </c>
      <c r="GF25" s="103">
        <v>0</v>
      </c>
      <c r="GG25" s="104">
        <v>0</v>
      </c>
      <c r="GH25" s="101">
        <v>5</v>
      </c>
      <c r="GI25" s="102">
        <v>6</v>
      </c>
      <c r="GJ25" s="103">
        <v>11</v>
      </c>
      <c r="GK25" s="413">
        <v>0</v>
      </c>
      <c r="GL25" s="102">
        <v>4</v>
      </c>
      <c r="GM25" s="102">
        <v>4</v>
      </c>
      <c r="GN25" s="102">
        <v>0</v>
      </c>
      <c r="GO25" s="102">
        <v>3</v>
      </c>
      <c r="GP25" s="102">
        <v>4</v>
      </c>
      <c r="GQ25" s="103">
        <v>15</v>
      </c>
      <c r="GR25" s="104">
        <v>26</v>
      </c>
      <c r="GS25" s="105">
        <v>20</v>
      </c>
      <c r="GT25" s="97">
        <v>17</v>
      </c>
      <c r="GU25" s="98">
        <v>37</v>
      </c>
      <c r="GV25" s="413">
        <v>0</v>
      </c>
      <c r="GW25" s="97">
        <v>35</v>
      </c>
      <c r="GX25" s="97">
        <v>23</v>
      </c>
      <c r="GY25" s="97">
        <v>11</v>
      </c>
      <c r="GZ25" s="97">
        <v>11</v>
      </c>
      <c r="HA25" s="97">
        <v>12</v>
      </c>
      <c r="HB25" s="99">
        <v>92</v>
      </c>
      <c r="HC25" s="100">
        <v>129</v>
      </c>
      <c r="HD25" s="101">
        <v>1</v>
      </c>
      <c r="HE25" s="102">
        <v>1</v>
      </c>
      <c r="HF25" s="103">
        <v>2</v>
      </c>
      <c r="HG25" s="413">
        <v>0</v>
      </c>
      <c r="HH25" s="102">
        <v>0</v>
      </c>
      <c r="HI25" s="102">
        <v>0</v>
      </c>
      <c r="HJ25" s="102">
        <v>1</v>
      </c>
      <c r="HK25" s="102">
        <v>0</v>
      </c>
      <c r="HL25" s="102">
        <v>0</v>
      </c>
      <c r="HM25" s="103">
        <v>1</v>
      </c>
      <c r="HN25" s="104">
        <v>3</v>
      </c>
      <c r="HO25" s="101">
        <v>0</v>
      </c>
      <c r="HP25" s="102">
        <v>1</v>
      </c>
      <c r="HQ25" s="103">
        <v>1</v>
      </c>
      <c r="HR25" s="413">
        <v>0</v>
      </c>
      <c r="HS25" s="102">
        <v>2</v>
      </c>
      <c r="HT25" s="102">
        <v>1</v>
      </c>
      <c r="HU25" s="102">
        <v>2</v>
      </c>
      <c r="HV25" s="102">
        <v>1</v>
      </c>
      <c r="HW25" s="102">
        <v>1</v>
      </c>
      <c r="HX25" s="103">
        <v>7</v>
      </c>
      <c r="HY25" s="104">
        <v>8</v>
      </c>
      <c r="HZ25" s="101">
        <v>3</v>
      </c>
      <c r="IA25" s="102">
        <v>3</v>
      </c>
      <c r="IB25" s="103">
        <v>6</v>
      </c>
      <c r="IC25" s="413">
        <v>0</v>
      </c>
      <c r="ID25" s="102">
        <v>4</v>
      </c>
      <c r="IE25" s="102">
        <v>4</v>
      </c>
      <c r="IF25" s="102">
        <v>1</v>
      </c>
      <c r="IG25" s="102">
        <v>0</v>
      </c>
      <c r="IH25" s="102">
        <v>4</v>
      </c>
      <c r="II25" s="103">
        <v>13</v>
      </c>
      <c r="IJ25" s="104">
        <v>19</v>
      </c>
      <c r="IK25" s="101">
        <v>8</v>
      </c>
      <c r="IL25" s="102">
        <v>7</v>
      </c>
      <c r="IM25" s="103">
        <v>15</v>
      </c>
      <c r="IN25" s="413">
        <v>0</v>
      </c>
      <c r="IO25" s="102">
        <v>9</v>
      </c>
      <c r="IP25" s="102">
        <v>4</v>
      </c>
      <c r="IQ25" s="102">
        <v>1</v>
      </c>
      <c r="IR25" s="102">
        <v>2</v>
      </c>
      <c r="IS25" s="102">
        <v>2</v>
      </c>
      <c r="IT25" s="103">
        <v>18</v>
      </c>
      <c r="IU25" s="104">
        <v>33</v>
      </c>
      <c r="IV25" s="101">
        <v>5</v>
      </c>
      <c r="IW25" s="102">
        <v>2</v>
      </c>
      <c r="IX25" s="103">
        <v>7</v>
      </c>
      <c r="IY25" s="413">
        <v>0</v>
      </c>
      <c r="IZ25" s="102">
        <v>6</v>
      </c>
      <c r="JA25" s="102">
        <v>7</v>
      </c>
      <c r="JB25" s="102">
        <v>4</v>
      </c>
      <c r="JC25" s="102">
        <v>3</v>
      </c>
      <c r="JD25" s="102">
        <v>2</v>
      </c>
      <c r="JE25" s="103">
        <v>22</v>
      </c>
      <c r="JF25" s="104">
        <v>29</v>
      </c>
      <c r="JG25" s="101">
        <v>3</v>
      </c>
      <c r="JH25" s="102">
        <v>3</v>
      </c>
      <c r="JI25" s="103">
        <v>6</v>
      </c>
      <c r="JJ25" s="413">
        <v>0</v>
      </c>
      <c r="JK25" s="102">
        <v>14</v>
      </c>
      <c r="JL25" s="102">
        <v>7</v>
      </c>
      <c r="JM25" s="102">
        <v>2</v>
      </c>
      <c r="JN25" s="102">
        <v>5</v>
      </c>
      <c r="JO25" s="102">
        <v>3</v>
      </c>
      <c r="JP25" s="103">
        <v>31</v>
      </c>
      <c r="JQ25" s="104">
        <v>37</v>
      </c>
      <c r="JR25" s="101">
        <v>0</v>
      </c>
      <c r="JS25" s="102">
        <v>0</v>
      </c>
      <c r="JT25" s="103">
        <v>0</v>
      </c>
      <c r="JU25" s="413">
        <v>0</v>
      </c>
      <c r="JV25" s="102">
        <v>0</v>
      </c>
      <c r="JW25" s="102">
        <v>0</v>
      </c>
      <c r="JX25" s="102">
        <v>0</v>
      </c>
      <c r="JY25" s="102">
        <v>0</v>
      </c>
      <c r="JZ25" s="102">
        <v>0</v>
      </c>
      <c r="KA25" s="103">
        <v>0</v>
      </c>
      <c r="KB25" s="104">
        <v>0</v>
      </c>
      <c r="KC25" s="101">
        <v>20</v>
      </c>
      <c r="KD25" s="102">
        <v>17</v>
      </c>
      <c r="KE25" s="103">
        <v>37</v>
      </c>
      <c r="KF25" s="413">
        <v>0</v>
      </c>
      <c r="KG25" s="102">
        <v>35</v>
      </c>
      <c r="KH25" s="102">
        <v>23</v>
      </c>
      <c r="KI25" s="102">
        <v>11</v>
      </c>
      <c r="KJ25" s="102">
        <v>11</v>
      </c>
      <c r="KK25" s="102">
        <v>12</v>
      </c>
      <c r="KL25" s="103">
        <v>92</v>
      </c>
      <c r="KM25" s="104">
        <v>129</v>
      </c>
    </row>
    <row r="26" spans="2:299" s="70" customFormat="1" ht="21" customHeight="1" x14ac:dyDescent="0.2">
      <c r="B26" s="106" t="s">
        <v>23</v>
      </c>
      <c r="C26" s="96">
        <v>26</v>
      </c>
      <c r="D26" s="97">
        <v>21</v>
      </c>
      <c r="E26" s="98">
        <v>47</v>
      </c>
      <c r="F26" s="413">
        <v>0</v>
      </c>
      <c r="G26" s="97">
        <v>25</v>
      </c>
      <c r="H26" s="97">
        <v>27</v>
      </c>
      <c r="I26" s="97">
        <v>24</v>
      </c>
      <c r="J26" s="97">
        <v>12</v>
      </c>
      <c r="K26" s="97">
        <v>11</v>
      </c>
      <c r="L26" s="99">
        <v>99</v>
      </c>
      <c r="M26" s="100">
        <v>146</v>
      </c>
      <c r="N26" s="101">
        <v>0</v>
      </c>
      <c r="O26" s="102">
        <v>2</v>
      </c>
      <c r="P26" s="103">
        <v>2</v>
      </c>
      <c r="Q26" s="413">
        <v>0</v>
      </c>
      <c r="R26" s="102">
        <v>0</v>
      </c>
      <c r="S26" s="102">
        <v>0</v>
      </c>
      <c r="T26" s="102">
        <v>0</v>
      </c>
      <c r="U26" s="102">
        <v>0</v>
      </c>
      <c r="V26" s="102">
        <v>0</v>
      </c>
      <c r="W26" s="103">
        <v>0</v>
      </c>
      <c r="X26" s="104">
        <v>2</v>
      </c>
      <c r="Y26" s="101">
        <v>2</v>
      </c>
      <c r="Z26" s="102">
        <v>0</v>
      </c>
      <c r="AA26" s="103">
        <v>2</v>
      </c>
      <c r="AB26" s="413">
        <v>0</v>
      </c>
      <c r="AC26" s="102">
        <v>1</v>
      </c>
      <c r="AD26" s="102">
        <v>5</v>
      </c>
      <c r="AE26" s="102">
        <v>2</v>
      </c>
      <c r="AF26" s="102">
        <v>0</v>
      </c>
      <c r="AG26" s="102">
        <v>2</v>
      </c>
      <c r="AH26" s="103">
        <v>10</v>
      </c>
      <c r="AI26" s="104">
        <v>12</v>
      </c>
      <c r="AJ26" s="101">
        <v>8</v>
      </c>
      <c r="AK26" s="102">
        <v>1</v>
      </c>
      <c r="AL26" s="103">
        <v>9</v>
      </c>
      <c r="AM26" s="413">
        <v>0</v>
      </c>
      <c r="AN26" s="102">
        <v>4</v>
      </c>
      <c r="AO26" s="102">
        <v>3</v>
      </c>
      <c r="AP26" s="102">
        <v>5</v>
      </c>
      <c r="AQ26" s="102">
        <v>0</v>
      </c>
      <c r="AR26" s="102">
        <v>3</v>
      </c>
      <c r="AS26" s="103">
        <v>15</v>
      </c>
      <c r="AT26" s="104">
        <v>24</v>
      </c>
      <c r="AU26" s="101">
        <v>8</v>
      </c>
      <c r="AV26" s="102">
        <v>8</v>
      </c>
      <c r="AW26" s="103">
        <v>16</v>
      </c>
      <c r="AX26" s="413">
        <v>0</v>
      </c>
      <c r="AY26" s="102">
        <v>5</v>
      </c>
      <c r="AZ26" s="102">
        <v>6</v>
      </c>
      <c r="BA26" s="102">
        <v>5</v>
      </c>
      <c r="BB26" s="102">
        <v>4</v>
      </c>
      <c r="BC26" s="102">
        <v>1</v>
      </c>
      <c r="BD26" s="103">
        <v>21</v>
      </c>
      <c r="BE26" s="104">
        <v>37</v>
      </c>
      <c r="BF26" s="101">
        <v>6</v>
      </c>
      <c r="BG26" s="102">
        <v>6</v>
      </c>
      <c r="BH26" s="103">
        <v>12</v>
      </c>
      <c r="BI26" s="413">
        <v>0</v>
      </c>
      <c r="BJ26" s="102">
        <v>10</v>
      </c>
      <c r="BK26" s="102">
        <v>9</v>
      </c>
      <c r="BL26" s="102">
        <v>7</v>
      </c>
      <c r="BM26" s="102">
        <v>4</v>
      </c>
      <c r="BN26" s="102">
        <v>2</v>
      </c>
      <c r="BO26" s="103">
        <v>32</v>
      </c>
      <c r="BP26" s="104">
        <v>44</v>
      </c>
      <c r="BQ26" s="101">
        <v>2</v>
      </c>
      <c r="BR26" s="102">
        <v>4</v>
      </c>
      <c r="BS26" s="103">
        <v>6</v>
      </c>
      <c r="BT26" s="413">
        <v>0</v>
      </c>
      <c r="BU26" s="102">
        <v>5</v>
      </c>
      <c r="BV26" s="102">
        <v>4</v>
      </c>
      <c r="BW26" s="102">
        <v>5</v>
      </c>
      <c r="BX26" s="102">
        <v>4</v>
      </c>
      <c r="BY26" s="102">
        <v>3</v>
      </c>
      <c r="BZ26" s="103">
        <v>21</v>
      </c>
      <c r="CA26" s="104">
        <v>27</v>
      </c>
      <c r="CB26" s="101">
        <v>0</v>
      </c>
      <c r="CC26" s="102">
        <v>0</v>
      </c>
      <c r="CD26" s="103">
        <v>0</v>
      </c>
      <c r="CE26" s="413">
        <v>0</v>
      </c>
      <c r="CF26" s="102">
        <v>0</v>
      </c>
      <c r="CG26" s="102">
        <v>0</v>
      </c>
      <c r="CH26" s="102">
        <v>0</v>
      </c>
      <c r="CI26" s="102">
        <v>0</v>
      </c>
      <c r="CJ26" s="102">
        <v>0</v>
      </c>
      <c r="CK26" s="103">
        <v>0</v>
      </c>
      <c r="CL26" s="104">
        <v>0</v>
      </c>
      <c r="CM26" s="101">
        <v>26</v>
      </c>
      <c r="CN26" s="102">
        <v>21</v>
      </c>
      <c r="CO26" s="103">
        <v>47</v>
      </c>
      <c r="CP26" s="413">
        <v>0</v>
      </c>
      <c r="CQ26" s="102">
        <v>25</v>
      </c>
      <c r="CR26" s="102">
        <v>27</v>
      </c>
      <c r="CS26" s="102">
        <v>24</v>
      </c>
      <c r="CT26" s="102">
        <v>12</v>
      </c>
      <c r="CU26" s="102">
        <v>11</v>
      </c>
      <c r="CV26" s="103">
        <v>99</v>
      </c>
      <c r="CW26" s="104">
        <v>146</v>
      </c>
      <c r="CX26" s="105">
        <v>7</v>
      </c>
      <c r="CY26" s="97">
        <v>8</v>
      </c>
      <c r="CZ26" s="98">
        <v>15</v>
      </c>
      <c r="DA26" s="413">
        <v>0</v>
      </c>
      <c r="DB26" s="97">
        <v>8</v>
      </c>
      <c r="DC26" s="97">
        <v>10</v>
      </c>
      <c r="DD26" s="97">
        <v>5</v>
      </c>
      <c r="DE26" s="97">
        <v>6</v>
      </c>
      <c r="DF26" s="97">
        <v>6</v>
      </c>
      <c r="DG26" s="99">
        <v>35</v>
      </c>
      <c r="DH26" s="100">
        <v>50</v>
      </c>
      <c r="DI26" s="101">
        <v>0</v>
      </c>
      <c r="DJ26" s="102">
        <v>0</v>
      </c>
      <c r="DK26" s="103">
        <v>0</v>
      </c>
      <c r="DL26" s="413">
        <v>0</v>
      </c>
      <c r="DM26" s="102">
        <v>0</v>
      </c>
      <c r="DN26" s="102">
        <v>0</v>
      </c>
      <c r="DO26" s="102">
        <v>0</v>
      </c>
      <c r="DP26" s="102">
        <v>0</v>
      </c>
      <c r="DQ26" s="102">
        <v>0</v>
      </c>
      <c r="DR26" s="103">
        <v>0</v>
      </c>
      <c r="DS26" s="104">
        <v>0</v>
      </c>
      <c r="DT26" s="101">
        <v>1</v>
      </c>
      <c r="DU26" s="102">
        <v>0</v>
      </c>
      <c r="DV26" s="103">
        <v>1</v>
      </c>
      <c r="DW26" s="413">
        <v>0</v>
      </c>
      <c r="DX26" s="102">
        <v>1</v>
      </c>
      <c r="DY26" s="102">
        <v>1</v>
      </c>
      <c r="DZ26" s="102">
        <v>1</v>
      </c>
      <c r="EA26" s="102">
        <v>0</v>
      </c>
      <c r="EB26" s="102">
        <v>0</v>
      </c>
      <c r="EC26" s="103">
        <v>3</v>
      </c>
      <c r="ED26" s="104">
        <v>4</v>
      </c>
      <c r="EE26" s="101">
        <v>2</v>
      </c>
      <c r="EF26" s="102">
        <v>0</v>
      </c>
      <c r="EG26" s="103">
        <v>2</v>
      </c>
      <c r="EH26" s="413">
        <v>0</v>
      </c>
      <c r="EI26" s="102">
        <v>0</v>
      </c>
      <c r="EJ26" s="102">
        <v>0</v>
      </c>
      <c r="EK26" s="102">
        <v>0</v>
      </c>
      <c r="EL26" s="102">
        <v>0</v>
      </c>
      <c r="EM26" s="102">
        <v>1</v>
      </c>
      <c r="EN26" s="103">
        <v>1</v>
      </c>
      <c r="EO26" s="104">
        <v>3</v>
      </c>
      <c r="EP26" s="101">
        <v>2</v>
      </c>
      <c r="EQ26" s="102">
        <v>5</v>
      </c>
      <c r="ER26" s="103">
        <v>7</v>
      </c>
      <c r="ES26" s="413">
        <v>0</v>
      </c>
      <c r="ET26" s="102">
        <v>0</v>
      </c>
      <c r="EU26" s="102">
        <v>3</v>
      </c>
      <c r="EV26" s="102">
        <v>1</v>
      </c>
      <c r="EW26" s="102">
        <v>0</v>
      </c>
      <c r="EX26" s="102">
        <v>0</v>
      </c>
      <c r="EY26" s="103">
        <v>4</v>
      </c>
      <c r="EZ26" s="104">
        <v>11</v>
      </c>
      <c r="FA26" s="101">
        <v>1</v>
      </c>
      <c r="FB26" s="102">
        <v>1</v>
      </c>
      <c r="FC26" s="103">
        <v>2</v>
      </c>
      <c r="FD26" s="413">
        <v>0</v>
      </c>
      <c r="FE26" s="102">
        <v>1</v>
      </c>
      <c r="FF26" s="102">
        <v>1</v>
      </c>
      <c r="FG26" s="102">
        <v>2</v>
      </c>
      <c r="FH26" s="102">
        <v>1</v>
      </c>
      <c r="FI26" s="102">
        <v>1</v>
      </c>
      <c r="FJ26" s="103">
        <v>6</v>
      </c>
      <c r="FK26" s="104">
        <v>8</v>
      </c>
      <c r="FL26" s="101">
        <v>1</v>
      </c>
      <c r="FM26" s="102">
        <v>2</v>
      </c>
      <c r="FN26" s="103">
        <v>3</v>
      </c>
      <c r="FO26" s="413">
        <v>0</v>
      </c>
      <c r="FP26" s="102">
        <v>6</v>
      </c>
      <c r="FQ26" s="102">
        <v>5</v>
      </c>
      <c r="FR26" s="102">
        <v>1</v>
      </c>
      <c r="FS26" s="102">
        <v>5</v>
      </c>
      <c r="FT26" s="102">
        <v>4</v>
      </c>
      <c r="FU26" s="103">
        <v>21</v>
      </c>
      <c r="FV26" s="104">
        <v>24</v>
      </c>
      <c r="FW26" s="101">
        <v>0</v>
      </c>
      <c r="FX26" s="102">
        <v>0</v>
      </c>
      <c r="FY26" s="103">
        <v>0</v>
      </c>
      <c r="FZ26" s="413">
        <v>0</v>
      </c>
      <c r="GA26" s="102">
        <v>0</v>
      </c>
      <c r="GB26" s="102">
        <v>0</v>
      </c>
      <c r="GC26" s="102">
        <v>0</v>
      </c>
      <c r="GD26" s="102">
        <v>0</v>
      </c>
      <c r="GE26" s="102">
        <v>0</v>
      </c>
      <c r="GF26" s="103">
        <v>0</v>
      </c>
      <c r="GG26" s="104">
        <v>0</v>
      </c>
      <c r="GH26" s="101">
        <v>7</v>
      </c>
      <c r="GI26" s="102">
        <v>8</v>
      </c>
      <c r="GJ26" s="103">
        <v>15</v>
      </c>
      <c r="GK26" s="413">
        <v>0</v>
      </c>
      <c r="GL26" s="102">
        <v>8</v>
      </c>
      <c r="GM26" s="102">
        <v>10</v>
      </c>
      <c r="GN26" s="102">
        <v>5</v>
      </c>
      <c r="GO26" s="102">
        <v>6</v>
      </c>
      <c r="GP26" s="102">
        <v>6</v>
      </c>
      <c r="GQ26" s="103">
        <v>35</v>
      </c>
      <c r="GR26" s="104">
        <v>50</v>
      </c>
      <c r="GS26" s="105">
        <v>33</v>
      </c>
      <c r="GT26" s="97">
        <v>29</v>
      </c>
      <c r="GU26" s="98">
        <v>62</v>
      </c>
      <c r="GV26" s="413">
        <v>0</v>
      </c>
      <c r="GW26" s="97">
        <v>33</v>
      </c>
      <c r="GX26" s="97">
        <v>37</v>
      </c>
      <c r="GY26" s="97">
        <v>29</v>
      </c>
      <c r="GZ26" s="97">
        <v>18</v>
      </c>
      <c r="HA26" s="97">
        <v>17</v>
      </c>
      <c r="HB26" s="99">
        <v>134</v>
      </c>
      <c r="HC26" s="100">
        <v>196</v>
      </c>
      <c r="HD26" s="101">
        <v>0</v>
      </c>
      <c r="HE26" s="102">
        <v>2</v>
      </c>
      <c r="HF26" s="103">
        <v>2</v>
      </c>
      <c r="HG26" s="413">
        <v>0</v>
      </c>
      <c r="HH26" s="102">
        <v>0</v>
      </c>
      <c r="HI26" s="102">
        <v>0</v>
      </c>
      <c r="HJ26" s="102">
        <v>0</v>
      </c>
      <c r="HK26" s="102">
        <v>0</v>
      </c>
      <c r="HL26" s="102">
        <v>0</v>
      </c>
      <c r="HM26" s="103">
        <v>0</v>
      </c>
      <c r="HN26" s="104">
        <v>2</v>
      </c>
      <c r="HO26" s="101">
        <v>3</v>
      </c>
      <c r="HP26" s="102">
        <v>0</v>
      </c>
      <c r="HQ26" s="103">
        <v>3</v>
      </c>
      <c r="HR26" s="413">
        <v>0</v>
      </c>
      <c r="HS26" s="102">
        <v>2</v>
      </c>
      <c r="HT26" s="102">
        <v>6</v>
      </c>
      <c r="HU26" s="102">
        <v>3</v>
      </c>
      <c r="HV26" s="102">
        <v>0</v>
      </c>
      <c r="HW26" s="102">
        <v>2</v>
      </c>
      <c r="HX26" s="103">
        <v>13</v>
      </c>
      <c r="HY26" s="104">
        <v>16</v>
      </c>
      <c r="HZ26" s="101">
        <v>10</v>
      </c>
      <c r="IA26" s="102">
        <v>1</v>
      </c>
      <c r="IB26" s="103">
        <v>11</v>
      </c>
      <c r="IC26" s="413">
        <v>0</v>
      </c>
      <c r="ID26" s="102">
        <v>4</v>
      </c>
      <c r="IE26" s="102">
        <v>3</v>
      </c>
      <c r="IF26" s="102">
        <v>5</v>
      </c>
      <c r="IG26" s="102">
        <v>0</v>
      </c>
      <c r="IH26" s="102">
        <v>4</v>
      </c>
      <c r="II26" s="103">
        <v>16</v>
      </c>
      <c r="IJ26" s="104">
        <v>27</v>
      </c>
      <c r="IK26" s="101">
        <v>10</v>
      </c>
      <c r="IL26" s="102">
        <v>13</v>
      </c>
      <c r="IM26" s="103">
        <v>23</v>
      </c>
      <c r="IN26" s="413">
        <v>0</v>
      </c>
      <c r="IO26" s="102">
        <v>5</v>
      </c>
      <c r="IP26" s="102">
        <v>9</v>
      </c>
      <c r="IQ26" s="102">
        <v>6</v>
      </c>
      <c r="IR26" s="102">
        <v>4</v>
      </c>
      <c r="IS26" s="102">
        <v>1</v>
      </c>
      <c r="IT26" s="103">
        <v>25</v>
      </c>
      <c r="IU26" s="104">
        <v>48</v>
      </c>
      <c r="IV26" s="101">
        <v>7</v>
      </c>
      <c r="IW26" s="102">
        <v>7</v>
      </c>
      <c r="IX26" s="103">
        <v>14</v>
      </c>
      <c r="IY26" s="413">
        <v>0</v>
      </c>
      <c r="IZ26" s="102">
        <v>11</v>
      </c>
      <c r="JA26" s="102">
        <v>10</v>
      </c>
      <c r="JB26" s="102">
        <v>9</v>
      </c>
      <c r="JC26" s="102">
        <v>5</v>
      </c>
      <c r="JD26" s="102">
        <v>3</v>
      </c>
      <c r="JE26" s="103">
        <v>38</v>
      </c>
      <c r="JF26" s="104">
        <v>52</v>
      </c>
      <c r="JG26" s="101">
        <v>3</v>
      </c>
      <c r="JH26" s="102">
        <v>6</v>
      </c>
      <c r="JI26" s="103">
        <v>9</v>
      </c>
      <c r="JJ26" s="413">
        <v>0</v>
      </c>
      <c r="JK26" s="102">
        <v>11</v>
      </c>
      <c r="JL26" s="102">
        <v>9</v>
      </c>
      <c r="JM26" s="102">
        <v>6</v>
      </c>
      <c r="JN26" s="102">
        <v>9</v>
      </c>
      <c r="JO26" s="102">
        <v>7</v>
      </c>
      <c r="JP26" s="103">
        <v>42</v>
      </c>
      <c r="JQ26" s="104">
        <v>51</v>
      </c>
      <c r="JR26" s="101">
        <v>0</v>
      </c>
      <c r="JS26" s="102">
        <v>0</v>
      </c>
      <c r="JT26" s="103">
        <v>0</v>
      </c>
      <c r="JU26" s="413">
        <v>0</v>
      </c>
      <c r="JV26" s="102">
        <v>0</v>
      </c>
      <c r="JW26" s="102">
        <v>0</v>
      </c>
      <c r="JX26" s="102">
        <v>0</v>
      </c>
      <c r="JY26" s="102">
        <v>0</v>
      </c>
      <c r="JZ26" s="102">
        <v>0</v>
      </c>
      <c r="KA26" s="103">
        <v>0</v>
      </c>
      <c r="KB26" s="104">
        <v>0</v>
      </c>
      <c r="KC26" s="101">
        <v>33</v>
      </c>
      <c r="KD26" s="102">
        <v>29</v>
      </c>
      <c r="KE26" s="103">
        <v>62</v>
      </c>
      <c r="KF26" s="413">
        <v>0</v>
      </c>
      <c r="KG26" s="102">
        <v>33</v>
      </c>
      <c r="KH26" s="102">
        <v>37</v>
      </c>
      <c r="KI26" s="102">
        <v>29</v>
      </c>
      <c r="KJ26" s="102">
        <v>18</v>
      </c>
      <c r="KK26" s="102">
        <v>17</v>
      </c>
      <c r="KL26" s="103">
        <v>134</v>
      </c>
      <c r="KM26" s="104">
        <v>196</v>
      </c>
    </row>
    <row r="27" spans="2:299" s="70" customFormat="1" ht="21" customHeight="1" x14ac:dyDescent="0.2">
      <c r="B27" s="106" t="s">
        <v>24</v>
      </c>
      <c r="C27" s="96">
        <v>30</v>
      </c>
      <c r="D27" s="97">
        <v>18</v>
      </c>
      <c r="E27" s="98">
        <v>48</v>
      </c>
      <c r="F27" s="413">
        <v>0</v>
      </c>
      <c r="G27" s="97">
        <v>31</v>
      </c>
      <c r="H27" s="97">
        <v>25</v>
      </c>
      <c r="I27" s="97">
        <v>10</v>
      </c>
      <c r="J27" s="97">
        <v>10</v>
      </c>
      <c r="K27" s="97">
        <v>12</v>
      </c>
      <c r="L27" s="99">
        <v>88</v>
      </c>
      <c r="M27" s="100">
        <v>136</v>
      </c>
      <c r="N27" s="101">
        <v>1</v>
      </c>
      <c r="O27" s="102">
        <v>0</v>
      </c>
      <c r="P27" s="103">
        <v>1</v>
      </c>
      <c r="Q27" s="413">
        <v>0</v>
      </c>
      <c r="R27" s="102">
        <v>1</v>
      </c>
      <c r="S27" s="102">
        <v>0</v>
      </c>
      <c r="T27" s="102">
        <v>0</v>
      </c>
      <c r="U27" s="102">
        <v>0</v>
      </c>
      <c r="V27" s="102">
        <v>0</v>
      </c>
      <c r="W27" s="103">
        <v>1</v>
      </c>
      <c r="X27" s="104">
        <v>2</v>
      </c>
      <c r="Y27" s="101">
        <v>0</v>
      </c>
      <c r="Z27" s="102">
        <v>0</v>
      </c>
      <c r="AA27" s="103">
        <v>0</v>
      </c>
      <c r="AB27" s="413">
        <v>0</v>
      </c>
      <c r="AC27" s="102">
        <v>2</v>
      </c>
      <c r="AD27" s="102">
        <v>1</v>
      </c>
      <c r="AE27" s="102">
        <v>1</v>
      </c>
      <c r="AF27" s="102">
        <v>1</v>
      </c>
      <c r="AG27" s="102">
        <v>2</v>
      </c>
      <c r="AH27" s="103">
        <v>7</v>
      </c>
      <c r="AI27" s="104">
        <v>7</v>
      </c>
      <c r="AJ27" s="101">
        <v>1</v>
      </c>
      <c r="AK27" s="102">
        <v>1</v>
      </c>
      <c r="AL27" s="103">
        <v>2</v>
      </c>
      <c r="AM27" s="413">
        <v>0</v>
      </c>
      <c r="AN27" s="102">
        <v>5</v>
      </c>
      <c r="AO27" s="102">
        <v>2</v>
      </c>
      <c r="AP27" s="102">
        <v>0</v>
      </c>
      <c r="AQ27" s="102">
        <v>0</v>
      </c>
      <c r="AR27" s="102">
        <v>1</v>
      </c>
      <c r="AS27" s="103">
        <v>8</v>
      </c>
      <c r="AT27" s="104">
        <v>10</v>
      </c>
      <c r="AU27" s="101">
        <v>9</v>
      </c>
      <c r="AV27" s="102">
        <v>3</v>
      </c>
      <c r="AW27" s="103">
        <v>12</v>
      </c>
      <c r="AX27" s="413">
        <v>0</v>
      </c>
      <c r="AY27" s="102">
        <v>8</v>
      </c>
      <c r="AZ27" s="102">
        <v>6</v>
      </c>
      <c r="BA27" s="102">
        <v>2</v>
      </c>
      <c r="BB27" s="102">
        <v>1</v>
      </c>
      <c r="BC27" s="102">
        <v>2</v>
      </c>
      <c r="BD27" s="103">
        <v>19</v>
      </c>
      <c r="BE27" s="104">
        <v>31</v>
      </c>
      <c r="BF27" s="101">
        <v>10</v>
      </c>
      <c r="BG27" s="102">
        <v>6</v>
      </c>
      <c r="BH27" s="103">
        <v>16</v>
      </c>
      <c r="BI27" s="413">
        <v>0</v>
      </c>
      <c r="BJ27" s="102">
        <v>11</v>
      </c>
      <c r="BK27" s="102">
        <v>8</v>
      </c>
      <c r="BL27" s="102">
        <v>3</v>
      </c>
      <c r="BM27" s="102">
        <v>1</v>
      </c>
      <c r="BN27" s="102">
        <v>3</v>
      </c>
      <c r="BO27" s="103">
        <v>26</v>
      </c>
      <c r="BP27" s="104">
        <v>42</v>
      </c>
      <c r="BQ27" s="101">
        <v>9</v>
      </c>
      <c r="BR27" s="102">
        <v>8</v>
      </c>
      <c r="BS27" s="103">
        <v>17</v>
      </c>
      <c r="BT27" s="413">
        <v>0</v>
      </c>
      <c r="BU27" s="102">
        <v>4</v>
      </c>
      <c r="BV27" s="102">
        <v>8</v>
      </c>
      <c r="BW27" s="102">
        <v>4</v>
      </c>
      <c r="BX27" s="102">
        <v>7</v>
      </c>
      <c r="BY27" s="102">
        <v>4</v>
      </c>
      <c r="BZ27" s="103">
        <v>27</v>
      </c>
      <c r="CA27" s="104">
        <v>44</v>
      </c>
      <c r="CB27" s="101">
        <v>0</v>
      </c>
      <c r="CC27" s="102">
        <v>0</v>
      </c>
      <c r="CD27" s="103">
        <v>0</v>
      </c>
      <c r="CE27" s="413">
        <v>0</v>
      </c>
      <c r="CF27" s="102">
        <v>0</v>
      </c>
      <c r="CG27" s="102">
        <v>0</v>
      </c>
      <c r="CH27" s="102">
        <v>0</v>
      </c>
      <c r="CI27" s="102">
        <v>0</v>
      </c>
      <c r="CJ27" s="102">
        <v>0</v>
      </c>
      <c r="CK27" s="103">
        <v>0</v>
      </c>
      <c r="CL27" s="104">
        <v>0</v>
      </c>
      <c r="CM27" s="101">
        <v>30</v>
      </c>
      <c r="CN27" s="102">
        <v>18</v>
      </c>
      <c r="CO27" s="103">
        <v>48</v>
      </c>
      <c r="CP27" s="413">
        <v>0</v>
      </c>
      <c r="CQ27" s="102">
        <v>31</v>
      </c>
      <c r="CR27" s="102">
        <v>25</v>
      </c>
      <c r="CS27" s="102">
        <v>10</v>
      </c>
      <c r="CT27" s="102">
        <v>10</v>
      </c>
      <c r="CU27" s="102">
        <v>12</v>
      </c>
      <c r="CV27" s="103">
        <v>88</v>
      </c>
      <c r="CW27" s="104">
        <v>136</v>
      </c>
      <c r="CX27" s="105">
        <v>8</v>
      </c>
      <c r="CY27" s="97">
        <v>5</v>
      </c>
      <c r="CZ27" s="98">
        <v>13</v>
      </c>
      <c r="DA27" s="413">
        <v>0</v>
      </c>
      <c r="DB27" s="97">
        <v>14</v>
      </c>
      <c r="DC27" s="97">
        <v>7</v>
      </c>
      <c r="DD27" s="97">
        <v>4</v>
      </c>
      <c r="DE27" s="97">
        <v>4</v>
      </c>
      <c r="DF27" s="97">
        <v>7</v>
      </c>
      <c r="DG27" s="99">
        <v>36</v>
      </c>
      <c r="DH27" s="100">
        <v>49</v>
      </c>
      <c r="DI27" s="101">
        <v>0</v>
      </c>
      <c r="DJ27" s="102">
        <v>0</v>
      </c>
      <c r="DK27" s="103">
        <v>0</v>
      </c>
      <c r="DL27" s="413">
        <v>0</v>
      </c>
      <c r="DM27" s="102">
        <v>0</v>
      </c>
      <c r="DN27" s="102">
        <v>0</v>
      </c>
      <c r="DO27" s="102">
        <v>0</v>
      </c>
      <c r="DP27" s="102">
        <v>0</v>
      </c>
      <c r="DQ27" s="102">
        <v>0</v>
      </c>
      <c r="DR27" s="103">
        <v>0</v>
      </c>
      <c r="DS27" s="104">
        <v>0</v>
      </c>
      <c r="DT27" s="101">
        <v>0</v>
      </c>
      <c r="DU27" s="102">
        <v>0</v>
      </c>
      <c r="DV27" s="103">
        <v>0</v>
      </c>
      <c r="DW27" s="413">
        <v>0</v>
      </c>
      <c r="DX27" s="102">
        <v>0</v>
      </c>
      <c r="DY27" s="102">
        <v>0</v>
      </c>
      <c r="DZ27" s="102">
        <v>0</v>
      </c>
      <c r="EA27" s="102">
        <v>0</v>
      </c>
      <c r="EB27" s="102">
        <v>0</v>
      </c>
      <c r="EC27" s="103">
        <v>0</v>
      </c>
      <c r="ED27" s="104">
        <v>0</v>
      </c>
      <c r="EE27" s="101">
        <v>1</v>
      </c>
      <c r="EF27" s="102">
        <v>0</v>
      </c>
      <c r="EG27" s="103">
        <v>1</v>
      </c>
      <c r="EH27" s="413">
        <v>0</v>
      </c>
      <c r="EI27" s="102">
        <v>1</v>
      </c>
      <c r="EJ27" s="102">
        <v>0</v>
      </c>
      <c r="EK27" s="102">
        <v>1</v>
      </c>
      <c r="EL27" s="102">
        <v>0</v>
      </c>
      <c r="EM27" s="102">
        <v>0</v>
      </c>
      <c r="EN27" s="103">
        <v>2</v>
      </c>
      <c r="EO27" s="104">
        <v>3</v>
      </c>
      <c r="EP27" s="101">
        <v>3</v>
      </c>
      <c r="EQ27" s="102">
        <v>1</v>
      </c>
      <c r="ER27" s="103">
        <v>4</v>
      </c>
      <c r="ES27" s="413">
        <v>0</v>
      </c>
      <c r="ET27" s="102">
        <v>3</v>
      </c>
      <c r="EU27" s="102">
        <v>1</v>
      </c>
      <c r="EV27" s="102">
        <v>1</v>
      </c>
      <c r="EW27" s="102">
        <v>2</v>
      </c>
      <c r="EX27" s="102">
        <v>0</v>
      </c>
      <c r="EY27" s="103">
        <v>7</v>
      </c>
      <c r="EZ27" s="104">
        <v>11</v>
      </c>
      <c r="FA27" s="101">
        <v>1</v>
      </c>
      <c r="FB27" s="102">
        <v>2</v>
      </c>
      <c r="FC27" s="103">
        <v>3</v>
      </c>
      <c r="FD27" s="413">
        <v>0</v>
      </c>
      <c r="FE27" s="102">
        <v>8</v>
      </c>
      <c r="FF27" s="102">
        <v>3</v>
      </c>
      <c r="FG27" s="102">
        <v>0</v>
      </c>
      <c r="FH27" s="102">
        <v>0</v>
      </c>
      <c r="FI27" s="102">
        <v>3</v>
      </c>
      <c r="FJ27" s="103">
        <v>14</v>
      </c>
      <c r="FK27" s="104">
        <v>17</v>
      </c>
      <c r="FL27" s="101">
        <v>3</v>
      </c>
      <c r="FM27" s="102">
        <v>2</v>
      </c>
      <c r="FN27" s="103">
        <v>5</v>
      </c>
      <c r="FO27" s="413">
        <v>0</v>
      </c>
      <c r="FP27" s="102">
        <v>2</v>
      </c>
      <c r="FQ27" s="102">
        <v>3</v>
      </c>
      <c r="FR27" s="102">
        <v>2</v>
      </c>
      <c r="FS27" s="102">
        <v>2</v>
      </c>
      <c r="FT27" s="102">
        <v>4</v>
      </c>
      <c r="FU27" s="103">
        <v>13</v>
      </c>
      <c r="FV27" s="104">
        <v>18</v>
      </c>
      <c r="FW27" s="101">
        <v>0</v>
      </c>
      <c r="FX27" s="102">
        <v>0</v>
      </c>
      <c r="FY27" s="103">
        <v>0</v>
      </c>
      <c r="FZ27" s="413">
        <v>0</v>
      </c>
      <c r="GA27" s="102">
        <v>0</v>
      </c>
      <c r="GB27" s="102">
        <v>0</v>
      </c>
      <c r="GC27" s="102">
        <v>0</v>
      </c>
      <c r="GD27" s="102">
        <v>0</v>
      </c>
      <c r="GE27" s="102">
        <v>0</v>
      </c>
      <c r="GF27" s="103">
        <v>0</v>
      </c>
      <c r="GG27" s="104">
        <v>0</v>
      </c>
      <c r="GH27" s="101">
        <v>8</v>
      </c>
      <c r="GI27" s="102">
        <v>5</v>
      </c>
      <c r="GJ27" s="103">
        <v>13</v>
      </c>
      <c r="GK27" s="413">
        <v>0</v>
      </c>
      <c r="GL27" s="102">
        <v>14</v>
      </c>
      <c r="GM27" s="102">
        <v>7</v>
      </c>
      <c r="GN27" s="102">
        <v>4</v>
      </c>
      <c r="GO27" s="102">
        <v>4</v>
      </c>
      <c r="GP27" s="102">
        <v>7</v>
      </c>
      <c r="GQ27" s="103">
        <v>36</v>
      </c>
      <c r="GR27" s="104">
        <v>49</v>
      </c>
      <c r="GS27" s="105">
        <v>38</v>
      </c>
      <c r="GT27" s="97">
        <v>23</v>
      </c>
      <c r="GU27" s="98">
        <v>61</v>
      </c>
      <c r="GV27" s="413">
        <v>0</v>
      </c>
      <c r="GW27" s="97">
        <v>45</v>
      </c>
      <c r="GX27" s="97">
        <v>32</v>
      </c>
      <c r="GY27" s="97">
        <v>14</v>
      </c>
      <c r="GZ27" s="97">
        <v>14</v>
      </c>
      <c r="HA27" s="97">
        <v>19</v>
      </c>
      <c r="HB27" s="99">
        <v>124</v>
      </c>
      <c r="HC27" s="100">
        <v>185</v>
      </c>
      <c r="HD27" s="101">
        <v>1</v>
      </c>
      <c r="HE27" s="102">
        <v>0</v>
      </c>
      <c r="HF27" s="103">
        <v>1</v>
      </c>
      <c r="HG27" s="413">
        <v>0</v>
      </c>
      <c r="HH27" s="102">
        <v>1</v>
      </c>
      <c r="HI27" s="102">
        <v>0</v>
      </c>
      <c r="HJ27" s="102">
        <v>0</v>
      </c>
      <c r="HK27" s="102">
        <v>0</v>
      </c>
      <c r="HL27" s="102">
        <v>0</v>
      </c>
      <c r="HM27" s="103">
        <v>1</v>
      </c>
      <c r="HN27" s="104">
        <v>2</v>
      </c>
      <c r="HO27" s="101">
        <v>0</v>
      </c>
      <c r="HP27" s="102">
        <v>0</v>
      </c>
      <c r="HQ27" s="103">
        <v>0</v>
      </c>
      <c r="HR27" s="413">
        <v>0</v>
      </c>
      <c r="HS27" s="102">
        <v>2</v>
      </c>
      <c r="HT27" s="102">
        <v>1</v>
      </c>
      <c r="HU27" s="102">
        <v>1</v>
      </c>
      <c r="HV27" s="102">
        <v>1</v>
      </c>
      <c r="HW27" s="102">
        <v>2</v>
      </c>
      <c r="HX27" s="103">
        <v>7</v>
      </c>
      <c r="HY27" s="104">
        <v>7</v>
      </c>
      <c r="HZ27" s="101">
        <v>2</v>
      </c>
      <c r="IA27" s="102">
        <v>1</v>
      </c>
      <c r="IB27" s="103">
        <v>3</v>
      </c>
      <c r="IC27" s="413">
        <v>0</v>
      </c>
      <c r="ID27" s="102">
        <v>6</v>
      </c>
      <c r="IE27" s="102">
        <v>2</v>
      </c>
      <c r="IF27" s="102">
        <v>1</v>
      </c>
      <c r="IG27" s="102">
        <v>0</v>
      </c>
      <c r="IH27" s="102">
        <v>1</v>
      </c>
      <c r="II27" s="103">
        <v>10</v>
      </c>
      <c r="IJ27" s="104">
        <v>13</v>
      </c>
      <c r="IK27" s="101">
        <v>12</v>
      </c>
      <c r="IL27" s="102">
        <v>4</v>
      </c>
      <c r="IM27" s="103">
        <v>16</v>
      </c>
      <c r="IN27" s="413">
        <v>0</v>
      </c>
      <c r="IO27" s="102">
        <v>11</v>
      </c>
      <c r="IP27" s="102">
        <v>7</v>
      </c>
      <c r="IQ27" s="102">
        <v>3</v>
      </c>
      <c r="IR27" s="102">
        <v>3</v>
      </c>
      <c r="IS27" s="102">
        <v>2</v>
      </c>
      <c r="IT27" s="103">
        <v>26</v>
      </c>
      <c r="IU27" s="104">
        <v>42</v>
      </c>
      <c r="IV27" s="101">
        <v>11</v>
      </c>
      <c r="IW27" s="102">
        <v>8</v>
      </c>
      <c r="IX27" s="103">
        <v>19</v>
      </c>
      <c r="IY27" s="413">
        <v>0</v>
      </c>
      <c r="IZ27" s="102">
        <v>19</v>
      </c>
      <c r="JA27" s="102">
        <v>11</v>
      </c>
      <c r="JB27" s="102">
        <v>3</v>
      </c>
      <c r="JC27" s="102">
        <v>1</v>
      </c>
      <c r="JD27" s="102">
        <v>6</v>
      </c>
      <c r="JE27" s="103">
        <v>40</v>
      </c>
      <c r="JF27" s="104">
        <v>59</v>
      </c>
      <c r="JG27" s="101">
        <v>12</v>
      </c>
      <c r="JH27" s="102">
        <v>10</v>
      </c>
      <c r="JI27" s="103">
        <v>22</v>
      </c>
      <c r="JJ27" s="413">
        <v>0</v>
      </c>
      <c r="JK27" s="102">
        <v>6</v>
      </c>
      <c r="JL27" s="102">
        <v>11</v>
      </c>
      <c r="JM27" s="102">
        <v>6</v>
      </c>
      <c r="JN27" s="102">
        <v>9</v>
      </c>
      <c r="JO27" s="102">
        <v>8</v>
      </c>
      <c r="JP27" s="103">
        <v>40</v>
      </c>
      <c r="JQ27" s="104">
        <v>62</v>
      </c>
      <c r="JR27" s="101">
        <v>0</v>
      </c>
      <c r="JS27" s="102">
        <v>0</v>
      </c>
      <c r="JT27" s="103">
        <v>0</v>
      </c>
      <c r="JU27" s="413">
        <v>0</v>
      </c>
      <c r="JV27" s="102">
        <v>0</v>
      </c>
      <c r="JW27" s="102">
        <v>0</v>
      </c>
      <c r="JX27" s="102">
        <v>0</v>
      </c>
      <c r="JY27" s="102">
        <v>0</v>
      </c>
      <c r="JZ27" s="102">
        <v>0</v>
      </c>
      <c r="KA27" s="103">
        <v>0</v>
      </c>
      <c r="KB27" s="104">
        <v>0</v>
      </c>
      <c r="KC27" s="101">
        <v>38</v>
      </c>
      <c r="KD27" s="102">
        <v>23</v>
      </c>
      <c r="KE27" s="103">
        <v>61</v>
      </c>
      <c r="KF27" s="413">
        <v>0</v>
      </c>
      <c r="KG27" s="102">
        <v>45</v>
      </c>
      <c r="KH27" s="102">
        <v>32</v>
      </c>
      <c r="KI27" s="102">
        <v>14</v>
      </c>
      <c r="KJ27" s="102">
        <v>14</v>
      </c>
      <c r="KK27" s="102">
        <v>19</v>
      </c>
      <c r="KL27" s="103">
        <v>124</v>
      </c>
      <c r="KM27" s="104">
        <v>185</v>
      </c>
    </row>
    <row r="28" spans="2:299" s="70" customFormat="1" ht="21" customHeight="1" x14ac:dyDescent="0.2">
      <c r="B28" s="106" t="s">
        <v>25</v>
      </c>
      <c r="C28" s="96">
        <v>11</v>
      </c>
      <c r="D28" s="97">
        <v>13</v>
      </c>
      <c r="E28" s="98">
        <v>24</v>
      </c>
      <c r="F28" s="413">
        <v>0</v>
      </c>
      <c r="G28" s="97">
        <v>8</v>
      </c>
      <c r="H28" s="97">
        <v>14</v>
      </c>
      <c r="I28" s="97">
        <v>11</v>
      </c>
      <c r="J28" s="97">
        <v>8</v>
      </c>
      <c r="K28" s="97">
        <v>8</v>
      </c>
      <c r="L28" s="99">
        <v>49</v>
      </c>
      <c r="M28" s="100">
        <v>73</v>
      </c>
      <c r="N28" s="101">
        <v>0</v>
      </c>
      <c r="O28" s="102">
        <v>1</v>
      </c>
      <c r="P28" s="103">
        <v>1</v>
      </c>
      <c r="Q28" s="413">
        <v>0</v>
      </c>
      <c r="R28" s="102">
        <v>0</v>
      </c>
      <c r="S28" s="102">
        <v>1</v>
      </c>
      <c r="T28" s="102">
        <v>1</v>
      </c>
      <c r="U28" s="102">
        <v>1</v>
      </c>
      <c r="V28" s="102">
        <v>1</v>
      </c>
      <c r="W28" s="103">
        <v>4</v>
      </c>
      <c r="X28" s="104">
        <v>5</v>
      </c>
      <c r="Y28" s="101">
        <v>2</v>
      </c>
      <c r="Z28" s="102">
        <v>2</v>
      </c>
      <c r="AA28" s="103">
        <v>4</v>
      </c>
      <c r="AB28" s="413">
        <v>0</v>
      </c>
      <c r="AC28" s="102">
        <v>0</v>
      </c>
      <c r="AD28" s="102">
        <v>1</v>
      </c>
      <c r="AE28" s="102">
        <v>2</v>
      </c>
      <c r="AF28" s="102">
        <v>0</v>
      </c>
      <c r="AG28" s="102">
        <v>2</v>
      </c>
      <c r="AH28" s="103">
        <v>5</v>
      </c>
      <c r="AI28" s="104">
        <v>9</v>
      </c>
      <c r="AJ28" s="101">
        <v>1</v>
      </c>
      <c r="AK28" s="102">
        <v>1</v>
      </c>
      <c r="AL28" s="103">
        <v>2</v>
      </c>
      <c r="AM28" s="413">
        <v>0</v>
      </c>
      <c r="AN28" s="102">
        <v>1</v>
      </c>
      <c r="AO28" s="102">
        <v>3</v>
      </c>
      <c r="AP28" s="102">
        <v>1</v>
      </c>
      <c r="AQ28" s="102">
        <v>3</v>
      </c>
      <c r="AR28" s="102">
        <v>0</v>
      </c>
      <c r="AS28" s="103">
        <v>8</v>
      </c>
      <c r="AT28" s="104">
        <v>10</v>
      </c>
      <c r="AU28" s="101">
        <v>3</v>
      </c>
      <c r="AV28" s="102">
        <v>5</v>
      </c>
      <c r="AW28" s="103">
        <v>8</v>
      </c>
      <c r="AX28" s="413">
        <v>0</v>
      </c>
      <c r="AY28" s="102">
        <v>5</v>
      </c>
      <c r="AZ28" s="102">
        <v>2</v>
      </c>
      <c r="BA28" s="102">
        <v>1</v>
      </c>
      <c r="BB28" s="102">
        <v>2</v>
      </c>
      <c r="BC28" s="102">
        <v>2</v>
      </c>
      <c r="BD28" s="103">
        <v>12</v>
      </c>
      <c r="BE28" s="104">
        <v>20</v>
      </c>
      <c r="BF28" s="101">
        <v>2</v>
      </c>
      <c r="BG28" s="102">
        <v>1</v>
      </c>
      <c r="BH28" s="103">
        <v>3</v>
      </c>
      <c r="BI28" s="413">
        <v>0</v>
      </c>
      <c r="BJ28" s="102">
        <v>1</v>
      </c>
      <c r="BK28" s="102">
        <v>2</v>
      </c>
      <c r="BL28" s="102">
        <v>3</v>
      </c>
      <c r="BM28" s="102">
        <v>1</v>
      </c>
      <c r="BN28" s="102">
        <v>0</v>
      </c>
      <c r="BO28" s="103">
        <v>7</v>
      </c>
      <c r="BP28" s="104">
        <v>10</v>
      </c>
      <c r="BQ28" s="101">
        <v>3</v>
      </c>
      <c r="BR28" s="102">
        <v>3</v>
      </c>
      <c r="BS28" s="103">
        <v>6</v>
      </c>
      <c r="BT28" s="413">
        <v>0</v>
      </c>
      <c r="BU28" s="102">
        <v>1</v>
      </c>
      <c r="BV28" s="102">
        <v>5</v>
      </c>
      <c r="BW28" s="102">
        <v>3</v>
      </c>
      <c r="BX28" s="102">
        <v>1</v>
      </c>
      <c r="BY28" s="102">
        <v>3</v>
      </c>
      <c r="BZ28" s="103">
        <v>13</v>
      </c>
      <c r="CA28" s="104">
        <v>19</v>
      </c>
      <c r="CB28" s="101">
        <v>0</v>
      </c>
      <c r="CC28" s="102">
        <v>0</v>
      </c>
      <c r="CD28" s="103">
        <v>0</v>
      </c>
      <c r="CE28" s="413">
        <v>0</v>
      </c>
      <c r="CF28" s="102">
        <v>0</v>
      </c>
      <c r="CG28" s="102">
        <v>0</v>
      </c>
      <c r="CH28" s="102">
        <v>0</v>
      </c>
      <c r="CI28" s="102">
        <v>0</v>
      </c>
      <c r="CJ28" s="102">
        <v>0</v>
      </c>
      <c r="CK28" s="103">
        <v>0</v>
      </c>
      <c r="CL28" s="104">
        <v>0</v>
      </c>
      <c r="CM28" s="101">
        <v>11</v>
      </c>
      <c r="CN28" s="102">
        <v>13</v>
      </c>
      <c r="CO28" s="103">
        <v>24</v>
      </c>
      <c r="CP28" s="413">
        <v>0</v>
      </c>
      <c r="CQ28" s="102">
        <v>8</v>
      </c>
      <c r="CR28" s="102">
        <v>14</v>
      </c>
      <c r="CS28" s="102">
        <v>11</v>
      </c>
      <c r="CT28" s="102">
        <v>8</v>
      </c>
      <c r="CU28" s="102">
        <v>8</v>
      </c>
      <c r="CV28" s="103">
        <v>49</v>
      </c>
      <c r="CW28" s="104">
        <v>73</v>
      </c>
      <c r="CX28" s="105">
        <v>4</v>
      </c>
      <c r="CY28" s="97">
        <v>15</v>
      </c>
      <c r="CZ28" s="98">
        <v>19</v>
      </c>
      <c r="DA28" s="413">
        <v>0</v>
      </c>
      <c r="DB28" s="97">
        <v>7</v>
      </c>
      <c r="DC28" s="97">
        <v>5</v>
      </c>
      <c r="DD28" s="97">
        <v>4</v>
      </c>
      <c r="DE28" s="97">
        <v>1</v>
      </c>
      <c r="DF28" s="97">
        <v>3</v>
      </c>
      <c r="DG28" s="99">
        <v>20</v>
      </c>
      <c r="DH28" s="100">
        <v>39</v>
      </c>
      <c r="DI28" s="101">
        <v>0</v>
      </c>
      <c r="DJ28" s="102">
        <v>0</v>
      </c>
      <c r="DK28" s="103">
        <v>0</v>
      </c>
      <c r="DL28" s="413">
        <v>0</v>
      </c>
      <c r="DM28" s="102">
        <v>0</v>
      </c>
      <c r="DN28" s="102">
        <v>0</v>
      </c>
      <c r="DO28" s="102">
        <v>0</v>
      </c>
      <c r="DP28" s="102">
        <v>0</v>
      </c>
      <c r="DQ28" s="102">
        <v>0</v>
      </c>
      <c r="DR28" s="103">
        <v>0</v>
      </c>
      <c r="DS28" s="104">
        <v>0</v>
      </c>
      <c r="DT28" s="101">
        <v>0</v>
      </c>
      <c r="DU28" s="102">
        <v>0</v>
      </c>
      <c r="DV28" s="103">
        <v>0</v>
      </c>
      <c r="DW28" s="413">
        <v>0</v>
      </c>
      <c r="DX28" s="102">
        <v>2</v>
      </c>
      <c r="DY28" s="102">
        <v>0</v>
      </c>
      <c r="DZ28" s="102">
        <v>0</v>
      </c>
      <c r="EA28" s="102">
        <v>0</v>
      </c>
      <c r="EB28" s="102">
        <v>1</v>
      </c>
      <c r="EC28" s="103">
        <v>3</v>
      </c>
      <c r="ED28" s="104">
        <v>3</v>
      </c>
      <c r="EE28" s="101">
        <v>1</v>
      </c>
      <c r="EF28" s="102">
        <v>1</v>
      </c>
      <c r="EG28" s="103">
        <v>2</v>
      </c>
      <c r="EH28" s="413">
        <v>0</v>
      </c>
      <c r="EI28" s="102">
        <v>0</v>
      </c>
      <c r="EJ28" s="102">
        <v>0</v>
      </c>
      <c r="EK28" s="102">
        <v>0</v>
      </c>
      <c r="EL28" s="102">
        <v>0</v>
      </c>
      <c r="EM28" s="102">
        <v>0</v>
      </c>
      <c r="EN28" s="103">
        <v>0</v>
      </c>
      <c r="EO28" s="104">
        <v>2</v>
      </c>
      <c r="EP28" s="101">
        <v>0</v>
      </c>
      <c r="EQ28" s="102">
        <v>3</v>
      </c>
      <c r="ER28" s="103">
        <v>3</v>
      </c>
      <c r="ES28" s="413">
        <v>0</v>
      </c>
      <c r="ET28" s="102">
        <v>0</v>
      </c>
      <c r="EU28" s="102">
        <v>2</v>
      </c>
      <c r="EV28" s="102">
        <v>1</v>
      </c>
      <c r="EW28" s="102">
        <v>0</v>
      </c>
      <c r="EX28" s="102">
        <v>0</v>
      </c>
      <c r="EY28" s="103">
        <v>3</v>
      </c>
      <c r="EZ28" s="104">
        <v>6</v>
      </c>
      <c r="FA28" s="101">
        <v>1</v>
      </c>
      <c r="FB28" s="102">
        <v>4</v>
      </c>
      <c r="FC28" s="103">
        <v>5</v>
      </c>
      <c r="FD28" s="413">
        <v>0</v>
      </c>
      <c r="FE28" s="102">
        <v>2</v>
      </c>
      <c r="FF28" s="102">
        <v>1</v>
      </c>
      <c r="FG28" s="102">
        <v>0</v>
      </c>
      <c r="FH28" s="102">
        <v>0</v>
      </c>
      <c r="FI28" s="102">
        <v>1</v>
      </c>
      <c r="FJ28" s="103">
        <v>4</v>
      </c>
      <c r="FK28" s="104">
        <v>9</v>
      </c>
      <c r="FL28" s="101">
        <v>2</v>
      </c>
      <c r="FM28" s="102">
        <v>7</v>
      </c>
      <c r="FN28" s="103">
        <v>9</v>
      </c>
      <c r="FO28" s="413">
        <v>0</v>
      </c>
      <c r="FP28" s="102">
        <v>3</v>
      </c>
      <c r="FQ28" s="102">
        <v>2</v>
      </c>
      <c r="FR28" s="102">
        <v>3</v>
      </c>
      <c r="FS28" s="102">
        <v>1</v>
      </c>
      <c r="FT28" s="102">
        <v>1</v>
      </c>
      <c r="FU28" s="103">
        <v>10</v>
      </c>
      <c r="FV28" s="104">
        <v>19</v>
      </c>
      <c r="FW28" s="101">
        <v>0</v>
      </c>
      <c r="FX28" s="102">
        <v>0</v>
      </c>
      <c r="FY28" s="103">
        <v>0</v>
      </c>
      <c r="FZ28" s="413">
        <v>0</v>
      </c>
      <c r="GA28" s="102">
        <v>0</v>
      </c>
      <c r="GB28" s="102">
        <v>0</v>
      </c>
      <c r="GC28" s="102">
        <v>0</v>
      </c>
      <c r="GD28" s="102">
        <v>0</v>
      </c>
      <c r="GE28" s="102">
        <v>0</v>
      </c>
      <c r="GF28" s="103">
        <v>0</v>
      </c>
      <c r="GG28" s="104">
        <v>0</v>
      </c>
      <c r="GH28" s="101">
        <v>4</v>
      </c>
      <c r="GI28" s="102">
        <v>15</v>
      </c>
      <c r="GJ28" s="103">
        <v>19</v>
      </c>
      <c r="GK28" s="413">
        <v>0</v>
      </c>
      <c r="GL28" s="102">
        <v>7</v>
      </c>
      <c r="GM28" s="102">
        <v>5</v>
      </c>
      <c r="GN28" s="102">
        <v>4</v>
      </c>
      <c r="GO28" s="102">
        <v>1</v>
      </c>
      <c r="GP28" s="102">
        <v>3</v>
      </c>
      <c r="GQ28" s="103">
        <v>20</v>
      </c>
      <c r="GR28" s="104">
        <v>39</v>
      </c>
      <c r="GS28" s="105">
        <v>15</v>
      </c>
      <c r="GT28" s="97">
        <v>28</v>
      </c>
      <c r="GU28" s="98">
        <v>43</v>
      </c>
      <c r="GV28" s="413">
        <v>0</v>
      </c>
      <c r="GW28" s="97">
        <v>15</v>
      </c>
      <c r="GX28" s="97">
        <v>19</v>
      </c>
      <c r="GY28" s="97">
        <v>15</v>
      </c>
      <c r="GZ28" s="97">
        <v>9</v>
      </c>
      <c r="HA28" s="97">
        <v>11</v>
      </c>
      <c r="HB28" s="99">
        <v>69</v>
      </c>
      <c r="HC28" s="100">
        <v>112</v>
      </c>
      <c r="HD28" s="101">
        <v>0</v>
      </c>
      <c r="HE28" s="102">
        <v>1</v>
      </c>
      <c r="HF28" s="103">
        <v>1</v>
      </c>
      <c r="HG28" s="413">
        <v>0</v>
      </c>
      <c r="HH28" s="102">
        <v>0</v>
      </c>
      <c r="HI28" s="102">
        <v>1</v>
      </c>
      <c r="HJ28" s="102">
        <v>1</v>
      </c>
      <c r="HK28" s="102">
        <v>1</v>
      </c>
      <c r="HL28" s="102">
        <v>1</v>
      </c>
      <c r="HM28" s="103">
        <v>4</v>
      </c>
      <c r="HN28" s="104">
        <v>5</v>
      </c>
      <c r="HO28" s="101">
        <v>2</v>
      </c>
      <c r="HP28" s="102">
        <v>2</v>
      </c>
      <c r="HQ28" s="103">
        <v>4</v>
      </c>
      <c r="HR28" s="413">
        <v>0</v>
      </c>
      <c r="HS28" s="102">
        <v>2</v>
      </c>
      <c r="HT28" s="102">
        <v>1</v>
      </c>
      <c r="HU28" s="102">
        <v>2</v>
      </c>
      <c r="HV28" s="102">
        <v>0</v>
      </c>
      <c r="HW28" s="102">
        <v>3</v>
      </c>
      <c r="HX28" s="103">
        <v>8</v>
      </c>
      <c r="HY28" s="104">
        <v>12</v>
      </c>
      <c r="HZ28" s="101">
        <v>2</v>
      </c>
      <c r="IA28" s="102">
        <v>2</v>
      </c>
      <c r="IB28" s="103">
        <v>4</v>
      </c>
      <c r="IC28" s="413">
        <v>0</v>
      </c>
      <c r="ID28" s="102">
        <v>1</v>
      </c>
      <c r="IE28" s="102">
        <v>3</v>
      </c>
      <c r="IF28" s="102">
        <v>1</v>
      </c>
      <c r="IG28" s="102">
        <v>3</v>
      </c>
      <c r="IH28" s="102">
        <v>0</v>
      </c>
      <c r="II28" s="103">
        <v>8</v>
      </c>
      <c r="IJ28" s="104">
        <v>12</v>
      </c>
      <c r="IK28" s="101">
        <v>3</v>
      </c>
      <c r="IL28" s="102">
        <v>8</v>
      </c>
      <c r="IM28" s="103">
        <v>11</v>
      </c>
      <c r="IN28" s="413">
        <v>0</v>
      </c>
      <c r="IO28" s="102">
        <v>5</v>
      </c>
      <c r="IP28" s="102">
        <v>4</v>
      </c>
      <c r="IQ28" s="102">
        <v>2</v>
      </c>
      <c r="IR28" s="102">
        <v>2</v>
      </c>
      <c r="IS28" s="102">
        <v>2</v>
      </c>
      <c r="IT28" s="103">
        <v>15</v>
      </c>
      <c r="IU28" s="104">
        <v>26</v>
      </c>
      <c r="IV28" s="101">
        <v>3</v>
      </c>
      <c r="IW28" s="102">
        <v>5</v>
      </c>
      <c r="IX28" s="103">
        <v>8</v>
      </c>
      <c r="IY28" s="413">
        <v>0</v>
      </c>
      <c r="IZ28" s="102">
        <v>3</v>
      </c>
      <c r="JA28" s="102">
        <v>3</v>
      </c>
      <c r="JB28" s="102">
        <v>3</v>
      </c>
      <c r="JC28" s="102">
        <v>1</v>
      </c>
      <c r="JD28" s="102">
        <v>1</v>
      </c>
      <c r="JE28" s="103">
        <v>11</v>
      </c>
      <c r="JF28" s="104">
        <v>19</v>
      </c>
      <c r="JG28" s="101">
        <v>5</v>
      </c>
      <c r="JH28" s="102">
        <v>10</v>
      </c>
      <c r="JI28" s="103">
        <v>15</v>
      </c>
      <c r="JJ28" s="413">
        <v>0</v>
      </c>
      <c r="JK28" s="102">
        <v>4</v>
      </c>
      <c r="JL28" s="102">
        <v>7</v>
      </c>
      <c r="JM28" s="102">
        <v>6</v>
      </c>
      <c r="JN28" s="102">
        <v>2</v>
      </c>
      <c r="JO28" s="102">
        <v>4</v>
      </c>
      <c r="JP28" s="103">
        <v>23</v>
      </c>
      <c r="JQ28" s="104">
        <v>38</v>
      </c>
      <c r="JR28" s="101">
        <v>0</v>
      </c>
      <c r="JS28" s="102">
        <v>0</v>
      </c>
      <c r="JT28" s="103">
        <v>0</v>
      </c>
      <c r="JU28" s="413">
        <v>0</v>
      </c>
      <c r="JV28" s="102">
        <v>0</v>
      </c>
      <c r="JW28" s="102">
        <v>0</v>
      </c>
      <c r="JX28" s="102">
        <v>0</v>
      </c>
      <c r="JY28" s="102">
        <v>0</v>
      </c>
      <c r="JZ28" s="102">
        <v>0</v>
      </c>
      <c r="KA28" s="103">
        <v>0</v>
      </c>
      <c r="KB28" s="104">
        <v>0</v>
      </c>
      <c r="KC28" s="101">
        <v>15</v>
      </c>
      <c r="KD28" s="102">
        <v>28</v>
      </c>
      <c r="KE28" s="103">
        <v>43</v>
      </c>
      <c r="KF28" s="413">
        <v>0</v>
      </c>
      <c r="KG28" s="102">
        <v>15</v>
      </c>
      <c r="KH28" s="102">
        <v>19</v>
      </c>
      <c r="KI28" s="102">
        <v>15</v>
      </c>
      <c r="KJ28" s="102">
        <v>9</v>
      </c>
      <c r="KK28" s="102">
        <v>11</v>
      </c>
      <c r="KL28" s="103">
        <v>69</v>
      </c>
      <c r="KM28" s="104">
        <v>112</v>
      </c>
    </row>
    <row r="29" spans="2:299" s="70" customFormat="1" ht="21" customHeight="1" x14ac:dyDescent="0.2">
      <c r="B29" s="106" t="s">
        <v>26</v>
      </c>
      <c r="C29" s="96">
        <v>16</v>
      </c>
      <c r="D29" s="97">
        <v>10</v>
      </c>
      <c r="E29" s="98">
        <v>26</v>
      </c>
      <c r="F29" s="413">
        <v>0</v>
      </c>
      <c r="G29" s="97">
        <v>20</v>
      </c>
      <c r="H29" s="97">
        <v>19</v>
      </c>
      <c r="I29" s="97">
        <v>11</v>
      </c>
      <c r="J29" s="97">
        <v>3</v>
      </c>
      <c r="K29" s="97">
        <v>7</v>
      </c>
      <c r="L29" s="99">
        <v>60</v>
      </c>
      <c r="M29" s="100">
        <v>86</v>
      </c>
      <c r="N29" s="101">
        <v>0</v>
      </c>
      <c r="O29" s="102">
        <v>0</v>
      </c>
      <c r="P29" s="103">
        <v>0</v>
      </c>
      <c r="Q29" s="413">
        <v>0</v>
      </c>
      <c r="R29" s="102">
        <v>0</v>
      </c>
      <c r="S29" s="102">
        <v>0</v>
      </c>
      <c r="T29" s="102">
        <v>0</v>
      </c>
      <c r="U29" s="102">
        <v>0</v>
      </c>
      <c r="V29" s="102">
        <v>0</v>
      </c>
      <c r="W29" s="103">
        <v>0</v>
      </c>
      <c r="X29" s="104">
        <v>0</v>
      </c>
      <c r="Y29" s="101">
        <v>2</v>
      </c>
      <c r="Z29" s="102">
        <v>0</v>
      </c>
      <c r="AA29" s="103">
        <v>2</v>
      </c>
      <c r="AB29" s="413">
        <v>0</v>
      </c>
      <c r="AC29" s="102">
        <v>2</v>
      </c>
      <c r="AD29" s="102">
        <v>2</v>
      </c>
      <c r="AE29" s="102">
        <v>0</v>
      </c>
      <c r="AF29" s="102">
        <v>0</v>
      </c>
      <c r="AG29" s="102">
        <v>0</v>
      </c>
      <c r="AH29" s="103">
        <v>4</v>
      </c>
      <c r="AI29" s="104">
        <v>6</v>
      </c>
      <c r="AJ29" s="101">
        <v>2</v>
      </c>
      <c r="AK29" s="102">
        <v>2</v>
      </c>
      <c r="AL29" s="103">
        <v>4</v>
      </c>
      <c r="AM29" s="413">
        <v>0</v>
      </c>
      <c r="AN29" s="102">
        <v>3</v>
      </c>
      <c r="AO29" s="102">
        <v>3</v>
      </c>
      <c r="AP29" s="102">
        <v>0</v>
      </c>
      <c r="AQ29" s="102">
        <v>0</v>
      </c>
      <c r="AR29" s="102">
        <v>2</v>
      </c>
      <c r="AS29" s="103">
        <v>8</v>
      </c>
      <c r="AT29" s="104">
        <v>12</v>
      </c>
      <c r="AU29" s="101">
        <v>1</v>
      </c>
      <c r="AV29" s="102">
        <v>3</v>
      </c>
      <c r="AW29" s="103">
        <v>4</v>
      </c>
      <c r="AX29" s="413">
        <v>0</v>
      </c>
      <c r="AY29" s="102">
        <v>3</v>
      </c>
      <c r="AZ29" s="102">
        <v>4</v>
      </c>
      <c r="BA29" s="102">
        <v>4</v>
      </c>
      <c r="BB29" s="102">
        <v>0</v>
      </c>
      <c r="BC29" s="102">
        <v>2</v>
      </c>
      <c r="BD29" s="103">
        <v>13</v>
      </c>
      <c r="BE29" s="104">
        <v>17</v>
      </c>
      <c r="BF29" s="101">
        <v>7</v>
      </c>
      <c r="BG29" s="102">
        <v>1</v>
      </c>
      <c r="BH29" s="103">
        <v>8</v>
      </c>
      <c r="BI29" s="413">
        <v>0</v>
      </c>
      <c r="BJ29" s="102">
        <v>6</v>
      </c>
      <c r="BK29" s="102">
        <v>5</v>
      </c>
      <c r="BL29" s="102">
        <v>4</v>
      </c>
      <c r="BM29" s="102">
        <v>1</v>
      </c>
      <c r="BN29" s="102">
        <v>1</v>
      </c>
      <c r="BO29" s="103">
        <v>17</v>
      </c>
      <c r="BP29" s="104">
        <v>25</v>
      </c>
      <c r="BQ29" s="101">
        <v>4</v>
      </c>
      <c r="BR29" s="102">
        <v>4</v>
      </c>
      <c r="BS29" s="103">
        <v>8</v>
      </c>
      <c r="BT29" s="413">
        <v>0</v>
      </c>
      <c r="BU29" s="102">
        <v>6</v>
      </c>
      <c r="BV29" s="102">
        <v>5</v>
      </c>
      <c r="BW29" s="102">
        <v>3</v>
      </c>
      <c r="BX29" s="102">
        <v>2</v>
      </c>
      <c r="BY29" s="102">
        <v>2</v>
      </c>
      <c r="BZ29" s="103">
        <v>18</v>
      </c>
      <c r="CA29" s="104">
        <v>26</v>
      </c>
      <c r="CB29" s="101">
        <v>0</v>
      </c>
      <c r="CC29" s="102">
        <v>0</v>
      </c>
      <c r="CD29" s="103">
        <v>0</v>
      </c>
      <c r="CE29" s="413">
        <v>0</v>
      </c>
      <c r="CF29" s="102">
        <v>0</v>
      </c>
      <c r="CG29" s="102">
        <v>0</v>
      </c>
      <c r="CH29" s="102">
        <v>0</v>
      </c>
      <c r="CI29" s="102">
        <v>0</v>
      </c>
      <c r="CJ29" s="102">
        <v>0</v>
      </c>
      <c r="CK29" s="103">
        <v>0</v>
      </c>
      <c r="CL29" s="104">
        <v>0</v>
      </c>
      <c r="CM29" s="101">
        <v>16</v>
      </c>
      <c r="CN29" s="102">
        <v>10</v>
      </c>
      <c r="CO29" s="103">
        <v>26</v>
      </c>
      <c r="CP29" s="413">
        <v>0</v>
      </c>
      <c r="CQ29" s="102">
        <v>20</v>
      </c>
      <c r="CR29" s="102">
        <v>19</v>
      </c>
      <c r="CS29" s="102">
        <v>11</v>
      </c>
      <c r="CT29" s="102">
        <v>3</v>
      </c>
      <c r="CU29" s="102">
        <v>7</v>
      </c>
      <c r="CV29" s="103">
        <v>60</v>
      </c>
      <c r="CW29" s="104">
        <v>86</v>
      </c>
      <c r="CX29" s="105">
        <v>2</v>
      </c>
      <c r="CY29" s="97">
        <v>6</v>
      </c>
      <c r="CZ29" s="98">
        <v>8</v>
      </c>
      <c r="DA29" s="413">
        <v>0</v>
      </c>
      <c r="DB29" s="97">
        <v>6</v>
      </c>
      <c r="DC29" s="97">
        <v>5</v>
      </c>
      <c r="DD29" s="97">
        <v>5</v>
      </c>
      <c r="DE29" s="97">
        <v>2</v>
      </c>
      <c r="DF29" s="97">
        <v>2</v>
      </c>
      <c r="DG29" s="99">
        <v>20</v>
      </c>
      <c r="DH29" s="100">
        <v>28</v>
      </c>
      <c r="DI29" s="101">
        <v>0</v>
      </c>
      <c r="DJ29" s="102">
        <v>0</v>
      </c>
      <c r="DK29" s="103">
        <v>0</v>
      </c>
      <c r="DL29" s="413">
        <v>0</v>
      </c>
      <c r="DM29" s="102">
        <v>0</v>
      </c>
      <c r="DN29" s="102">
        <v>0</v>
      </c>
      <c r="DO29" s="102">
        <v>0</v>
      </c>
      <c r="DP29" s="102">
        <v>0</v>
      </c>
      <c r="DQ29" s="102">
        <v>0</v>
      </c>
      <c r="DR29" s="103">
        <v>0</v>
      </c>
      <c r="DS29" s="104">
        <v>0</v>
      </c>
      <c r="DT29" s="101">
        <v>0</v>
      </c>
      <c r="DU29" s="102">
        <v>0</v>
      </c>
      <c r="DV29" s="103">
        <v>0</v>
      </c>
      <c r="DW29" s="413">
        <v>0</v>
      </c>
      <c r="DX29" s="102">
        <v>0</v>
      </c>
      <c r="DY29" s="102">
        <v>0</v>
      </c>
      <c r="DZ29" s="102">
        <v>0</v>
      </c>
      <c r="EA29" s="102">
        <v>0</v>
      </c>
      <c r="EB29" s="102">
        <v>1</v>
      </c>
      <c r="EC29" s="103">
        <v>1</v>
      </c>
      <c r="ED29" s="104">
        <v>1</v>
      </c>
      <c r="EE29" s="101">
        <v>0</v>
      </c>
      <c r="EF29" s="102">
        <v>3</v>
      </c>
      <c r="EG29" s="103">
        <v>3</v>
      </c>
      <c r="EH29" s="413">
        <v>0</v>
      </c>
      <c r="EI29" s="102">
        <v>0</v>
      </c>
      <c r="EJ29" s="102">
        <v>0</v>
      </c>
      <c r="EK29" s="102">
        <v>1</v>
      </c>
      <c r="EL29" s="102">
        <v>0</v>
      </c>
      <c r="EM29" s="102">
        <v>0</v>
      </c>
      <c r="EN29" s="103">
        <v>1</v>
      </c>
      <c r="EO29" s="104">
        <v>4</v>
      </c>
      <c r="EP29" s="101">
        <v>1</v>
      </c>
      <c r="EQ29" s="102">
        <v>1</v>
      </c>
      <c r="ER29" s="103">
        <v>2</v>
      </c>
      <c r="ES29" s="413">
        <v>0</v>
      </c>
      <c r="ET29" s="102">
        <v>2</v>
      </c>
      <c r="EU29" s="102">
        <v>1</v>
      </c>
      <c r="EV29" s="102">
        <v>0</v>
      </c>
      <c r="EW29" s="102">
        <v>0</v>
      </c>
      <c r="EX29" s="102">
        <v>0</v>
      </c>
      <c r="EY29" s="103">
        <v>3</v>
      </c>
      <c r="EZ29" s="104">
        <v>5</v>
      </c>
      <c r="FA29" s="101">
        <v>1</v>
      </c>
      <c r="FB29" s="102">
        <v>0</v>
      </c>
      <c r="FC29" s="103">
        <v>1</v>
      </c>
      <c r="FD29" s="413">
        <v>0</v>
      </c>
      <c r="FE29" s="102">
        <v>2</v>
      </c>
      <c r="FF29" s="102">
        <v>2</v>
      </c>
      <c r="FG29" s="102">
        <v>1</v>
      </c>
      <c r="FH29" s="102">
        <v>1</v>
      </c>
      <c r="FI29" s="102">
        <v>0</v>
      </c>
      <c r="FJ29" s="103">
        <v>6</v>
      </c>
      <c r="FK29" s="104">
        <v>7</v>
      </c>
      <c r="FL29" s="101">
        <v>0</v>
      </c>
      <c r="FM29" s="102">
        <v>2</v>
      </c>
      <c r="FN29" s="103">
        <v>2</v>
      </c>
      <c r="FO29" s="413">
        <v>0</v>
      </c>
      <c r="FP29" s="102">
        <v>2</v>
      </c>
      <c r="FQ29" s="102">
        <v>2</v>
      </c>
      <c r="FR29" s="102">
        <v>3</v>
      </c>
      <c r="FS29" s="102">
        <v>1</v>
      </c>
      <c r="FT29" s="102">
        <v>1</v>
      </c>
      <c r="FU29" s="103">
        <v>9</v>
      </c>
      <c r="FV29" s="104">
        <v>11</v>
      </c>
      <c r="FW29" s="101">
        <v>0</v>
      </c>
      <c r="FX29" s="102">
        <v>0</v>
      </c>
      <c r="FY29" s="103">
        <v>0</v>
      </c>
      <c r="FZ29" s="413">
        <v>0</v>
      </c>
      <c r="GA29" s="102">
        <v>0</v>
      </c>
      <c r="GB29" s="102">
        <v>0</v>
      </c>
      <c r="GC29" s="102">
        <v>0</v>
      </c>
      <c r="GD29" s="102">
        <v>0</v>
      </c>
      <c r="GE29" s="102">
        <v>0</v>
      </c>
      <c r="GF29" s="103">
        <v>0</v>
      </c>
      <c r="GG29" s="104">
        <v>0</v>
      </c>
      <c r="GH29" s="101">
        <v>2</v>
      </c>
      <c r="GI29" s="102">
        <v>6</v>
      </c>
      <c r="GJ29" s="103">
        <v>8</v>
      </c>
      <c r="GK29" s="413">
        <v>0</v>
      </c>
      <c r="GL29" s="102">
        <v>6</v>
      </c>
      <c r="GM29" s="102">
        <v>5</v>
      </c>
      <c r="GN29" s="102">
        <v>5</v>
      </c>
      <c r="GO29" s="102">
        <v>2</v>
      </c>
      <c r="GP29" s="102">
        <v>2</v>
      </c>
      <c r="GQ29" s="103">
        <v>20</v>
      </c>
      <c r="GR29" s="104">
        <v>28</v>
      </c>
      <c r="GS29" s="105">
        <v>18</v>
      </c>
      <c r="GT29" s="97">
        <v>16</v>
      </c>
      <c r="GU29" s="98">
        <v>34</v>
      </c>
      <c r="GV29" s="413">
        <v>0</v>
      </c>
      <c r="GW29" s="97">
        <v>26</v>
      </c>
      <c r="GX29" s="97">
        <v>24</v>
      </c>
      <c r="GY29" s="97">
        <v>16</v>
      </c>
      <c r="GZ29" s="97">
        <v>5</v>
      </c>
      <c r="HA29" s="97">
        <v>9</v>
      </c>
      <c r="HB29" s="99">
        <v>80</v>
      </c>
      <c r="HC29" s="100">
        <v>114</v>
      </c>
      <c r="HD29" s="101">
        <v>0</v>
      </c>
      <c r="HE29" s="102">
        <v>0</v>
      </c>
      <c r="HF29" s="103">
        <v>0</v>
      </c>
      <c r="HG29" s="413">
        <v>0</v>
      </c>
      <c r="HH29" s="102">
        <v>0</v>
      </c>
      <c r="HI29" s="102">
        <v>0</v>
      </c>
      <c r="HJ29" s="102">
        <v>0</v>
      </c>
      <c r="HK29" s="102">
        <v>0</v>
      </c>
      <c r="HL29" s="102">
        <v>0</v>
      </c>
      <c r="HM29" s="103">
        <v>0</v>
      </c>
      <c r="HN29" s="104">
        <v>0</v>
      </c>
      <c r="HO29" s="101">
        <v>2</v>
      </c>
      <c r="HP29" s="102">
        <v>0</v>
      </c>
      <c r="HQ29" s="103">
        <v>2</v>
      </c>
      <c r="HR29" s="413">
        <v>0</v>
      </c>
      <c r="HS29" s="102">
        <v>2</v>
      </c>
      <c r="HT29" s="102">
        <v>2</v>
      </c>
      <c r="HU29" s="102">
        <v>0</v>
      </c>
      <c r="HV29" s="102">
        <v>0</v>
      </c>
      <c r="HW29" s="102">
        <v>1</v>
      </c>
      <c r="HX29" s="103">
        <v>5</v>
      </c>
      <c r="HY29" s="104">
        <v>7</v>
      </c>
      <c r="HZ29" s="101">
        <v>2</v>
      </c>
      <c r="IA29" s="102">
        <v>5</v>
      </c>
      <c r="IB29" s="103">
        <v>7</v>
      </c>
      <c r="IC29" s="413">
        <v>0</v>
      </c>
      <c r="ID29" s="102">
        <v>3</v>
      </c>
      <c r="IE29" s="102">
        <v>3</v>
      </c>
      <c r="IF29" s="102">
        <v>1</v>
      </c>
      <c r="IG29" s="102">
        <v>0</v>
      </c>
      <c r="IH29" s="102">
        <v>2</v>
      </c>
      <c r="II29" s="103">
        <v>9</v>
      </c>
      <c r="IJ29" s="104">
        <v>16</v>
      </c>
      <c r="IK29" s="101">
        <v>2</v>
      </c>
      <c r="IL29" s="102">
        <v>4</v>
      </c>
      <c r="IM29" s="103">
        <v>6</v>
      </c>
      <c r="IN29" s="413">
        <v>0</v>
      </c>
      <c r="IO29" s="102">
        <v>5</v>
      </c>
      <c r="IP29" s="102">
        <v>5</v>
      </c>
      <c r="IQ29" s="102">
        <v>4</v>
      </c>
      <c r="IR29" s="102">
        <v>0</v>
      </c>
      <c r="IS29" s="102">
        <v>2</v>
      </c>
      <c r="IT29" s="103">
        <v>16</v>
      </c>
      <c r="IU29" s="104">
        <v>22</v>
      </c>
      <c r="IV29" s="101">
        <v>8</v>
      </c>
      <c r="IW29" s="102">
        <v>1</v>
      </c>
      <c r="IX29" s="103">
        <v>9</v>
      </c>
      <c r="IY29" s="413">
        <v>0</v>
      </c>
      <c r="IZ29" s="102">
        <v>8</v>
      </c>
      <c r="JA29" s="102">
        <v>7</v>
      </c>
      <c r="JB29" s="102">
        <v>5</v>
      </c>
      <c r="JC29" s="102">
        <v>2</v>
      </c>
      <c r="JD29" s="102">
        <v>1</v>
      </c>
      <c r="JE29" s="103">
        <v>23</v>
      </c>
      <c r="JF29" s="104">
        <v>32</v>
      </c>
      <c r="JG29" s="101">
        <v>4</v>
      </c>
      <c r="JH29" s="102">
        <v>6</v>
      </c>
      <c r="JI29" s="103">
        <v>10</v>
      </c>
      <c r="JJ29" s="413">
        <v>0</v>
      </c>
      <c r="JK29" s="102">
        <v>8</v>
      </c>
      <c r="JL29" s="102">
        <v>7</v>
      </c>
      <c r="JM29" s="102">
        <v>6</v>
      </c>
      <c r="JN29" s="102">
        <v>3</v>
      </c>
      <c r="JO29" s="102">
        <v>3</v>
      </c>
      <c r="JP29" s="103">
        <v>27</v>
      </c>
      <c r="JQ29" s="104">
        <v>37</v>
      </c>
      <c r="JR29" s="101">
        <v>0</v>
      </c>
      <c r="JS29" s="102">
        <v>0</v>
      </c>
      <c r="JT29" s="103">
        <v>0</v>
      </c>
      <c r="JU29" s="413">
        <v>0</v>
      </c>
      <c r="JV29" s="102">
        <v>0</v>
      </c>
      <c r="JW29" s="102">
        <v>0</v>
      </c>
      <c r="JX29" s="102">
        <v>0</v>
      </c>
      <c r="JY29" s="102">
        <v>0</v>
      </c>
      <c r="JZ29" s="102">
        <v>0</v>
      </c>
      <c r="KA29" s="103">
        <v>0</v>
      </c>
      <c r="KB29" s="104">
        <v>0</v>
      </c>
      <c r="KC29" s="101">
        <v>18</v>
      </c>
      <c r="KD29" s="102">
        <v>16</v>
      </c>
      <c r="KE29" s="103">
        <v>34</v>
      </c>
      <c r="KF29" s="413">
        <v>0</v>
      </c>
      <c r="KG29" s="102">
        <v>26</v>
      </c>
      <c r="KH29" s="102">
        <v>24</v>
      </c>
      <c r="KI29" s="102">
        <v>16</v>
      </c>
      <c r="KJ29" s="102">
        <v>5</v>
      </c>
      <c r="KK29" s="102">
        <v>9</v>
      </c>
      <c r="KL29" s="103">
        <v>80</v>
      </c>
      <c r="KM29" s="104">
        <v>114</v>
      </c>
    </row>
    <row r="30" spans="2:299" s="70" customFormat="1" ht="21" customHeight="1" x14ac:dyDescent="0.2">
      <c r="B30" s="106" t="s">
        <v>27</v>
      </c>
      <c r="C30" s="96">
        <v>14</v>
      </c>
      <c r="D30" s="97">
        <v>23</v>
      </c>
      <c r="E30" s="98">
        <v>37</v>
      </c>
      <c r="F30" s="413">
        <v>0</v>
      </c>
      <c r="G30" s="97">
        <v>16</v>
      </c>
      <c r="H30" s="97">
        <v>13</v>
      </c>
      <c r="I30" s="97">
        <v>7</v>
      </c>
      <c r="J30" s="97">
        <v>10</v>
      </c>
      <c r="K30" s="97">
        <v>6</v>
      </c>
      <c r="L30" s="99">
        <v>52</v>
      </c>
      <c r="M30" s="100">
        <v>89</v>
      </c>
      <c r="N30" s="101">
        <v>0</v>
      </c>
      <c r="O30" s="102">
        <v>2</v>
      </c>
      <c r="P30" s="103">
        <v>2</v>
      </c>
      <c r="Q30" s="413">
        <v>0</v>
      </c>
      <c r="R30" s="102">
        <v>0</v>
      </c>
      <c r="S30" s="102">
        <v>0</v>
      </c>
      <c r="T30" s="102">
        <v>0</v>
      </c>
      <c r="U30" s="102">
        <v>1</v>
      </c>
      <c r="V30" s="102">
        <v>0</v>
      </c>
      <c r="W30" s="103">
        <v>1</v>
      </c>
      <c r="X30" s="104">
        <v>3</v>
      </c>
      <c r="Y30" s="101">
        <v>0</v>
      </c>
      <c r="Z30" s="102">
        <v>3</v>
      </c>
      <c r="AA30" s="103">
        <v>3</v>
      </c>
      <c r="AB30" s="413">
        <v>0</v>
      </c>
      <c r="AC30" s="102">
        <v>0</v>
      </c>
      <c r="AD30" s="102">
        <v>1</v>
      </c>
      <c r="AE30" s="102">
        <v>1</v>
      </c>
      <c r="AF30" s="102">
        <v>1</v>
      </c>
      <c r="AG30" s="102">
        <v>1</v>
      </c>
      <c r="AH30" s="103">
        <v>4</v>
      </c>
      <c r="AI30" s="104">
        <v>7</v>
      </c>
      <c r="AJ30" s="101">
        <v>0</v>
      </c>
      <c r="AK30" s="102">
        <v>4</v>
      </c>
      <c r="AL30" s="103">
        <v>4</v>
      </c>
      <c r="AM30" s="413">
        <v>0</v>
      </c>
      <c r="AN30" s="102">
        <v>1</v>
      </c>
      <c r="AO30" s="102">
        <v>2</v>
      </c>
      <c r="AP30" s="102">
        <v>0</v>
      </c>
      <c r="AQ30" s="102">
        <v>1</v>
      </c>
      <c r="AR30" s="102">
        <v>1</v>
      </c>
      <c r="AS30" s="103">
        <v>5</v>
      </c>
      <c r="AT30" s="104">
        <v>9</v>
      </c>
      <c r="AU30" s="101">
        <v>4</v>
      </c>
      <c r="AV30" s="102">
        <v>6</v>
      </c>
      <c r="AW30" s="103">
        <v>10</v>
      </c>
      <c r="AX30" s="413">
        <v>0</v>
      </c>
      <c r="AY30" s="102">
        <v>4</v>
      </c>
      <c r="AZ30" s="102">
        <v>3</v>
      </c>
      <c r="BA30" s="102">
        <v>3</v>
      </c>
      <c r="BB30" s="102">
        <v>2</v>
      </c>
      <c r="BC30" s="102">
        <v>2</v>
      </c>
      <c r="BD30" s="103">
        <v>14</v>
      </c>
      <c r="BE30" s="104">
        <v>24</v>
      </c>
      <c r="BF30" s="101">
        <v>6</v>
      </c>
      <c r="BG30" s="102">
        <v>3</v>
      </c>
      <c r="BH30" s="103">
        <v>9</v>
      </c>
      <c r="BI30" s="413">
        <v>0</v>
      </c>
      <c r="BJ30" s="102">
        <v>5</v>
      </c>
      <c r="BK30" s="102">
        <v>3</v>
      </c>
      <c r="BL30" s="102">
        <v>1</v>
      </c>
      <c r="BM30" s="102">
        <v>2</v>
      </c>
      <c r="BN30" s="102">
        <v>1</v>
      </c>
      <c r="BO30" s="103">
        <v>12</v>
      </c>
      <c r="BP30" s="104">
        <v>21</v>
      </c>
      <c r="BQ30" s="101">
        <v>4</v>
      </c>
      <c r="BR30" s="102">
        <v>5</v>
      </c>
      <c r="BS30" s="103">
        <v>9</v>
      </c>
      <c r="BT30" s="413">
        <v>0</v>
      </c>
      <c r="BU30" s="102">
        <v>6</v>
      </c>
      <c r="BV30" s="102">
        <v>4</v>
      </c>
      <c r="BW30" s="102">
        <v>2</v>
      </c>
      <c r="BX30" s="102">
        <v>3</v>
      </c>
      <c r="BY30" s="102">
        <v>1</v>
      </c>
      <c r="BZ30" s="103">
        <v>16</v>
      </c>
      <c r="CA30" s="104">
        <v>25</v>
      </c>
      <c r="CB30" s="101">
        <v>0</v>
      </c>
      <c r="CC30" s="102">
        <v>0</v>
      </c>
      <c r="CD30" s="103">
        <v>0</v>
      </c>
      <c r="CE30" s="413">
        <v>0</v>
      </c>
      <c r="CF30" s="102">
        <v>0</v>
      </c>
      <c r="CG30" s="102">
        <v>0</v>
      </c>
      <c r="CH30" s="102">
        <v>0</v>
      </c>
      <c r="CI30" s="102">
        <v>0</v>
      </c>
      <c r="CJ30" s="102">
        <v>0</v>
      </c>
      <c r="CK30" s="103">
        <v>0</v>
      </c>
      <c r="CL30" s="104">
        <v>0</v>
      </c>
      <c r="CM30" s="101">
        <v>14</v>
      </c>
      <c r="CN30" s="102">
        <v>23</v>
      </c>
      <c r="CO30" s="103">
        <v>37</v>
      </c>
      <c r="CP30" s="413">
        <v>0</v>
      </c>
      <c r="CQ30" s="102">
        <v>16</v>
      </c>
      <c r="CR30" s="102">
        <v>13</v>
      </c>
      <c r="CS30" s="102">
        <v>7</v>
      </c>
      <c r="CT30" s="102">
        <v>10</v>
      </c>
      <c r="CU30" s="102">
        <v>6</v>
      </c>
      <c r="CV30" s="103">
        <v>52</v>
      </c>
      <c r="CW30" s="104">
        <v>89</v>
      </c>
      <c r="CX30" s="105">
        <v>4</v>
      </c>
      <c r="CY30" s="97">
        <v>2</v>
      </c>
      <c r="CZ30" s="98">
        <v>6</v>
      </c>
      <c r="DA30" s="413">
        <v>0</v>
      </c>
      <c r="DB30" s="97">
        <v>7</v>
      </c>
      <c r="DC30" s="97">
        <v>3</v>
      </c>
      <c r="DD30" s="97">
        <v>6</v>
      </c>
      <c r="DE30" s="97">
        <v>2</v>
      </c>
      <c r="DF30" s="97">
        <v>2</v>
      </c>
      <c r="DG30" s="99">
        <v>20</v>
      </c>
      <c r="DH30" s="100">
        <v>26</v>
      </c>
      <c r="DI30" s="101">
        <v>0</v>
      </c>
      <c r="DJ30" s="102">
        <v>0</v>
      </c>
      <c r="DK30" s="103">
        <v>0</v>
      </c>
      <c r="DL30" s="413">
        <v>0</v>
      </c>
      <c r="DM30" s="102">
        <v>0</v>
      </c>
      <c r="DN30" s="102">
        <v>0</v>
      </c>
      <c r="DO30" s="102">
        <v>0</v>
      </c>
      <c r="DP30" s="102">
        <v>0</v>
      </c>
      <c r="DQ30" s="102">
        <v>0</v>
      </c>
      <c r="DR30" s="103">
        <v>0</v>
      </c>
      <c r="DS30" s="104">
        <v>0</v>
      </c>
      <c r="DT30" s="101">
        <v>0</v>
      </c>
      <c r="DU30" s="102">
        <v>0</v>
      </c>
      <c r="DV30" s="103">
        <v>0</v>
      </c>
      <c r="DW30" s="413">
        <v>0</v>
      </c>
      <c r="DX30" s="102">
        <v>1</v>
      </c>
      <c r="DY30" s="102">
        <v>0</v>
      </c>
      <c r="DZ30" s="102">
        <v>0</v>
      </c>
      <c r="EA30" s="102">
        <v>0</v>
      </c>
      <c r="EB30" s="102">
        <v>0</v>
      </c>
      <c r="EC30" s="103">
        <v>1</v>
      </c>
      <c r="ED30" s="104">
        <v>1</v>
      </c>
      <c r="EE30" s="101">
        <v>1</v>
      </c>
      <c r="EF30" s="102">
        <v>0</v>
      </c>
      <c r="EG30" s="103">
        <v>1</v>
      </c>
      <c r="EH30" s="413">
        <v>0</v>
      </c>
      <c r="EI30" s="102">
        <v>0</v>
      </c>
      <c r="EJ30" s="102">
        <v>0</v>
      </c>
      <c r="EK30" s="102">
        <v>0</v>
      </c>
      <c r="EL30" s="102">
        <v>0</v>
      </c>
      <c r="EM30" s="102">
        <v>0</v>
      </c>
      <c r="EN30" s="103">
        <v>0</v>
      </c>
      <c r="EO30" s="104">
        <v>1</v>
      </c>
      <c r="EP30" s="101">
        <v>3</v>
      </c>
      <c r="EQ30" s="102">
        <v>0</v>
      </c>
      <c r="ER30" s="103">
        <v>3</v>
      </c>
      <c r="ES30" s="413">
        <v>0</v>
      </c>
      <c r="ET30" s="102">
        <v>0</v>
      </c>
      <c r="EU30" s="102">
        <v>3</v>
      </c>
      <c r="EV30" s="102">
        <v>1</v>
      </c>
      <c r="EW30" s="102">
        <v>1</v>
      </c>
      <c r="EX30" s="102">
        <v>0</v>
      </c>
      <c r="EY30" s="103">
        <v>5</v>
      </c>
      <c r="EZ30" s="104">
        <v>8</v>
      </c>
      <c r="FA30" s="101">
        <v>0</v>
      </c>
      <c r="FB30" s="102">
        <v>1</v>
      </c>
      <c r="FC30" s="103">
        <v>1</v>
      </c>
      <c r="FD30" s="413">
        <v>0</v>
      </c>
      <c r="FE30" s="102">
        <v>3</v>
      </c>
      <c r="FF30" s="102">
        <v>0</v>
      </c>
      <c r="FG30" s="102">
        <v>1</v>
      </c>
      <c r="FH30" s="102">
        <v>1</v>
      </c>
      <c r="FI30" s="102">
        <v>0</v>
      </c>
      <c r="FJ30" s="103">
        <v>5</v>
      </c>
      <c r="FK30" s="104">
        <v>6</v>
      </c>
      <c r="FL30" s="101">
        <v>0</v>
      </c>
      <c r="FM30" s="102">
        <v>1</v>
      </c>
      <c r="FN30" s="103">
        <v>1</v>
      </c>
      <c r="FO30" s="413">
        <v>0</v>
      </c>
      <c r="FP30" s="102">
        <v>3</v>
      </c>
      <c r="FQ30" s="102">
        <v>0</v>
      </c>
      <c r="FR30" s="102">
        <v>4</v>
      </c>
      <c r="FS30" s="102">
        <v>0</v>
      </c>
      <c r="FT30" s="102">
        <v>2</v>
      </c>
      <c r="FU30" s="103">
        <v>9</v>
      </c>
      <c r="FV30" s="104">
        <v>10</v>
      </c>
      <c r="FW30" s="101">
        <v>0</v>
      </c>
      <c r="FX30" s="102">
        <v>0</v>
      </c>
      <c r="FY30" s="103">
        <v>0</v>
      </c>
      <c r="FZ30" s="413">
        <v>0</v>
      </c>
      <c r="GA30" s="102">
        <v>0</v>
      </c>
      <c r="GB30" s="102">
        <v>0</v>
      </c>
      <c r="GC30" s="102">
        <v>0</v>
      </c>
      <c r="GD30" s="102">
        <v>0</v>
      </c>
      <c r="GE30" s="102">
        <v>0</v>
      </c>
      <c r="GF30" s="103">
        <v>0</v>
      </c>
      <c r="GG30" s="104">
        <v>0</v>
      </c>
      <c r="GH30" s="101">
        <v>4</v>
      </c>
      <c r="GI30" s="102">
        <v>2</v>
      </c>
      <c r="GJ30" s="103">
        <v>6</v>
      </c>
      <c r="GK30" s="413">
        <v>0</v>
      </c>
      <c r="GL30" s="102">
        <v>7</v>
      </c>
      <c r="GM30" s="102">
        <v>3</v>
      </c>
      <c r="GN30" s="102">
        <v>6</v>
      </c>
      <c r="GO30" s="102">
        <v>2</v>
      </c>
      <c r="GP30" s="102">
        <v>2</v>
      </c>
      <c r="GQ30" s="103">
        <v>20</v>
      </c>
      <c r="GR30" s="104">
        <v>26</v>
      </c>
      <c r="GS30" s="105">
        <v>18</v>
      </c>
      <c r="GT30" s="97">
        <v>25</v>
      </c>
      <c r="GU30" s="98">
        <v>43</v>
      </c>
      <c r="GV30" s="413">
        <v>0</v>
      </c>
      <c r="GW30" s="97">
        <v>23</v>
      </c>
      <c r="GX30" s="97">
        <v>16</v>
      </c>
      <c r="GY30" s="97">
        <v>13</v>
      </c>
      <c r="GZ30" s="97">
        <v>12</v>
      </c>
      <c r="HA30" s="97">
        <v>8</v>
      </c>
      <c r="HB30" s="99">
        <v>72</v>
      </c>
      <c r="HC30" s="100">
        <v>115</v>
      </c>
      <c r="HD30" s="101">
        <v>0</v>
      </c>
      <c r="HE30" s="102">
        <v>2</v>
      </c>
      <c r="HF30" s="103">
        <v>2</v>
      </c>
      <c r="HG30" s="413">
        <v>0</v>
      </c>
      <c r="HH30" s="102">
        <v>0</v>
      </c>
      <c r="HI30" s="102">
        <v>0</v>
      </c>
      <c r="HJ30" s="102">
        <v>0</v>
      </c>
      <c r="HK30" s="102">
        <v>1</v>
      </c>
      <c r="HL30" s="102">
        <v>0</v>
      </c>
      <c r="HM30" s="103">
        <v>1</v>
      </c>
      <c r="HN30" s="104">
        <v>3</v>
      </c>
      <c r="HO30" s="101">
        <v>0</v>
      </c>
      <c r="HP30" s="102">
        <v>3</v>
      </c>
      <c r="HQ30" s="103">
        <v>3</v>
      </c>
      <c r="HR30" s="413">
        <v>0</v>
      </c>
      <c r="HS30" s="102">
        <v>1</v>
      </c>
      <c r="HT30" s="102">
        <v>1</v>
      </c>
      <c r="HU30" s="102">
        <v>1</v>
      </c>
      <c r="HV30" s="102">
        <v>1</v>
      </c>
      <c r="HW30" s="102">
        <v>1</v>
      </c>
      <c r="HX30" s="103">
        <v>5</v>
      </c>
      <c r="HY30" s="104">
        <v>8</v>
      </c>
      <c r="HZ30" s="101">
        <v>1</v>
      </c>
      <c r="IA30" s="102">
        <v>4</v>
      </c>
      <c r="IB30" s="103">
        <v>5</v>
      </c>
      <c r="IC30" s="413">
        <v>0</v>
      </c>
      <c r="ID30" s="102">
        <v>1</v>
      </c>
      <c r="IE30" s="102">
        <v>2</v>
      </c>
      <c r="IF30" s="102">
        <v>0</v>
      </c>
      <c r="IG30" s="102">
        <v>1</v>
      </c>
      <c r="IH30" s="102">
        <v>1</v>
      </c>
      <c r="II30" s="103">
        <v>5</v>
      </c>
      <c r="IJ30" s="104">
        <v>10</v>
      </c>
      <c r="IK30" s="101">
        <v>7</v>
      </c>
      <c r="IL30" s="102">
        <v>6</v>
      </c>
      <c r="IM30" s="103">
        <v>13</v>
      </c>
      <c r="IN30" s="413">
        <v>0</v>
      </c>
      <c r="IO30" s="102">
        <v>4</v>
      </c>
      <c r="IP30" s="102">
        <v>6</v>
      </c>
      <c r="IQ30" s="102">
        <v>4</v>
      </c>
      <c r="IR30" s="102">
        <v>3</v>
      </c>
      <c r="IS30" s="102">
        <v>2</v>
      </c>
      <c r="IT30" s="103">
        <v>19</v>
      </c>
      <c r="IU30" s="104">
        <v>32</v>
      </c>
      <c r="IV30" s="101">
        <v>6</v>
      </c>
      <c r="IW30" s="102">
        <v>4</v>
      </c>
      <c r="IX30" s="103">
        <v>10</v>
      </c>
      <c r="IY30" s="413">
        <v>0</v>
      </c>
      <c r="IZ30" s="102">
        <v>8</v>
      </c>
      <c r="JA30" s="102">
        <v>3</v>
      </c>
      <c r="JB30" s="102">
        <v>2</v>
      </c>
      <c r="JC30" s="102">
        <v>3</v>
      </c>
      <c r="JD30" s="102">
        <v>1</v>
      </c>
      <c r="JE30" s="103">
        <v>17</v>
      </c>
      <c r="JF30" s="104">
        <v>27</v>
      </c>
      <c r="JG30" s="101">
        <v>4</v>
      </c>
      <c r="JH30" s="102">
        <v>6</v>
      </c>
      <c r="JI30" s="103">
        <v>10</v>
      </c>
      <c r="JJ30" s="413">
        <v>0</v>
      </c>
      <c r="JK30" s="102">
        <v>9</v>
      </c>
      <c r="JL30" s="102">
        <v>4</v>
      </c>
      <c r="JM30" s="102">
        <v>6</v>
      </c>
      <c r="JN30" s="102">
        <v>3</v>
      </c>
      <c r="JO30" s="102">
        <v>3</v>
      </c>
      <c r="JP30" s="103">
        <v>25</v>
      </c>
      <c r="JQ30" s="104">
        <v>35</v>
      </c>
      <c r="JR30" s="101">
        <v>0</v>
      </c>
      <c r="JS30" s="102">
        <v>0</v>
      </c>
      <c r="JT30" s="103">
        <v>0</v>
      </c>
      <c r="JU30" s="413">
        <v>0</v>
      </c>
      <c r="JV30" s="102">
        <v>0</v>
      </c>
      <c r="JW30" s="102">
        <v>0</v>
      </c>
      <c r="JX30" s="102">
        <v>0</v>
      </c>
      <c r="JY30" s="102">
        <v>0</v>
      </c>
      <c r="JZ30" s="102">
        <v>0</v>
      </c>
      <c r="KA30" s="103">
        <v>0</v>
      </c>
      <c r="KB30" s="104">
        <v>0</v>
      </c>
      <c r="KC30" s="101">
        <v>18</v>
      </c>
      <c r="KD30" s="102">
        <v>25</v>
      </c>
      <c r="KE30" s="103">
        <v>43</v>
      </c>
      <c r="KF30" s="413">
        <v>0</v>
      </c>
      <c r="KG30" s="102">
        <v>23</v>
      </c>
      <c r="KH30" s="102">
        <v>16</v>
      </c>
      <c r="KI30" s="102">
        <v>13</v>
      </c>
      <c r="KJ30" s="102">
        <v>12</v>
      </c>
      <c r="KK30" s="102">
        <v>8</v>
      </c>
      <c r="KL30" s="103">
        <v>72</v>
      </c>
      <c r="KM30" s="104">
        <v>115</v>
      </c>
    </row>
    <row r="31" spans="2:299" s="70" customFormat="1" ht="21" customHeight="1" x14ac:dyDescent="0.2">
      <c r="B31" s="106" t="s">
        <v>28</v>
      </c>
      <c r="C31" s="96">
        <v>0</v>
      </c>
      <c r="D31" s="97">
        <v>3</v>
      </c>
      <c r="E31" s="98">
        <v>3</v>
      </c>
      <c r="F31" s="413">
        <v>0</v>
      </c>
      <c r="G31" s="97">
        <v>6</v>
      </c>
      <c r="H31" s="97">
        <v>3</v>
      </c>
      <c r="I31" s="97">
        <v>4</v>
      </c>
      <c r="J31" s="97">
        <v>2</v>
      </c>
      <c r="K31" s="97">
        <v>1</v>
      </c>
      <c r="L31" s="99">
        <v>16</v>
      </c>
      <c r="M31" s="100">
        <v>19</v>
      </c>
      <c r="N31" s="101">
        <v>0</v>
      </c>
      <c r="O31" s="102">
        <v>1</v>
      </c>
      <c r="P31" s="103">
        <v>1</v>
      </c>
      <c r="Q31" s="413">
        <v>0</v>
      </c>
      <c r="R31" s="102">
        <v>1</v>
      </c>
      <c r="S31" s="102">
        <v>1</v>
      </c>
      <c r="T31" s="102">
        <v>0</v>
      </c>
      <c r="U31" s="102">
        <v>0</v>
      </c>
      <c r="V31" s="102">
        <v>0</v>
      </c>
      <c r="W31" s="103">
        <v>2</v>
      </c>
      <c r="X31" s="104">
        <v>3</v>
      </c>
      <c r="Y31" s="101">
        <v>0</v>
      </c>
      <c r="Z31" s="102">
        <v>1</v>
      </c>
      <c r="AA31" s="103">
        <v>1</v>
      </c>
      <c r="AB31" s="413">
        <v>0</v>
      </c>
      <c r="AC31" s="102">
        <v>1</v>
      </c>
      <c r="AD31" s="102">
        <v>0</v>
      </c>
      <c r="AE31" s="102">
        <v>1</v>
      </c>
      <c r="AF31" s="102">
        <v>0</v>
      </c>
      <c r="AG31" s="102">
        <v>0</v>
      </c>
      <c r="AH31" s="103">
        <v>2</v>
      </c>
      <c r="AI31" s="104">
        <v>3</v>
      </c>
      <c r="AJ31" s="101">
        <v>0</v>
      </c>
      <c r="AK31" s="102">
        <v>0</v>
      </c>
      <c r="AL31" s="103">
        <v>0</v>
      </c>
      <c r="AM31" s="413">
        <v>0</v>
      </c>
      <c r="AN31" s="102">
        <v>1</v>
      </c>
      <c r="AO31" s="102">
        <v>1</v>
      </c>
      <c r="AP31" s="102">
        <v>0</v>
      </c>
      <c r="AQ31" s="102">
        <v>0</v>
      </c>
      <c r="AR31" s="102">
        <v>0</v>
      </c>
      <c r="AS31" s="103">
        <v>2</v>
      </c>
      <c r="AT31" s="104">
        <v>2</v>
      </c>
      <c r="AU31" s="101">
        <v>0</v>
      </c>
      <c r="AV31" s="102">
        <v>0</v>
      </c>
      <c r="AW31" s="103">
        <v>0</v>
      </c>
      <c r="AX31" s="413">
        <v>0</v>
      </c>
      <c r="AY31" s="102">
        <v>1</v>
      </c>
      <c r="AZ31" s="102">
        <v>1</v>
      </c>
      <c r="BA31" s="102">
        <v>2</v>
      </c>
      <c r="BB31" s="102">
        <v>0</v>
      </c>
      <c r="BC31" s="102">
        <v>0</v>
      </c>
      <c r="BD31" s="103">
        <v>4</v>
      </c>
      <c r="BE31" s="104">
        <v>4</v>
      </c>
      <c r="BF31" s="101">
        <v>0</v>
      </c>
      <c r="BG31" s="102">
        <v>1</v>
      </c>
      <c r="BH31" s="103">
        <v>1</v>
      </c>
      <c r="BI31" s="413">
        <v>0</v>
      </c>
      <c r="BJ31" s="102">
        <v>1</v>
      </c>
      <c r="BK31" s="102">
        <v>0</v>
      </c>
      <c r="BL31" s="102">
        <v>1</v>
      </c>
      <c r="BM31" s="102">
        <v>1</v>
      </c>
      <c r="BN31" s="102">
        <v>0</v>
      </c>
      <c r="BO31" s="103">
        <v>3</v>
      </c>
      <c r="BP31" s="104">
        <v>4</v>
      </c>
      <c r="BQ31" s="101">
        <v>0</v>
      </c>
      <c r="BR31" s="102">
        <v>0</v>
      </c>
      <c r="BS31" s="103">
        <v>0</v>
      </c>
      <c r="BT31" s="413">
        <v>0</v>
      </c>
      <c r="BU31" s="102">
        <v>1</v>
      </c>
      <c r="BV31" s="102">
        <v>0</v>
      </c>
      <c r="BW31" s="102">
        <v>0</v>
      </c>
      <c r="BX31" s="102">
        <v>1</v>
      </c>
      <c r="BY31" s="102">
        <v>1</v>
      </c>
      <c r="BZ31" s="103">
        <v>3</v>
      </c>
      <c r="CA31" s="104">
        <v>3</v>
      </c>
      <c r="CB31" s="101">
        <v>0</v>
      </c>
      <c r="CC31" s="102">
        <v>0</v>
      </c>
      <c r="CD31" s="103">
        <v>0</v>
      </c>
      <c r="CE31" s="413">
        <v>0</v>
      </c>
      <c r="CF31" s="102">
        <v>0</v>
      </c>
      <c r="CG31" s="102">
        <v>0</v>
      </c>
      <c r="CH31" s="102">
        <v>0</v>
      </c>
      <c r="CI31" s="102">
        <v>0</v>
      </c>
      <c r="CJ31" s="102">
        <v>0</v>
      </c>
      <c r="CK31" s="103">
        <v>0</v>
      </c>
      <c r="CL31" s="104">
        <v>0</v>
      </c>
      <c r="CM31" s="101">
        <v>0</v>
      </c>
      <c r="CN31" s="102">
        <v>3</v>
      </c>
      <c r="CO31" s="103">
        <v>3</v>
      </c>
      <c r="CP31" s="413">
        <v>0</v>
      </c>
      <c r="CQ31" s="102">
        <v>6</v>
      </c>
      <c r="CR31" s="102">
        <v>3</v>
      </c>
      <c r="CS31" s="102">
        <v>4</v>
      </c>
      <c r="CT31" s="102">
        <v>2</v>
      </c>
      <c r="CU31" s="102">
        <v>1</v>
      </c>
      <c r="CV31" s="103">
        <v>16</v>
      </c>
      <c r="CW31" s="104">
        <v>19</v>
      </c>
      <c r="CX31" s="105">
        <v>0</v>
      </c>
      <c r="CY31" s="97">
        <v>0</v>
      </c>
      <c r="CZ31" s="98">
        <v>0</v>
      </c>
      <c r="DA31" s="413">
        <v>0</v>
      </c>
      <c r="DB31" s="97">
        <v>2</v>
      </c>
      <c r="DC31" s="97">
        <v>3</v>
      </c>
      <c r="DD31" s="97">
        <v>2</v>
      </c>
      <c r="DE31" s="97">
        <v>0</v>
      </c>
      <c r="DF31" s="97">
        <v>1</v>
      </c>
      <c r="DG31" s="99">
        <v>8</v>
      </c>
      <c r="DH31" s="100">
        <v>8</v>
      </c>
      <c r="DI31" s="101">
        <v>0</v>
      </c>
      <c r="DJ31" s="102">
        <v>0</v>
      </c>
      <c r="DK31" s="103">
        <v>0</v>
      </c>
      <c r="DL31" s="413">
        <v>0</v>
      </c>
      <c r="DM31" s="102">
        <v>0</v>
      </c>
      <c r="DN31" s="102">
        <v>0</v>
      </c>
      <c r="DO31" s="102">
        <v>0</v>
      </c>
      <c r="DP31" s="102">
        <v>0</v>
      </c>
      <c r="DQ31" s="102">
        <v>0</v>
      </c>
      <c r="DR31" s="103">
        <v>0</v>
      </c>
      <c r="DS31" s="104">
        <v>0</v>
      </c>
      <c r="DT31" s="101">
        <v>0</v>
      </c>
      <c r="DU31" s="102">
        <v>0</v>
      </c>
      <c r="DV31" s="103">
        <v>0</v>
      </c>
      <c r="DW31" s="413">
        <v>0</v>
      </c>
      <c r="DX31" s="102">
        <v>1</v>
      </c>
      <c r="DY31" s="102">
        <v>0</v>
      </c>
      <c r="DZ31" s="102">
        <v>1</v>
      </c>
      <c r="EA31" s="102">
        <v>0</v>
      </c>
      <c r="EB31" s="102">
        <v>0</v>
      </c>
      <c r="EC31" s="103">
        <v>2</v>
      </c>
      <c r="ED31" s="104">
        <v>2</v>
      </c>
      <c r="EE31" s="101">
        <v>0</v>
      </c>
      <c r="EF31" s="102">
        <v>0</v>
      </c>
      <c r="EG31" s="103">
        <v>0</v>
      </c>
      <c r="EH31" s="413">
        <v>0</v>
      </c>
      <c r="EI31" s="102">
        <v>0</v>
      </c>
      <c r="EJ31" s="102">
        <v>0</v>
      </c>
      <c r="EK31" s="102">
        <v>0</v>
      </c>
      <c r="EL31" s="102">
        <v>0</v>
      </c>
      <c r="EM31" s="102">
        <v>0</v>
      </c>
      <c r="EN31" s="103">
        <v>0</v>
      </c>
      <c r="EO31" s="104">
        <v>0</v>
      </c>
      <c r="EP31" s="101">
        <v>0</v>
      </c>
      <c r="EQ31" s="102">
        <v>0</v>
      </c>
      <c r="ER31" s="103">
        <v>0</v>
      </c>
      <c r="ES31" s="413">
        <v>0</v>
      </c>
      <c r="ET31" s="102">
        <v>0</v>
      </c>
      <c r="EU31" s="102">
        <v>0</v>
      </c>
      <c r="EV31" s="102">
        <v>0</v>
      </c>
      <c r="EW31" s="102">
        <v>0</v>
      </c>
      <c r="EX31" s="102">
        <v>0</v>
      </c>
      <c r="EY31" s="103">
        <v>0</v>
      </c>
      <c r="EZ31" s="104">
        <v>0</v>
      </c>
      <c r="FA31" s="101">
        <v>0</v>
      </c>
      <c r="FB31" s="102">
        <v>0</v>
      </c>
      <c r="FC31" s="103">
        <v>0</v>
      </c>
      <c r="FD31" s="413">
        <v>0</v>
      </c>
      <c r="FE31" s="102">
        <v>1</v>
      </c>
      <c r="FF31" s="102">
        <v>1</v>
      </c>
      <c r="FG31" s="102">
        <v>1</v>
      </c>
      <c r="FH31" s="102">
        <v>0</v>
      </c>
      <c r="FI31" s="102">
        <v>0</v>
      </c>
      <c r="FJ31" s="103">
        <v>3</v>
      </c>
      <c r="FK31" s="104">
        <v>3</v>
      </c>
      <c r="FL31" s="101">
        <v>0</v>
      </c>
      <c r="FM31" s="102">
        <v>0</v>
      </c>
      <c r="FN31" s="103">
        <v>0</v>
      </c>
      <c r="FO31" s="413">
        <v>0</v>
      </c>
      <c r="FP31" s="102">
        <v>0</v>
      </c>
      <c r="FQ31" s="102">
        <v>2</v>
      </c>
      <c r="FR31" s="102">
        <v>0</v>
      </c>
      <c r="FS31" s="102">
        <v>0</v>
      </c>
      <c r="FT31" s="102">
        <v>1</v>
      </c>
      <c r="FU31" s="103">
        <v>3</v>
      </c>
      <c r="FV31" s="104">
        <v>3</v>
      </c>
      <c r="FW31" s="101">
        <v>0</v>
      </c>
      <c r="FX31" s="102">
        <v>0</v>
      </c>
      <c r="FY31" s="103">
        <v>0</v>
      </c>
      <c r="FZ31" s="413">
        <v>0</v>
      </c>
      <c r="GA31" s="102">
        <v>0</v>
      </c>
      <c r="GB31" s="102">
        <v>0</v>
      </c>
      <c r="GC31" s="102">
        <v>0</v>
      </c>
      <c r="GD31" s="102">
        <v>0</v>
      </c>
      <c r="GE31" s="102">
        <v>0</v>
      </c>
      <c r="GF31" s="103">
        <v>0</v>
      </c>
      <c r="GG31" s="104">
        <v>0</v>
      </c>
      <c r="GH31" s="101">
        <v>0</v>
      </c>
      <c r="GI31" s="102">
        <v>0</v>
      </c>
      <c r="GJ31" s="103">
        <v>0</v>
      </c>
      <c r="GK31" s="413">
        <v>0</v>
      </c>
      <c r="GL31" s="102">
        <v>2</v>
      </c>
      <c r="GM31" s="102">
        <v>3</v>
      </c>
      <c r="GN31" s="102">
        <v>2</v>
      </c>
      <c r="GO31" s="102">
        <v>0</v>
      </c>
      <c r="GP31" s="102">
        <v>1</v>
      </c>
      <c r="GQ31" s="103">
        <v>8</v>
      </c>
      <c r="GR31" s="104">
        <v>8</v>
      </c>
      <c r="GS31" s="105">
        <v>0</v>
      </c>
      <c r="GT31" s="97">
        <v>3</v>
      </c>
      <c r="GU31" s="98">
        <v>3</v>
      </c>
      <c r="GV31" s="413">
        <v>0</v>
      </c>
      <c r="GW31" s="97">
        <v>8</v>
      </c>
      <c r="GX31" s="97">
        <v>6</v>
      </c>
      <c r="GY31" s="97">
        <v>6</v>
      </c>
      <c r="GZ31" s="97">
        <v>2</v>
      </c>
      <c r="HA31" s="97">
        <v>2</v>
      </c>
      <c r="HB31" s="99">
        <v>24</v>
      </c>
      <c r="HC31" s="100">
        <v>27</v>
      </c>
      <c r="HD31" s="101">
        <v>0</v>
      </c>
      <c r="HE31" s="102">
        <v>1</v>
      </c>
      <c r="HF31" s="103">
        <v>1</v>
      </c>
      <c r="HG31" s="413">
        <v>0</v>
      </c>
      <c r="HH31" s="102">
        <v>1</v>
      </c>
      <c r="HI31" s="102">
        <v>1</v>
      </c>
      <c r="HJ31" s="102">
        <v>0</v>
      </c>
      <c r="HK31" s="102">
        <v>0</v>
      </c>
      <c r="HL31" s="102">
        <v>0</v>
      </c>
      <c r="HM31" s="103">
        <v>2</v>
      </c>
      <c r="HN31" s="104">
        <v>3</v>
      </c>
      <c r="HO31" s="101">
        <v>0</v>
      </c>
      <c r="HP31" s="102">
        <v>1</v>
      </c>
      <c r="HQ31" s="103">
        <v>1</v>
      </c>
      <c r="HR31" s="413">
        <v>0</v>
      </c>
      <c r="HS31" s="102">
        <v>2</v>
      </c>
      <c r="HT31" s="102">
        <v>0</v>
      </c>
      <c r="HU31" s="102">
        <v>2</v>
      </c>
      <c r="HV31" s="102">
        <v>0</v>
      </c>
      <c r="HW31" s="102">
        <v>0</v>
      </c>
      <c r="HX31" s="103">
        <v>4</v>
      </c>
      <c r="HY31" s="104">
        <v>5</v>
      </c>
      <c r="HZ31" s="101">
        <v>0</v>
      </c>
      <c r="IA31" s="102">
        <v>0</v>
      </c>
      <c r="IB31" s="103">
        <v>0</v>
      </c>
      <c r="IC31" s="413">
        <v>0</v>
      </c>
      <c r="ID31" s="102">
        <v>1</v>
      </c>
      <c r="IE31" s="102">
        <v>1</v>
      </c>
      <c r="IF31" s="102">
        <v>0</v>
      </c>
      <c r="IG31" s="102">
        <v>0</v>
      </c>
      <c r="IH31" s="102">
        <v>0</v>
      </c>
      <c r="II31" s="103">
        <v>2</v>
      </c>
      <c r="IJ31" s="104">
        <v>2</v>
      </c>
      <c r="IK31" s="101">
        <v>0</v>
      </c>
      <c r="IL31" s="102">
        <v>0</v>
      </c>
      <c r="IM31" s="103">
        <v>0</v>
      </c>
      <c r="IN31" s="413">
        <v>0</v>
      </c>
      <c r="IO31" s="102">
        <v>1</v>
      </c>
      <c r="IP31" s="102">
        <v>1</v>
      </c>
      <c r="IQ31" s="102">
        <v>2</v>
      </c>
      <c r="IR31" s="102">
        <v>0</v>
      </c>
      <c r="IS31" s="102">
        <v>0</v>
      </c>
      <c r="IT31" s="103">
        <v>4</v>
      </c>
      <c r="IU31" s="104">
        <v>4</v>
      </c>
      <c r="IV31" s="101">
        <v>0</v>
      </c>
      <c r="IW31" s="102">
        <v>1</v>
      </c>
      <c r="IX31" s="103">
        <v>1</v>
      </c>
      <c r="IY31" s="413">
        <v>0</v>
      </c>
      <c r="IZ31" s="102">
        <v>2</v>
      </c>
      <c r="JA31" s="102">
        <v>1</v>
      </c>
      <c r="JB31" s="102">
        <v>2</v>
      </c>
      <c r="JC31" s="102">
        <v>1</v>
      </c>
      <c r="JD31" s="102">
        <v>0</v>
      </c>
      <c r="JE31" s="103">
        <v>6</v>
      </c>
      <c r="JF31" s="104">
        <v>7</v>
      </c>
      <c r="JG31" s="101">
        <v>0</v>
      </c>
      <c r="JH31" s="102">
        <v>0</v>
      </c>
      <c r="JI31" s="103">
        <v>0</v>
      </c>
      <c r="JJ31" s="413">
        <v>0</v>
      </c>
      <c r="JK31" s="102">
        <v>1</v>
      </c>
      <c r="JL31" s="102">
        <v>2</v>
      </c>
      <c r="JM31" s="102">
        <v>0</v>
      </c>
      <c r="JN31" s="102">
        <v>1</v>
      </c>
      <c r="JO31" s="102">
        <v>2</v>
      </c>
      <c r="JP31" s="103">
        <v>6</v>
      </c>
      <c r="JQ31" s="104">
        <v>6</v>
      </c>
      <c r="JR31" s="101">
        <v>0</v>
      </c>
      <c r="JS31" s="102">
        <v>0</v>
      </c>
      <c r="JT31" s="103">
        <v>0</v>
      </c>
      <c r="JU31" s="413">
        <v>0</v>
      </c>
      <c r="JV31" s="102">
        <v>0</v>
      </c>
      <c r="JW31" s="102">
        <v>0</v>
      </c>
      <c r="JX31" s="102">
        <v>0</v>
      </c>
      <c r="JY31" s="102">
        <v>0</v>
      </c>
      <c r="JZ31" s="102">
        <v>0</v>
      </c>
      <c r="KA31" s="103">
        <v>0</v>
      </c>
      <c r="KB31" s="104">
        <v>0</v>
      </c>
      <c r="KC31" s="101">
        <v>0</v>
      </c>
      <c r="KD31" s="102">
        <v>3</v>
      </c>
      <c r="KE31" s="103">
        <v>3</v>
      </c>
      <c r="KF31" s="413">
        <v>0</v>
      </c>
      <c r="KG31" s="102">
        <v>8</v>
      </c>
      <c r="KH31" s="102">
        <v>6</v>
      </c>
      <c r="KI31" s="102">
        <v>6</v>
      </c>
      <c r="KJ31" s="102">
        <v>2</v>
      </c>
      <c r="KK31" s="102">
        <v>2</v>
      </c>
      <c r="KL31" s="103">
        <v>24</v>
      </c>
      <c r="KM31" s="104">
        <v>27</v>
      </c>
    </row>
    <row r="32" spans="2:299" s="70" customFormat="1" ht="21" customHeight="1" x14ac:dyDescent="0.2">
      <c r="B32" s="106" t="s">
        <v>29</v>
      </c>
      <c r="C32" s="96">
        <v>4</v>
      </c>
      <c r="D32" s="97">
        <v>3</v>
      </c>
      <c r="E32" s="98">
        <v>7</v>
      </c>
      <c r="F32" s="413">
        <v>0</v>
      </c>
      <c r="G32" s="97">
        <v>6</v>
      </c>
      <c r="H32" s="97">
        <v>4</v>
      </c>
      <c r="I32" s="97">
        <v>4</v>
      </c>
      <c r="J32" s="97">
        <v>4</v>
      </c>
      <c r="K32" s="97">
        <v>3</v>
      </c>
      <c r="L32" s="99">
        <v>21</v>
      </c>
      <c r="M32" s="100">
        <v>28</v>
      </c>
      <c r="N32" s="101">
        <v>0</v>
      </c>
      <c r="O32" s="102">
        <v>0</v>
      </c>
      <c r="P32" s="103">
        <v>0</v>
      </c>
      <c r="Q32" s="413">
        <v>0</v>
      </c>
      <c r="R32" s="102">
        <v>0</v>
      </c>
      <c r="S32" s="102">
        <v>1</v>
      </c>
      <c r="T32" s="102">
        <v>0</v>
      </c>
      <c r="U32" s="102">
        <v>0</v>
      </c>
      <c r="V32" s="102">
        <v>0</v>
      </c>
      <c r="W32" s="103">
        <v>1</v>
      </c>
      <c r="X32" s="104">
        <v>1</v>
      </c>
      <c r="Y32" s="101">
        <v>1</v>
      </c>
      <c r="Z32" s="102">
        <v>0</v>
      </c>
      <c r="AA32" s="103">
        <v>1</v>
      </c>
      <c r="AB32" s="413">
        <v>0</v>
      </c>
      <c r="AC32" s="102">
        <v>0</v>
      </c>
      <c r="AD32" s="102">
        <v>0</v>
      </c>
      <c r="AE32" s="102">
        <v>2</v>
      </c>
      <c r="AF32" s="102">
        <v>0</v>
      </c>
      <c r="AG32" s="102">
        <v>0</v>
      </c>
      <c r="AH32" s="103">
        <v>2</v>
      </c>
      <c r="AI32" s="104">
        <v>3</v>
      </c>
      <c r="AJ32" s="101">
        <v>0</v>
      </c>
      <c r="AK32" s="102">
        <v>0</v>
      </c>
      <c r="AL32" s="103">
        <v>0</v>
      </c>
      <c r="AM32" s="413">
        <v>0</v>
      </c>
      <c r="AN32" s="102">
        <v>1</v>
      </c>
      <c r="AO32" s="102">
        <v>1</v>
      </c>
      <c r="AP32" s="102">
        <v>0</v>
      </c>
      <c r="AQ32" s="102">
        <v>2</v>
      </c>
      <c r="AR32" s="102">
        <v>0</v>
      </c>
      <c r="AS32" s="103">
        <v>4</v>
      </c>
      <c r="AT32" s="104">
        <v>4</v>
      </c>
      <c r="AU32" s="101">
        <v>1</v>
      </c>
      <c r="AV32" s="102">
        <v>1</v>
      </c>
      <c r="AW32" s="103">
        <v>2</v>
      </c>
      <c r="AX32" s="413">
        <v>0</v>
      </c>
      <c r="AY32" s="102">
        <v>2</v>
      </c>
      <c r="AZ32" s="102">
        <v>0</v>
      </c>
      <c r="BA32" s="102">
        <v>0</v>
      </c>
      <c r="BB32" s="102">
        <v>1</v>
      </c>
      <c r="BC32" s="102">
        <v>0</v>
      </c>
      <c r="BD32" s="103">
        <v>3</v>
      </c>
      <c r="BE32" s="104">
        <v>5</v>
      </c>
      <c r="BF32" s="101">
        <v>2</v>
      </c>
      <c r="BG32" s="102">
        <v>1</v>
      </c>
      <c r="BH32" s="103">
        <v>3</v>
      </c>
      <c r="BI32" s="413">
        <v>0</v>
      </c>
      <c r="BJ32" s="102">
        <v>2</v>
      </c>
      <c r="BK32" s="102">
        <v>0</v>
      </c>
      <c r="BL32" s="102">
        <v>1</v>
      </c>
      <c r="BM32" s="102">
        <v>0</v>
      </c>
      <c r="BN32" s="102">
        <v>0</v>
      </c>
      <c r="BO32" s="103">
        <v>3</v>
      </c>
      <c r="BP32" s="104">
        <v>6</v>
      </c>
      <c r="BQ32" s="101">
        <v>0</v>
      </c>
      <c r="BR32" s="102">
        <v>1</v>
      </c>
      <c r="BS32" s="103">
        <v>1</v>
      </c>
      <c r="BT32" s="413">
        <v>0</v>
      </c>
      <c r="BU32" s="102">
        <v>1</v>
      </c>
      <c r="BV32" s="102">
        <v>2</v>
      </c>
      <c r="BW32" s="102">
        <v>1</v>
      </c>
      <c r="BX32" s="102">
        <v>1</v>
      </c>
      <c r="BY32" s="102">
        <v>3</v>
      </c>
      <c r="BZ32" s="103">
        <v>8</v>
      </c>
      <c r="CA32" s="104">
        <v>9</v>
      </c>
      <c r="CB32" s="101">
        <v>0</v>
      </c>
      <c r="CC32" s="102">
        <v>0</v>
      </c>
      <c r="CD32" s="103">
        <v>0</v>
      </c>
      <c r="CE32" s="413">
        <v>0</v>
      </c>
      <c r="CF32" s="102">
        <v>0</v>
      </c>
      <c r="CG32" s="102">
        <v>0</v>
      </c>
      <c r="CH32" s="102">
        <v>0</v>
      </c>
      <c r="CI32" s="102">
        <v>0</v>
      </c>
      <c r="CJ32" s="102">
        <v>0</v>
      </c>
      <c r="CK32" s="103">
        <v>0</v>
      </c>
      <c r="CL32" s="104">
        <v>0</v>
      </c>
      <c r="CM32" s="101">
        <v>4</v>
      </c>
      <c r="CN32" s="102">
        <v>3</v>
      </c>
      <c r="CO32" s="103">
        <v>7</v>
      </c>
      <c r="CP32" s="413">
        <v>0</v>
      </c>
      <c r="CQ32" s="102">
        <v>6</v>
      </c>
      <c r="CR32" s="102">
        <v>4</v>
      </c>
      <c r="CS32" s="102">
        <v>4</v>
      </c>
      <c r="CT32" s="102">
        <v>4</v>
      </c>
      <c r="CU32" s="102">
        <v>3</v>
      </c>
      <c r="CV32" s="103">
        <v>21</v>
      </c>
      <c r="CW32" s="104">
        <v>28</v>
      </c>
      <c r="CX32" s="105">
        <v>1</v>
      </c>
      <c r="CY32" s="97">
        <v>2</v>
      </c>
      <c r="CZ32" s="98">
        <v>3</v>
      </c>
      <c r="DA32" s="413">
        <v>0</v>
      </c>
      <c r="DB32" s="97">
        <v>4</v>
      </c>
      <c r="DC32" s="97">
        <v>3</v>
      </c>
      <c r="DD32" s="97">
        <v>0</v>
      </c>
      <c r="DE32" s="97">
        <v>2</v>
      </c>
      <c r="DF32" s="97">
        <v>0</v>
      </c>
      <c r="DG32" s="99">
        <v>9</v>
      </c>
      <c r="DH32" s="100">
        <v>12</v>
      </c>
      <c r="DI32" s="101">
        <v>0</v>
      </c>
      <c r="DJ32" s="102">
        <v>0</v>
      </c>
      <c r="DK32" s="103">
        <v>0</v>
      </c>
      <c r="DL32" s="413">
        <v>0</v>
      </c>
      <c r="DM32" s="102">
        <v>0</v>
      </c>
      <c r="DN32" s="102">
        <v>0</v>
      </c>
      <c r="DO32" s="102">
        <v>0</v>
      </c>
      <c r="DP32" s="102">
        <v>0</v>
      </c>
      <c r="DQ32" s="102">
        <v>0</v>
      </c>
      <c r="DR32" s="103">
        <v>0</v>
      </c>
      <c r="DS32" s="104">
        <v>0</v>
      </c>
      <c r="DT32" s="101">
        <v>0</v>
      </c>
      <c r="DU32" s="102">
        <v>0</v>
      </c>
      <c r="DV32" s="103">
        <v>0</v>
      </c>
      <c r="DW32" s="413">
        <v>0</v>
      </c>
      <c r="DX32" s="102">
        <v>0</v>
      </c>
      <c r="DY32" s="102">
        <v>0</v>
      </c>
      <c r="DZ32" s="102">
        <v>0</v>
      </c>
      <c r="EA32" s="102">
        <v>0</v>
      </c>
      <c r="EB32" s="102">
        <v>0</v>
      </c>
      <c r="EC32" s="103">
        <v>0</v>
      </c>
      <c r="ED32" s="104">
        <v>0</v>
      </c>
      <c r="EE32" s="101">
        <v>0</v>
      </c>
      <c r="EF32" s="102">
        <v>0</v>
      </c>
      <c r="EG32" s="103">
        <v>0</v>
      </c>
      <c r="EH32" s="413">
        <v>0</v>
      </c>
      <c r="EI32" s="102">
        <v>0</v>
      </c>
      <c r="EJ32" s="102">
        <v>2</v>
      </c>
      <c r="EK32" s="102">
        <v>0</v>
      </c>
      <c r="EL32" s="102">
        <v>0</v>
      </c>
      <c r="EM32" s="102">
        <v>0</v>
      </c>
      <c r="EN32" s="103">
        <v>2</v>
      </c>
      <c r="EO32" s="104">
        <v>2</v>
      </c>
      <c r="EP32" s="101">
        <v>1</v>
      </c>
      <c r="EQ32" s="102">
        <v>0</v>
      </c>
      <c r="ER32" s="103">
        <v>1</v>
      </c>
      <c r="ES32" s="413">
        <v>0</v>
      </c>
      <c r="ET32" s="102">
        <v>3</v>
      </c>
      <c r="EU32" s="102">
        <v>1</v>
      </c>
      <c r="EV32" s="102">
        <v>0</v>
      </c>
      <c r="EW32" s="102">
        <v>0</v>
      </c>
      <c r="EX32" s="102">
        <v>0</v>
      </c>
      <c r="EY32" s="103">
        <v>4</v>
      </c>
      <c r="EZ32" s="104">
        <v>5</v>
      </c>
      <c r="FA32" s="101">
        <v>0</v>
      </c>
      <c r="FB32" s="102">
        <v>1</v>
      </c>
      <c r="FC32" s="103">
        <v>1</v>
      </c>
      <c r="FD32" s="413">
        <v>0</v>
      </c>
      <c r="FE32" s="102">
        <v>1</v>
      </c>
      <c r="FF32" s="102">
        <v>0</v>
      </c>
      <c r="FG32" s="102">
        <v>0</v>
      </c>
      <c r="FH32" s="102">
        <v>0</v>
      </c>
      <c r="FI32" s="102">
        <v>0</v>
      </c>
      <c r="FJ32" s="103">
        <v>1</v>
      </c>
      <c r="FK32" s="104">
        <v>2</v>
      </c>
      <c r="FL32" s="101">
        <v>0</v>
      </c>
      <c r="FM32" s="102">
        <v>1</v>
      </c>
      <c r="FN32" s="103">
        <v>1</v>
      </c>
      <c r="FO32" s="413">
        <v>0</v>
      </c>
      <c r="FP32" s="102">
        <v>0</v>
      </c>
      <c r="FQ32" s="102">
        <v>0</v>
      </c>
      <c r="FR32" s="102">
        <v>0</v>
      </c>
      <c r="FS32" s="102">
        <v>2</v>
      </c>
      <c r="FT32" s="102">
        <v>0</v>
      </c>
      <c r="FU32" s="103">
        <v>2</v>
      </c>
      <c r="FV32" s="104">
        <v>3</v>
      </c>
      <c r="FW32" s="101">
        <v>0</v>
      </c>
      <c r="FX32" s="102">
        <v>0</v>
      </c>
      <c r="FY32" s="103">
        <v>0</v>
      </c>
      <c r="FZ32" s="413">
        <v>0</v>
      </c>
      <c r="GA32" s="102">
        <v>0</v>
      </c>
      <c r="GB32" s="102">
        <v>0</v>
      </c>
      <c r="GC32" s="102">
        <v>0</v>
      </c>
      <c r="GD32" s="102">
        <v>0</v>
      </c>
      <c r="GE32" s="102">
        <v>0</v>
      </c>
      <c r="GF32" s="103">
        <v>0</v>
      </c>
      <c r="GG32" s="104">
        <v>0</v>
      </c>
      <c r="GH32" s="101">
        <v>1</v>
      </c>
      <c r="GI32" s="102">
        <v>2</v>
      </c>
      <c r="GJ32" s="103">
        <v>3</v>
      </c>
      <c r="GK32" s="413">
        <v>0</v>
      </c>
      <c r="GL32" s="102">
        <v>4</v>
      </c>
      <c r="GM32" s="102">
        <v>3</v>
      </c>
      <c r="GN32" s="102">
        <v>0</v>
      </c>
      <c r="GO32" s="102">
        <v>2</v>
      </c>
      <c r="GP32" s="102">
        <v>0</v>
      </c>
      <c r="GQ32" s="103">
        <v>9</v>
      </c>
      <c r="GR32" s="104">
        <v>12</v>
      </c>
      <c r="GS32" s="105">
        <v>5</v>
      </c>
      <c r="GT32" s="97">
        <v>5</v>
      </c>
      <c r="GU32" s="98">
        <v>10</v>
      </c>
      <c r="GV32" s="413">
        <v>0</v>
      </c>
      <c r="GW32" s="97">
        <v>10</v>
      </c>
      <c r="GX32" s="97">
        <v>7</v>
      </c>
      <c r="GY32" s="97">
        <v>4</v>
      </c>
      <c r="GZ32" s="97">
        <v>6</v>
      </c>
      <c r="HA32" s="97">
        <v>3</v>
      </c>
      <c r="HB32" s="99">
        <v>30</v>
      </c>
      <c r="HC32" s="100">
        <v>40</v>
      </c>
      <c r="HD32" s="101">
        <v>0</v>
      </c>
      <c r="HE32" s="102">
        <v>0</v>
      </c>
      <c r="HF32" s="103">
        <v>0</v>
      </c>
      <c r="HG32" s="413">
        <v>0</v>
      </c>
      <c r="HH32" s="102">
        <v>0</v>
      </c>
      <c r="HI32" s="102">
        <v>1</v>
      </c>
      <c r="HJ32" s="102">
        <v>0</v>
      </c>
      <c r="HK32" s="102">
        <v>0</v>
      </c>
      <c r="HL32" s="102">
        <v>0</v>
      </c>
      <c r="HM32" s="103">
        <v>1</v>
      </c>
      <c r="HN32" s="104">
        <v>1</v>
      </c>
      <c r="HO32" s="101">
        <v>1</v>
      </c>
      <c r="HP32" s="102">
        <v>0</v>
      </c>
      <c r="HQ32" s="103">
        <v>1</v>
      </c>
      <c r="HR32" s="413">
        <v>0</v>
      </c>
      <c r="HS32" s="102">
        <v>0</v>
      </c>
      <c r="HT32" s="102">
        <v>0</v>
      </c>
      <c r="HU32" s="102">
        <v>2</v>
      </c>
      <c r="HV32" s="102">
        <v>0</v>
      </c>
      <c r="HW32" s="102">
        <v>0</v>
      </c>
      <c r="HX32" s="103">
        <v>2</v>
      </c>
      <c r="HY32" s="104">
        <v>3</v>
      </c>
      <c r="HZ32" s="101">
        <v>0</v>
      </c>
      <c r="IA32" s="102">
        <v>0</v>
      </c>
      <c r="IB32" s="103">
        <v>0</v>
      </c>
      <c r="IC32" s="413">
        <v>0</v>
      </c>
      <c r="ID32" s="102">
        <v>1</v>
      </c>
      <c r="IE32" s="102">
        <v>3</v>
      </c>
      <c r="IF32" s="102">
        <v>0</v>
      </c>
      <c r="IG32" s="102">
        <v>2</v>
      </c>
      <c r="IH32" s="102">
        <v>0</v>
      </c>
      <c r="II32" s="103">
        <v>6</v>
      </c>
      <c r="IJ32" s="104">
        <v>6</v>
      </c>
      <c r="IK32" s="101">
        <v>2</v>
      </c>
      <c r="IL32" s="102">
        <v>1</v>
      </c>
      <c r="IM32" s="103">
        <v>3</v>
      </c>
      <c r="IN32" s="413">
        <v>0</v>
      </c>
      <c r="IO32" s="102">
        <v>5</v>
      </c>
      <c r="IP32" s="102">
        <v>1</v>
      </c>
      <c r="IQ32" s="102">
        <v>0</v>
      </c>
      <c r="IR32" s="102">
        <v>1</v>
      </c>
      <c r="IS32" s="102">
        <v>0</v>
      </c>
      <c r="IT32" s="103">
        <v>7</v>
      </c>
      <c r="IU32" s="104">
        <v>10</v>
      </c>
      <c r="IV32" s="101">
        <v>2</v>
      </c>
      <c r="IW32" s="102">
        <v>2</v>
      </c>
      <c r="IX32" s="103">
        <v>4</v>
      </c>
      <c r="IY32" s="413">
        <v>0</v>
      </c>
      <c r="IZ32" s="102">
        <v>3</v>
      </c>
      <c r="JA32" s="102">
        <v>0</v>
      </c>
      <c r="JB32" s="102">
        <v>1</v>
      </c>
      <c r="JC32" s="102">
        <v>0</v>
      </c>
      <c r="JD32" s="102">
        <v>0</v>
      </c>
      <c r="JE32" s="103">
        <v>4</v>
      </c>
      <c r="JF32" s="104">
        <v>8</v>
      </c>
      <c r="JG32" s="101">
        <v>0</v>
      </c>
      <c r="JH32" s="102">
        <v>2</v>
      </c>
      <c r="JI32" s="103">
        <v>2</v>
      </c>
      <c r="JJ32" s="413">
        <v>0</v>
      </c>
      <c r="JK32" s="102">
        <v>1</v>
      </c>
      <c r="JL32" s="102">
        <v>2</v>
      </c>
      <c r="JM32" s="102">
        <v>1</v>
      </c>
      <c r="JN32" s="102">
        <v>3</v>
      </c>
      <c r="JO32" s="102">
        <v>3</v>
      </c>
      <c r="JP32" s="103">
        <v>10</v>
      </c>
      <c r="JQ32" s="104">
        <v>12</v>
      </c>
      <c r="JR32" s="101">
        <v>0</v>
      </c>
      <c r="JS32" s="102">
        <v>0</v>
      </c>
      <c r="JT32" s="103">
        <v>0</v>
      </c>
      <c r="JU32" s="413">
        <v>0</v>
      </c>
      <c r="JV32" s="102">
        <v>0</v>
      </c>
      <c r="JW32" s="102">
        <v>0</v>
      </c>
      <c r="JX32" s="102">
        <v>0</v>
      </c>
      <c r="JY32" s="102">
        <v>0</v>
      </c>
      <c r="JZ32" s="102">
        <v>0</v>
      </c>
      <c r="KA32" s="103">
        <v>0</v>
      </c>
      <c r="KB32" s="104">
        <v>0</v>
      </c>
      <c r="KC32" s="101">
        <v>5</v>
      </c>
      <c r="KD32" s="102">
        <v>5</v>
      </c>
      <c r="KE32" s="103">
        <v>10</v>
      </c>
      <c r="KF32" s="413">
        <v>0</v>
      </c>
      <c r="KG32" s="102">
        <v>10</v>
      </c>
      <c r="KH32" s="102">
        <v>7</v>
      </c>
      <c r="KI32" s="102">
        <v>4</v>
      </c>
      <c r="KJ32" s="102">
        <v>6</v>
      </c>
      <c r="KK32" s="102">
        <v>3</v>
      </c>
      <c r="KL32" s="103">
        <v>30</v>
      </c>
      <c r="KM32" s="104">
        <v>40</v>
      </c>
    </row>
    <row r="33" spans="2:299" s="70" customFormat="1" ht="21" customHeight="1" x14ac:dyDescent="0.2">
      <c r="B33" s="106" t="s">
        <v>30</v>
      </c>
      <c r="C33" s="96">
        <v>5</v>
      </c>
      <c r="D33" s="97">
        <v>1</v>
      </c>
      <c r="E33" s="98">
        <v>6</v>
      </c>
      <c r="F33" s="413">
        <v>0</v>
      </c>
      <c r="G33" s="97">
        <v>3</v>
      </c>
      <c r="H33" s="97">
        <v>4</v>
      </c>
      <c r="I33" s="97">
        <v>1</v>
      </c>
      <c r="J33" s="97">
        <v>3</v>
      </c>
      <c r="K33" s="97">
        <v>2</v>
      </c>
      <c r="L33" s="99">
        <v>13</v>
      </c>
      <c r="M33" s="100">
        <v>19</v>
      </c>
      <c r="N33" s="101">
        <v>0</v>
      </c>
      <c r="O33" s="102">
        <v>0</v>
      </c>
      <c r="P33" s="103">
        <v>0</v>
      </c>
      <c r="Q33" s="413">
        <v>0</v>
      </c>
      <c r="R33" s="102">
        <v>0</v>
      </c>
      <c r="S33" s="102">
        <v>0</v>
      </c>
      <c r="T33" s="102">
        <v>0</v>
      </c>
      <c r="U33" s="102">
        <v>1</v>
      </c>
      <c r="V33" s="102">
        <v>0</v>
      </c>
      <c r="W33" s="103">
        <v>1</v>
      </c>
      <c r="X33" s="104">
        <v>1</v>
      </c>
      <c r="Y33" s="101">
        <v>1</v>
      </c>
      <c r="Z33" s="102">
        <v>0</v>
      </c>
      <c r="AA33" s="103">
        <v>1</v>
      </c>
      <c r="AB33" s="413">
        <v>0</v>
      </c>
      <c r="AC33" s="102">
        <v>0</v>
      </c>
      <c r="AD33" s="102">
        <v>1</v>
      </c>
      <c r="AE33" s="102">
        <v>0</v>
      </c>
      <c r="AF33" s="102">
        <v>0</v>
      </c>
      <c r="AG33" s="102">
        <v>0</v>
      </c>
      <c r="AH33" s="103">
        <v>1</v>
      </c>
      <c r="AI33" s="104">
        <v>2</v>
      </c>
      <c r="AJ33" s="101">
        <v>0</v>
      </c>
      <c r="AK33" s="102">
        <v>0</v>
      </c>
      <c r="AL33" s="103">
        <v>0</v>
      </c>
      <c r="AM33" s="413">
        <v>0</v>
      </c>
      <c r="AN33" s="102">
        <v>0</v>
      </c>
      <c r="AO33" s="102">
        <v>0</v>
      </c>
      <c r="AP33" s="102">
        <v>0</v>
      </c>
      <c r="AQ33" s="102">
        <v>0</v>
      </c>
      <c r="AR33" s="102">
        <v>0</v>
      </c>
      <c r="AS33" s="103">
        <v>0</v>
      </c>
      <c r="AT33" s="104">
        <v>0</v>
      </c>
      <c r="AU33" s="101">
        <v>1</v>
      </c>
      <c r="AV33" s="102">
        <v>0</v>
      </c>
      <c r="AW33" s="103">
        <v>1</v>
      </c>
      <c r="AX33" s="413">
        <v>0</v>
      </c>
      <c r="AY33" s="102">
        <v>2</v>
      </c>
      <c r="AZ33" s="102">
        <v>2</v>
      </c>
      <c r="BA33" s="102">
        <v>0</v>
      </c>
      <c r="BB33" s="102">
        <v>0</v>
      </c>
      <c r="BC33" s="102">
        <v>0</v>
      </c>
      <c r="BD33" s="103">
        <v>4</v>
      </c>
      <c r="BE33" s="104">
        <v>5</v>
      </c>
      <c r="BF33" s="101">
        <v>0</v>
      </c>
      <c r="BG33" s="102">
        <v>0</v>
      </c>
      <c r="BH33" s="103">
        <v>0</v>
      </c>
      <c r="BI33" s="413">
        <v>0</v>
      </c>
      <c r="BJ33" s="102">
        <v>0</v>
      </c>
      <c r="BK33" s="102">
        <v>0</v>
      </c>
      <c r="BL33" s="102">
        <v>1</v>
      </c>
      <c r="BM33" s="102">
        <v>1</v>
      </c>
      <c r="BN33" s="102">
        <v>1</v>
      </c>
      <c r="BO33" s="103">
        <v>3</v>
      </c>
      <c r="BP33" s="104">
        <v>3</v>
      </c>
      <c r="BQ33" s="101">
        <v>3</v>
      </c>
      <c r="BR33" s="102">
        <v>1</v>
      </c>
      <c r="BS33" s="103">
        <v>4</v>
      </c>
      <c r="BT33" s="413">
        <v>0</v>
      </c>
      <c r="BU33" s="102">
        <v>1</v>
      </c>
      <c r="BV33" s="102">
        <v>1</v>
      </c>
      <c r="BW33" s="102">
        <v>0</v>
      </c>
      <c r="BX33" s="102">
        <v>1</v>
      </c>
      <c r="BY33" s="102">
        <v>1</v>
      </c>
      <c r="BZ33" s="103">
        <v>4</v>
      </c>
      <c r="CA33" s="104">
        <v>8</v>
      </c>
      <c r="CB33" s="101">
        <v>0</v>
      </c>
      <c r="CC33" s="102">
        <v>0</v>
      </c>
      <c r="CD33" s="103">
        <v>0</v>
      </c>
      <c r="CE33" s="413">
        <v>0</v>
      </c>
      <c r="CF33" s="102">
        <v>0</v>
      </c>
      <c r="CG33" s="102">
        <v>0</v>
      </c>
      <c r="CH33" s="102">
        <v>0</v>
      </c>
      <c r="CI33" s="102">
        <v>0</v>
      </c>
      <c r="CJ33" s="102">
        <v>0</v>
      </c>
      <c r="CK33" s="103">
        <v>0</v>
      </c>
      <c r="CL33" s="104">
        <v>0</v>
      </c>
      <c r="CM33" s="101">
        <v>5</v>
      </c>
      <c r="CN33" s="102">
        <v>1</v>
      </c>
      <c r="CO33" s="103">
        <v>6</v>
      </c>
      <c r="CP33" s="413">
        <v>0</v>
      </c>
      <c r="CQ33" s="102">
        <v>3</v>
      </c>
      <c r="CR33" s="102">
        <v>4</v>
      </c>
      <c r="CS33" s="102">
        <v>1</v>
      </c>
      <c r="CT33" s="102">
        <v>3</v>
      </c>
      <c r="CU33" s="102">
        <v>2</v>
      </c>
      <c r="CV33" s="103">
        <v>13</v>
      </c>
      <c r="CW33" s="104">
        <v>19</v>
      </c>
      <c r="CX33" s="105">
        <v>2</v>
      </c>
      <c r="CY33" s="97">
        <v>1</v>
      </c>
      <c r="CZ33" s="98">
        <v>3</v>
      </c>
      <c r="DA33" s="413">
        <v>0</v>
      </c>
      <c r="DB33" s="97">
        <v>6</v>
      </c>
      <c r="DC33" s="97">
        <v>1</v>
      </c>
      <c r="DD33" s="97">
        <v>2</v>
      </c>
      <c r="DE33" s="97">
        <v>1</v>
      </c>
      <c r="DF33" s="97">
        <v>0</v>
      </c>
      <c r="DG33" s="99">
        <v>10</v>
      </c>
      <c r="DH33" s="100">
        <v>13</v>
      </c>
      <c r="DI33" s="101">
        <v>0</v>
      </c>
      <c r="DJ33" s="102">
        <v>0</v>
      </c>
      <c r="DK33" s="103">
        <v>0</v>
      </c>
      <c r="DL33" s="413">
        <v>0</v>
      </c>
      <c r="DM33" s="102">
        <v>0</v>
      </c>
      <c r="DN33" s="102">
        <v>0</v>
      </c>
      <c r="DO33" s="102">
        <v>0</v>
      </c>
      <c r="DP33" s="102">
        <v>0</v>
      </c>
      <c r="DQ33" s="102">
        <v>0</v>
      </c>
      <c r="DR33" s="103">
        <v>0</v>
      </c>
      <c r="DS33" s="104">
        <v>0</v>
      </c>
      <c r="DT33" s="101">
        <v>0</v>
      </c>
      <c r="DU33" s="102">
        <v>0</v>
      </c>
      <c r="DV33" s="103">
        <v>0</v>
      </c>
      <c r="DW33" s="413">
        <v>0</v>
      </c>
      <c r="DX33" s="102">
        <v>1</v>
      </c>
      <c r="DY33" s="102">
        <v>0</v>
      </c>
      <c r="DZ33" s="102">
        <v>0</v>
      </c>
      <c r="EA33" s="102">
        <v>0</v>
      </c>
      <c r="EB33" s="102">
        <v>0</v>
      </c>
      <c r="EC33" s="103">
        <v>1</v>
      </c>
      <c r="ED33" s="104">
        <v>1</v>
      </c>
      <c r="EE33" s="101">
        <v>1</v>
      </c>
      <c r="EF33" s="102">
        <v>0</v>
      </c>
      <c r="EG33" s="103">
        <v>1</v>
      </c>
      <c r="EH33" s="413">
        <v>0</v>
      </c>
      <c r="EI33" s="102">
        <v>0</v>
      </c>
      <c r="EJ33" s="102">
        <v>0</v>
      </c>
      <c r="EK33" s="102">
        <v>0</v>
      </c>
      <c r="EL33" s="102">
        <v>0</v>
      </c>
      <c r="EM33" s="102">
        <v>0</v>
      </c>
      <c r="EN33" s="103">
        <v>0</v>
      </c>
      <c r="EO33" s="104">
        <v>1</v>
      </c>
      <c r="EP33" s="101">
        <v>0</v>
      </c>
      <c r="EQ33" s="102">
        <v>0</v>
      </c>
      <c r="ER33" s="103">
        <v>0</v>
      </c>
      <c r="ES33" s="413">
        <v>0</v>
      </c>
      <c r="ET33" s="102">
        <v>0</v>
      </c>
      <c r="EU33" s="102">
        <v>0</v>
      </c>
      <c r="EV33" s="102">
        <v>0</v>
      </c>
      <c r="EW33" s="102">
        <v>0</v>
      </c>
      <c r="EX33" s="102">
        <v>0</v>
      </c>
      <c r="EY33" s="103">
        <v>0</v>
      </c>
      <c r="EZ33" s="104">
        <v>0</v>
      </c>
      <c r="FA33" s="101">
        <v>0</v>
      </c>
      <c r="FB33" s="102">
        <v>0</v>
      </c>
      <c r="FC33" s="103">
        <v>0</v>
      </c>
      <c r="FD33" s="413">
        <v>0</v>
      </c>
      <c r="FE33" s="102">
        <v>2</v>
      </c>
      <c r="FF33" s="102">
        <v>0</v>
      </c>
      <c r="FG33" s="102">
        <v>0</v>
      </c>
      <c r="FH33" s="102">
        <v>0</v>
      </c>
      <c r="FI33" s="102">
        <v>0</v>
      </c>
      <c r="FJ33" s="103">
        <v>2</v>
      </c>
      <c r="FK33" s="104">
        <v>2</v>
      </c>
      <c r="FL33" s="101">
        <v>1</v>
      </c>
      <c r="FM33" s="102">
        <v>1</v>
      </c>
      <c r="FN33" s="103">
        <v>2</v>
      </c>
      <c r="FO33" s="413">
        <v>0</v>
      </c>
      <c r="FP33" s="102">
        <v>3</v>
      </c>
      <c r="FQ33" s="102">
        <v>1</v>
      </c>
      <c r="FR33" s="102">
        <v>2</v>
      </c>
      <c r="FS33" s="102">
        <v>1</v>
      </c>
      <c r="FT33" s="102">
        <v>0</v>
      </c>
      <c r="FU33" s="103">
        <v>7</v>
      </c>
      <c r="FV33" s="104">
        <v>9</v>
      </c>
      <c r="FW33" s="101">
        <v>0</v>
      </c>
      <c r="FX33" s="102">
        <v>0</v>
      </c>
      <c r="FY33" s="103">
        <v>0</v>
      </c>
      <c r="FZ33" s="413">
        <v>0</v>
      </c>
      <c r="GA33" s="102">
        <v>0</v>
      </c>
      <c r="GB33" s="102">
        <v>0</v>
      </c>
      <c r="GC33" s="102">
        <v>0</v>
      </c>
      <c r="GD33" s="102">
        <v>0</v>
      </c>
      <c r="GE33" s="102">
        <v>0</v>
      </c>
      <c r="GF33" s="103">
        <v>0</v>
      </c>
      <c r="GG33" s="104">
        <v>0</v>
      </c>
      <c r="GH33" s="101">
        <v>2</v>
      </c>
      <c r="GI33" s="102">
        <v>1</v>
      </c>
      <c r="GJ33" s="103">
        <v>3</v>
      </c>
      <c r="GK33" s="413">
        <v>0</v>
      </c>
      <c r="GL33" s="102">
        <v>6</v>
      </c>
      <c r="GM33" s="102">
        <v>1</v>
      </c>
      <c r="GN33" s="102">
        <v>2</v>
      </c>
      <c r="GO33" s="102">
        <v>1</v>
      </c>
      <c r="GP33" s="102">
        <v>0</v>
      </c>
      <c r="GQ33" s="103">
        <v>10</v>
      </c>
      <c r="GR33" s="104">
        <v>13</v>
      </c>
      <c r="GS33" s="105">
        <v>7</v>
      </c>
      <c r="GT33" s="97">
        <v>2</v>
      </c>
      <c r="GU33" s="98">
        <v>9</v>
      </c>
      <c r="GV33" s="413">
        <v>0</v>
      </c>
      <c r="GW33" s="97">
        <v>9</v>
      </c>
      <c r="GX33" s="97">
        <v>5</v>
      </c>
      <c r="GY33" s="97">
        <v>3</v>
      </c>
      <c r="GZ33" s="97">
        <v>4</v>
      </c>
      <c r="HA33" s="97">
        <v>2</v>
      </c>
      <c r="HB33" s="99">
        <v>23</v>
      </c>
      <c r="HC33" s="100">
        <v>32</v>
      </c>
      <c r="HD33" s="101">
        <v>0</v>
      </c>
      <c r="HE33" s="102">
        <v>0</v>
      </c>
      <c r="HF33" s="103">
        <v>0</v>
      </c>
      <c r="HG33" s="413">
        <v>0</v>
      </c>
      <c r="HH33" s="102">
        <v>0</v>
      </c>
      <c r="HI33" s="102">
        <v>0</v>
      </c>
      <c r="HJ33" s="102">
        <v>0</v>
      </c>
      <c r="HK33" s="102">
        <v>1</v>
      </c>
      <c r="HL33" s="102">
        <v>0</v>
      </c>
      <c r="HM33" s="103">
        <v>1</v>
      </c>
      <c r="HN33" s="104">
        <v>1</v>
      </c>
      <c r="HO33" s="101">
        <v>1</v>
      </c>
      <c r="HP33" s="102">
        <v>0</v>
      </c>
      <c r="HQ33" s="103">
        <v>1</v>
      </c>
      <c r="HR33" s="413">
        <v>0</v>
      </c>
      <c r="HS33" s="102">
        <v>1</v>
      </c>
      <c r="HT33" s="102">
        <v>1</v>
      </c>
      <c r="HU33" s="102">
        <v>0</v>
      </c>
      <c r="HV33" s="102">
        <v>0</v>
      </c>
      <c r="HW33" s="102">
        <v>0</v>
      </c>
      <c r="HX33" s="103">
        <v>2</v>
      </c>
      <c r="HY33" s="104">
        <v>3</v>
      </c>
      <c r="HZ33" s="101">
        <v>1</v>
      </c>
      <c r="IA33" s="102">
        <v>0</v>
      </c>
      <c r="IB33" s="103">
        <v>1</v>
      </c>
      <c r="IC33" s="413">
        <v>0</v>
      </c>
      <c r="ID33" s="102">
        <v>0</v>
      </c>
      <c r="IE33" s="102">
        <v>0</v>
      </c>
      <c r="IF33" s="102">
        <v>0</v>
      </c>
      <c r="IG33" s="102">
        <v>0</v>
      </c>
      <c r="IH33" s="102">
        <v>0</v>
      </c>
      <c r="II33" s="103">
        <v>0</v>
      </c>
      <c r="IJ33" s="104">
        <v>1</v>
      </c>
      <c r="IK33" s="101">
        <v>1</v>
      </c>
      <c r="IL33" s="102">
        <v>0</v>
      </c>
      <c r="IM33" s="103">
        <v>1</v>
      </c>
      <c r="IN33" s="413">
        <v>0</v>
      </c>
      <c r="IO33" s="102">
        <v>2</v>
      </c>
      <c r="IP33" s="102">
        <v>2</v>
      </c>
      <c r="IQ33" s="102">
        <v>0</v>
      </c>
      <c r="IR33" s="102">
        <v>0</v>
      </c>
      <c r="IS33" s="102">
        <v>0</v>
      </c>
      <c r="IT33" s="103">
        <v>4</v>
      </c>
      <c r="IU33" s="104">
        <v>5</v>
      </c>
      <c r="IV33" s="101">
        <v>0</v>
      </c>
      <c r="IW33" s="102">
        <v>0</v>
      </c>
      <c r="IX33" s="103">
        <v>0</v>
      </c>
      <c r="IY33" s="413">
        <v>0</v>
      </c>
      <c r="IZ33" s="102">
        <v>2</v>
      </c>
      <c r="JA33" s="102">
        <v>0</v>
      </c>
      <c r="JB33" s="102">
        <v>1</v>
      </c>
      <c r="JC33" s="102">
        <v>1</v>
      </c>
      <c r="JD33" s="102">
        <v>1</v>
      </c>
      <c r="JE33" s="103">
        <v>5</v>
      </c>
      <c r="JF33" s="104">
        <v>5</v>
      </c>
      <c r="JG33" s="101">
        <v>4</v>
      </c>
      <c r="JH33" s="102">
        <v>2</v>
      </c>
      <c r="JI33" s="103">
        <v>6</v>
      </c>
      <c r="JJ33" s="413">
        <v>0</v>
      </c>
      <c r="JK33" s="102">
        <v>4</v>
      </c>
      <c r="JL33" s="102">
        <v>2</v>
      </c>
      <c r="JM33" s="102">
        <v>2</v>
      </c>
      <c r="JN33" s="102">
        <v>2</v>
      </c>
      <c r="JO33" s="102">
        <v>1</v>
      </c>
      <c r="JP33" s="103">
        <v>11</v>
      </c>
      <c r="JQ33" s="104">
        <v>17</v>
      </c>
      <c r="JR33" s="101">
        <v>0</v>
      </c>
      <c r="JS33" s="102">
        <v>0</v>
      </c>
      <c r="JT33" s="103">
        <v>0</v>
      </c>
      <c r="JU33" s="413">
        <v>0</v>
      </c>
      <c r="JV33" s="102">
        <v>0</v>
      </c>
      <c r="JW33" s="102">
        <v>0</v>
      </c>
      <c r="JX33" s="102">
        <v>0</v>
      </c>
      <c r="JY33" s="102">
        <v>0</v>
      </c>
      <c r="JZ33" s="102">
        <v>0</v>
      </c>
      <c r="KA33" s="103">
        <v>0</v>
      </c>
      <c r="KB33" s="104">
        <v>0</v>
      </c>
      <c r="KC33" s="101">
        <v>7</v>
      </c>
      <c r="KD33" s="102">
        <v>2</v>
      </c>
      <c r="KE33" s="103">
        <v>9</v>
      </c>
      <c r="KF33" s="413">
        <v>0</v>
      </c>
      <c r="KG33" s="102">
        <v>9</v>
      </c>
      <c r="KH33" s="102">
        <v>5</v>
      </c>
      <c r="KI33" s="102">
        <v>3</v>
      </c>
      <c r="KJ33" s="102">
        <v>4</v>
      </c>
      <c r="KK33" s="102">
        <v>2</v>
      </c>
      <c r="KL33" s="103">
        <v>23</v>
      </c>
      <c r="KM33" s="104">
        <v>32</v>
      </c>
    </row>
    <row r="34" spans="2:299" s="70" customFormat="1" ht="21" customHeight="1" x14ac:dyDescent="0.2">
      <c r="B34" s="106" t="s">
        <v>31</v>
      </c>
      <c r="C34" s="96">
        <v>4</v>
      </c>
      <c r="D34" s="97">
        <v>4</v>
      </c>
      <c r="E34" s="98">
        <v>8</v>
      </c>
      <c r="F34" s="413">
        <v>0</v>
      </c>
      <c r="G34" s="97">
        <v>6</v>
      </c>
      <c r="H34" s="97">
        <v>4</v>
      </c>
      <c r="I34" s="97">
        <v>7</v>
      </c>
      <c r="J34" s="97">
        <v>2</v>
      </c>
      <c r="K34" s="97">
        <v>2</v>
      </c>
      <c r="L34" s="99">
        <v>21</v>
      </c>
      <c r="M34" s="100">
        <v>29</v>
      </c>
      <c r="N34" s="101">
        <v>0</v>
      </c>
      <c r="O34" s="102">
        <v>0</v>
      </c>
      <c r="P34" s="103">
        <v>0</v>
      </c>
      <c r="Q34" s="413">
        <v>0</v>
      </c>
      <c r="R34" s="102">
        <v>0</v>
      </c>
      <c r="S34" s="102">
        <v>1</v>
      </c>
      <c r="T34" s="102">
        <v>0</v>
      </c>
      <c r="U34" s="102">
        <v>0</v>
      </c>
      <c r="V34" s="102">
        <v>0</v>
      </c>
      <c r="W34" s="103">
        <v>1</v>
      </c>
      <c r="X34" s="104">
        <v>1</v>
      </c>
      <c r="Y34" s="101">
        <v>2</v>
      </c>
      <c r="Z34" s="102">
        <v>1</v>
      </c>
      <c r="AA34" s="103">
        <v>3</v>
      </c>
      <c r="AB34" s="413">
        <v>0</v>
      </c>
      <c r="AC34" s="102">
        <v>0</v>
      </c>
      <c r="AD34" s="102">
        <v>1</v>
      </c>
      <c r="AE34" s="102">
        <v>1</v>
      </c>
      <c r="AF34" s="102">
        <v>0</v>
      </c>
      <c r="AG34" s="102">
        <v>1</v>
      </c>
      <c r="AH34" s="103">
        <v>3</v>
      </c>
      <c r="AI34" s="104">
        <v>6</v>
      </c>
      <c r="AJ34" s="101">
        <v>0</v>
      </c>
      <c r="AK34" s="102">
        <v>1</v>
      </c>
      <c r="AL34" s="103">
        <v>1</v>
      </c>
      <c r="AM34" s="413">
        <v>0</v>
      </c>
      <c r="AN34" s="102">
        <v>3</v>
      </c>
      <c r="AO34" s="102">
        <v>0</v>
      </c>
      <c r="AP34" s="102">
        <v>1</v>
      </c>
      <c r="AQ34" s="102">
        <v>0</v>
      </c>
      <c r="AR34" s="102">
        <v>0</v>
      </c>
      <c r="AS34" s="103">
        <v>4</v>
      </c>
      <c r="AT34" s="104">
        <v>5</v>
      </c>
      <c r="AU34" s="101">
        <v>1</v>
      </c>
      <c r="AV34" s="102">
        <v>1</v>
      </c>
      <c r="AW34" s="103">
        <v>2</v>
      </c>
      <c r="AX34" s="413">
        <v>0</v>
      </c>
      <c r="AY34" s="102">
        <v>0</v>
      </c>
      <c r="AZ34" s="102">
        <v>0</v>
      </c>
      <c r="BA34" s="102">
        <v>0</v>
      </c>
      <c r="BB34" s="102">
        <v>0</v>
      </c>
      <c r="BC34" s="102">
        <v>0</v>
      </c>
      <c r="BD34" s="103">
        <v>0</v>
      </c>
      <c r="BE34" s="104">
        <v>2</v>
      </c>
      <c r="BF34" s="101">
        <v>0</v>
      </c>
      <c r="BG34" s="102">
        <v>1</v>
      </c>
      <c r="BH34" s="103">
        <v>1</v>
      </c>
      <c r="BI34" s="413">
        <v>0</v>
      </c>
      <c r="BJ34" s="102">
        <v>1</v>
      </c>
      <c r="BK34" s="102">
        <v>1</v>
      </c>
      <c r="BL34" s="102">
        <v>2</v>
      </c>
      <c r="BM34" s="102">
        <v>1</v>
      </c>
      <c r="BN34" s="102">
        <v>0</v>
      </c>
      <c r="BO34" s="103">
        <v>5</v>
      </c>
      <c r="BP34" s="104">
        <v>6</v>
      </c>
      <c r="BQ34" s="101">
        <v>1</v>
      </c>
      <c r="BR34" s="102">
        <v>0</v>
      </c>
      <c r="BS34" s="103">
        <v>1</v>
      </c>
      <c r="BT34" s="413">
        <v>0</v>
      </c>
      <c r="BU34" s="102">
        <v>2</v>
      </c>
      <c r="BV34" s="102">
        <v>1</v>
      </c>
      <c r="BW34" s="102">
        <v>3</v>
      </c>
      <c r="BX34" s="102">
        <v>1</v>
      </c>
      <c r="BY34" s="102">
        <v>1</v>
      </c>
      <c r="BZ34" s="103">
        <v>8</v>
      </c>
      <c r="CA34" s="104">
        <v>9</v>
      </c>
      <c r="CB34" s="101">
        <v>0</v>
      </c>
      <c r="CC34" s="102">
        <v>0</v>
      </c>
      <c r="CD34" s="103">
        <v>0</v>
      </c>
      <c r="CE34" s="413">
        <v>0</v>
      </c>
      <c r="CF34" s="102">
        <v>0</v>
      </c>
      <c r="CG34" s="102">
        <v>0</v>
      </c>
      <c r="CH34" s="102">
        <v>0</v>
      </c>
      <c r="CI34" s="102">
        <v>0</v>
      </c>
      <c r="CJ34" s="102">
        <v>0</v>
      </c>
      <c r="CK34" s="103">
        <v>0</v>
      </c>
      <c r="CL34" s="104">
        <v>0</v>
      </c>
      <c r="CM34" s="101">
        <v>4</v>
      </c>
      <c r="CN34" s="102">
        <v>4</v>
      </c>
      <c r="CO34" s="103">
        <v>8</v>
      </c>
      <c r="CP34" s="413">
        <v>0</v>
      </c>
      <c r="CQ34" s="102">
        <v>6</v>
      </c>
      <c r="CR34" s="102">
        <v>4</v>
      </c>
      <c r="CS34" s="102">
        <v>7</v>
      </c>
      <c r="CT34" s="102">
        <v>2</v>
      </c>
      <c r="CU34" s="102">
        <v>2</v>
      </c>
      <c r="CV34" s="103">
        <v>21</v>
      </c>
      <c r="CW34" s="104">
        <v>29</v>
      </c>
      <c r="CX34" s="105">
        <v>1</v>
      </c>
      <c r="CY34" s="97">
        <v>0</v>
      </c>
      <c r="CZ34" s="98">
        <v>1</v>
      </c>
      <c r="DA34" s="413">
        <v>0</v>
      </c>
      <c r="DB34" s="97">
        <v>1</v>
      </c>
      <c r="DC34" s="97">
        <v>1</v>
      </c>
      <c r="DD34" s="97">
        <v>4</v>
      </c>
      <c r="DE34" s="97">
        <v>1</v>
      </c>
      <c r="DF34" s="97">
        <v>0</v>
      </c>
      <c r="DG34" s="99">
        <v>7</v>
      </c>
      <c r="DH34" s="100">
        <v>8</v>
      </c>
      <c r="DI34" s="101">
        <v>0</v>
      </c>
      <c r="DJ34" s="102">
        <v>0</v>
      </c>
      <c r="DK34" s="103">
        <v>0</v>
      </c>
      <c r="DL34" s="413">
        <v>0</v>
      </c>
      <c r="DM34" s="102">
        <v>0</v>
      </c>
      <c r="DN34" s="102">
        <v>0</v>
      </c>
      <c r="DO34" s="102">
        <v>0</v>
      </c>
      <c r="DP34" s="102">
        <v>0</v>
      </c>
      <c r="DQ34" s="102">
        <v>0</v>
      </c>
      <c r="DR34" s="103">
        <v>0</v>
      </c>
      <c r="DS34" s="104">
        <v>0</v>
      </c>
      <c r="DT34" s="101">
        <v>0</v>
      </c>
      <c r="DU34" s="102">
        <v>0</v>
      </c>
      <c r="DV34" s="103">
        <v>0</v>
      </c>
      <c r="DW34" s="413">
        <v>0</v>
      </c>
      <c r="DX34" s="102">
        <v>0</v>
      </c>
      <c r="DY34" s="102">
        <v>0</v>
      </c>
      <c r="DZ34" s="102">
        <v>1</v>
      </c>
      <c r="EA34" s="102">
        <v>0</v>
      </c>
      <c r="EB34" s="102">
        <v>0</v>
      </c>
      <c r="EC34" s="103">
        <v>1</v>
      </c>
      <c r="ED34" s="104">
        <v>1</v>
      </c>
      <c r="EE34" s="101">
        <v>0</v>
      </c>
      <c r="EF34" s="102">
        <v>0</v>
      </c>
      <c r="EG34" s="103">
        <v>0</v>
      </c>
      <c r="EH34" s="413">
        <v>0</v>
      </c>
      <c r="EI34" s="102">
        <v>0</v>
      </c>
      <c r="EJ34" s="102">
        <v>0</v>
      </c>
      <c r="EK34" s="102">
        <v>0</v>
      </c>
      <c r="EL34" s="102">
        <v>1</v>
      </c>
      <c r="EM34" s="102">
        <v>0</v>
      </c>
      <c r="EN34" s="103">
        <v>1</v>
      </c>
      <c r="EO34" s="104">
        <v>1</v>
      </c>
      <c r="EP34" s="101">
        <v>0</v>
      </c>
      <c r="EQ34" s="102">
        <v>0</v>
      </c>
      <c r="ER34" s="103">
        <v>0</v>
      </c>
      <c r="ES34" s="413">
        <v>0</v>
      </c>
      <c r="ET34" s="102">
        <v>1</v>
      </c>
      <c r="EU34" s="102">
        <v>0</v>
      </c>
      <c r="EV34" s="102">
        <v>2</v>
      </c>
      <c r="EW34" s="102">
        <v>0</v>
      </c>
      <c r="EX34" s="102">
        <v>0</v>
      </c>
      <c r="EY34" s="103">
        <v>3</v>
      </c>
      <c r="EZ34" s="104">
        <v>3</v>
      </c>
      <c r="FA34" s="101">
        <v>1</v>
      </c>
      <c r="FB34" s="102">
        <v>0</v>
      </c>
      <c r="FC34" s="103">
        <v>1</v>
      </c>
      <c r="FD34" s="413">
        <v>0</v>
      </c>
      <c r="FE34" s="102">
        <v>0</v>
      </c>
      <c r="FF34" s="102">
        <v>1</v>
      </c>
      <c r="FG34" s="102">
        <v>0</v>
      </c>
      <c r="FH34" s="102">
        <v>0</v>
      </c>
      <c r="FI34" s="102">
        <v>0</v>
      </c>
      <c r="FJ34" s="103">
        <v>1</v>
      </c>
      <c r="FK34" s="104">
        <v>2</v>
      </c>
      <c r="FL34" s="101">
        <v>0</v>
      </c>
      <c r="FM34" s="102">
        <v>0</v>
      </c>
      <c r="FN34" s="103">
        <v>0</v>
      </c>
      <c r="FO34" s="413">
        <v>0</v>
      </c>
      <c r="FP34" s="102">
        <v>0</v>
      </c>
      <c r="FQ34" s="102">
        <v>0</v>
      </c>
      <c r="FR34" s="102">
        <v>1</v>
      </c>
      <c r="FS34" s="102">
        <v>0</v>
      </c>
      <c r="FT34" s="102">
        <v>0</v>
      </c>
      <c r="FU34" s="103">
        <v>1</v>
      </c>
      <c r="FV34" s="104">
        <v>1</v>
      </c>
      <c r="FW34" s="101">
        <v>0</v>
      </c>
      <c r="FX34" s="102">
        <v>0</v>
      </c>
      <c r="FY34" s="103">
        <v>0</v>
      </c>
      <c r="FZ34" s="413">
        <v>0</v>
      </c>
      <c r="GA34" s="102">
        <v>0</v>
      </c>
      <c r="GB34" s="102">
        <v>0</v>
      </c>
      <c r="GC34" s="102">
        <v>0</v>
      </c>
      <c r="GD34" s="102">
        <v>0</v>
      </c>
      <c r="GE34" s="102">
        <v>0</v>
      </c>
      <c r="GF34" s="103">
        <v>0</v>
      </c>
      <c r="GG34" s="104">
        <v>0</v>
      </c>
      <c r="GH34" s="101">
        <v>1</v>
      </c>
      <c r="GI34" s="102">
        <v>0</v>
      </c>
      <c r="GJ34" s="103">
        <v>1</v>
      </c>
      <c r="GK34" s="413">
        <v>0</v>
      </c>
      <c r="GL34" s="102">
        <v>1</v>
      </c>
      <c r="GM34" s="102">
        <v>1</v>
      </c>
      <c r="GN34" s="102">
        <v>4</v>
      </c>
      <c r="GO34" s="102">
        <v>1</v>
      </c>
      <c r="GP34" s="102">
        <v>0</v>
      </c>
      <c r="GQ34" s="103">
        <v>7</v>
      </c>
      <c r="GR34" s="104">
        <v>8</v>
      </c>
      <c r="GS34" s="105">
        <v>5</v>
      </c>
      <c r="GT34" s="97">
        <v>4</v>
      </c>
      <c r="GU34" s="98">
        <v>9</v>
      </c>
      <c r="GV34" s="413">
        <v>0</v>
      </c>
      <c r="GW34" s="97">
        <v>7</v>
      </c>
      <c r="GX34" s="97">
        <v>5</v>
      </c>
      <c r="GY34" s="97">
        <v>11</v>
      </c>
      <c r="GZ34" s="97">
        <v>3</v>
      </c>
      <c r="HA34" s="97">
        <v>2</v>
      </c>
      <c r="HB34" s="99">
        <v>28</v>
      </c>
      <c r="HC34" s="100">
        <v>37</v>
      </c>
      <c r="HD34" s="101">
        <v>0</v>
      </c>
      <c r="HE34" s="102">
        <v>0</v>
      </c>
      <c r="HF34" s="103">
        <v>0</v>
      </c>
      <c r="HG34" s="413">
        <v>0</v>
      </c>
      <c r="HH34" s="102">
        <v>0</v>
      </c>
      <c r="HI34" s="102">
        <v>1</v>
      </c>
      <c r="HJ34" s="102">
        <v>0</v>
      </c>
      <c r="HK34" s="102">
        <v>0</v>
      </c>
      <c r="HL34" s="102">
        <v>0</v>
      </c>
      <c r="HM34" s="103">
        <v>1</v>
      </c>
      <c r="HN34" s="104">
        <v>1</v>
      </c>
      <c r="HO34" s="101">
        <v>2</v>
      </c>
      <c r="HP34" s="102">
        <v>1</v>
      </c>
      <c r="HQ34" s="103">
        <v>3</v>
      </c>
      <c r="HR34" s="413">
        <v>0</v>
      </c>
      <c r="HS34" s="102">
        <v>0</v>
      </c>
      <c r="HT34" s="102">
        <v>1</v>
      </c>
      <c r="HU34" s="102">
        <v>2</v>
      </c>
      <c r="HV34" s="102">
        <v>0</v>
      </c>
      <c r="HW34" s="102">
        <v>1</v>
      </c>
      <c r="HX34" s="103">
        <v>4</v>
      </c>
      <c r="HY34" s="104">
        <v>7</v>
      </c>
      <c r="HZ34" s="101">
        <v>0</v>
      </c>
      <c r="IA34" s="102">
        <v>1</v>
      </c>
      <c r="IB34" s="103">
        <v>1</v>
      </c>
      <c r="IC34" s="413">
        <v>0</v>
      </c>
      <c r="ID34" s="102">
        <v>3</v>
      </c>
      <c r="IE34" s="102">
        <v>0</v>
      </c>
      <c r="IF34" s="102">
        <v>1</v>
      </c>
      <c r="IG34" s="102">
        <v>1</v>
      </c>
      <c r="IH34" s="102">
        <v>0</v>
      </c>
      <c r="II34" s="103">
        <v>5</v>
      </c>
      <c r="IJ34" s="104">
        <v>6</v>
      </c>
      <c r="IK34" s="101">
        <v>1</v>
      </c>
      <c r="IL34" s="102">
        <v>1</v>
      </c>
      <c r="IM34" s="103">
        <v>2</v>
      </c>
      <c r="IN34" s="413">
        <v>0</v>
      </c>
      <c r="IO34" s="102">
        <v>1</v>
      </c>
      <c r="IP34" s="102">
        <v>0</v>
      </c>
      <c r="IQ34" s="102">
        <v>2</v>
      </c>
      <c r="IR34" s="102">
        <v>0</v>
      </c>
      <c r="IS34" s="102">
        <v>0</v>
      </c>
      <c r="IT34" s="103">
        <v>3</v>
      </c>
      <c r="IU34" s="104">
        <v>5</v>
      </c>
      <c r="IV34" s="101">
        <v>1</v>
      </c>
      <c r="IW34" s="102">
        <v>1</v>
      </c>
      <c r="IX34" s="103">
        <v>2</v>
      </c>
      <c r="IY34" s="413">
        <v>0</v>
      </c>
      <c r="IZ34" s="102">
        <v>1</v>
      </c>
      <c r="JA34" s="102">
        <v>2</v>
      </c>
      <c r="JB34" s="102">
        <v>2</v>
      </c>
      <c r="JC34" s="102">
        <v>1</v>
      </c>
      <c r="JD34" s="102">
        <v>0</v>
      </c>
      <c r="JE34" s="103">
        <v>6</v>
      </c>
      <c r="JF34" s="104">
        <v>8</v>
      </c>
      <c r="JG34" s="101">
        <v>1</v>
      </c>
      <c r="JH34" s="102">
        <v>0</v>
      </c>
      <c r="JI34" s="103">
        <v>1</v>
      </c>
      <c r="JJ34" s="413">
        <v>0</v>
      </c>
      <c r="JK34" s="102">
        <v>2</v>
      </c>
      <c r="JL34" s="102">
        <v>1</v>
      </c>
      <c r="JM34" s="102">
        <v>4</v>
      </c>
      <c r="JN34" s="102">
        <v>1</v>
      </c>
      <c r="JO34" s="102">
        <v>1</v>
      </c>
      <c r="JP34" s="103">
        <v>9</v>
      </c>
      <c r="JQ34" s="104">
        <v>10</v>
      </c>
      <c r="JR34" s="101">
        <v>0</v>
      </c>
      <c r="JS34" s="102">
        <v>0</v>
      </c>
      <c r="JT34" s="103">
        <v>0</v>
      </c>
      <c r="JU34" s="413">
        <v>0</v>
      </c>
      <c r="JV34" s="102">
        <v>0</v>
      </c>
      <c r="JW34" s="102">
        <v>0</v>
      </c>
      <c r="JX34" s="102">
        <v>0</v>
      </c>
      <c r="JY34" s="102">
        <v>0</v>
      </c>
      <c r="JZ34" s="102">
        <v>0</v>
      </c>
      <c r="KA34" s="103">
        <v>0</v>
      </c>
      <c r="KB34" s="104">
        <v>0</v>
      </c>
      <c r="KC34" s="101">
        <v>5</v>
      </c>
      <c r="KD34" s="102">
        <v>4</v>
      </c>
      <c r="KE34" s="103">
        <v>9</v>
      </c>
      <c r="KF34" s="413">
        <v>0</v>
      </c>
      <c r="KG34" s="102">
        <v>7</v>
      </c>
      <c r="KH34" s="102">
        <v>5</v>
      </c>
      <c r="KI34" s="102">
        <v>11</v>
      </c>
      <c r="KJ34" s="102">
        <v>3</v>
      </c>
      <c r="KK34" s="102">
        <v>2</v>
      </c>
      <c r="KL34" s="103">
        <v>28</v>
      </c>
      <c r="KM34" s="104">
        <v>37</v>
      </c>
    </row>
    <row r="35" spans="2:299" s="70" customFormat="1" ht="21" customHeight="1" x14ac:dyDescent="0.2">
      <c r="B35" s="106" t="s">
        <v>32</v>
      </c>
      <c r="C35" s="96">
        <v>6</v>
      </c>
      <c r="D35" s="97">
        <v>4</v>
      </c>
      <c r="E35" s="98">
        <v>10</v>
      </c>
      <c r="F35" s="413">
        <v>0</v>
      </c>
      <c r="G35" s="97">
        <v>12</v>
      </c>
      <c r="H35" s="97">
        <v>5</v>
      </c>
      <c r="I35" s="97">
        <v>2</v>
      </c>
      <c r="J35" s="97">
        <v>5</v>
      </c>
      <c r="K35" s="97">
        <v>4</v>
      </c>
      <c r="L35" s="99">
        <v>28</v>
      </c>
      <c r="M35" s="100">
        <v>38</v>
      </c>
      <c r="N35" s="101">
        <v>0</v>
      </c>
      <c r="O35" s="102">
        <v>0</v>
      </c>
      <c r="P35" s="103">
        <v>0</v>
      </c>
      <c r="Q35" s="413">
        <v>0</v>
      </c>
      <c r="R35" s="102">
        <v>0</v>
      </c>
      <c r="S35" s="102">
        <v>0</v>
      </c>
      <c r="T35" s="102">
        <v>0</v>
      </c>
      <c r="U35" s="102">
        <v>0</v>
      </c>
      <c r="V35" s="102">
        <v>0</v>
      </c>
      <c r="W35" s="103">
        <v>0</v>
      </c>
      <c r="X35" s="104">
        <v>0</v>
      </c>
      <c r="Y35" s="101">
        <v>0</v>
      </c>
      <c r="Z35" s="102">
        <v>0</v>
      </c>
      <c r="AA35" s="103">
        <v>0</v>
      </c>
      <c r="AB35" s="413">
        <v>0</v>
      </c>
      <c r="AC35" s="102">
        <v>0</v>
      </c>
      <c r="AD35" s="102">
        <v>0</v>
      </c>
      <c r="AE35" s="102">
        <v>1</v>
      </c>
      <c r="AF35" s="102">
        <v>2</v>
      </c>
      <c r="AG35" s="102">
        <v>0</v>
      </c>
      <c r="AH35" s="103">
        <v>3</v>
      </c>
      <c r="AI35" s="104">
        <v>3</v>
      </c>
      <c r="AJ35" s="101">
        <v>1</v>
      </c>
      <c r="AK35" s="102">
        <v>0</v>
      </c>
      <c r="AL35" s="103">
        <v>1</v>
      </c>
      <c r="AM35" s="413">
        <v>0</v>
      </c>
      <c r="AN35" s="102">
        <v>3</v>
      </c>
      <c r="AO35" s="102">
        <v>0</v>
      </c>
      <c r="AP35" s="102">
        <v>0</v>
      </c>
      <c r="AQ35" s="102">
        <v>1</v>
      </c>
      <c r="AR35" s="102">
        <v>2</v>
      </c>
      <c r="AS35" s="103">
        <v>6</v>
      </c>
      <c r="AT35" s="104">
        <v>7</v>
      </c>
      <c r="AU35" s="101">
        <v>2</v>
      </c>
      <c r="AV35" s="102">
        <v>2</v>
      </c>
      <c r="AW35" s="103">
        <v>4</v>
      </c>
      <c r="AX35" s="413">
        <v>0</v>
      </c>
      <c r="AY35" s="102">
        <v>4</v>
      </c>
      <c r="AZ35" s="102">
        <v>1</v>
      </c>
      <c r="BA35" s="102">
        <v>0</v>
      </c>
      <c r="BB35" s="102">
        <v>0</v>
      </c>
      <c r="BC35" s="102">
        <v>1</v>
      </c>
      <c r="BD35" s="103">
        <v>6</v>
      </c>
      <c r="BE35" s="104">
        <v>10</v>
      </c>
      <c r="BF35" s="101">
        <v>0</v>
      </c>
      <c r="BG35" s="102">
        <v>2</v>
      </c>
      <c r="BH35" s="103">
        <v>2</v>
      </c>
      <c r="BI35" s="413">
        <v>0</v>
      </c>
      <c r="BJ35" s="102">
        <v>1</v>
      </c>
      <c r="BK35" s="102">
        <v>2</v>
      </c>
      <c r="BL35" s="102">
        <v>1</v>
      </c>
      <c r="BM35" s="102">
        <v>0</v>
      </c>
      <c r="BN35" s="102">
        <v>0</v>
      </c>
      <c r="BO35" s="103">
        <v>4</v>
      </c>
      <c r="BP35" s="104">
        <v>6</v>
      </c>
      <c r="BQ35" s="101">
        <v>3</v>
      </c>
      <c r="BR35" s="102">
        <v>0</v>
      </c>
      <c r="BS35" s="103">
        <v>3</v>
      </c>
      <c r="BT35" s="413">
        <v>0</v>
      </c>
      <c r="BU35" s="102">
        <v>4</v>
      </c>
      <c r="BV35" s="102">
        <v>2</v>
      </c>
      <c r="BW35" s="102">
        <v>0</v>
      </c>
      <c r="BX35" s="102">
        <v>2</v>
      </c>
      <c r="BY35" s="102">
        <v>1</v>
      </c>
      <c r="BZ35" s="103">
        <v>9</v>
      </c>
      <c r="CA35" s="104">
        <v>12</v>
      </c>
      <c r="CB35" s="101">
        <v>0</v>
      </c>
      <c r="CC35" s="102">
        <v>0</v>
      </c>
      <c r="CD35" s="103">
        <v>0</v>
      </c>
      <c r="CE35" s="413">
        <v>0</v>
      </c>
      <c r="CF35" s="102">
        <v>0</v>
      </c>
      <c r="CG35" s="102">
        <v>0</v>
      </c>
      <c r="CH35" s="102">
        <v>0</v>
      </c>
      <c r="CI35" s="102">
        <v>0</v>
      </c>
      <c r="CJ35" s="102">
        <v>0</v>
      </c>
      <c r="CK35" s="103">
        <v>0</v>
      </c>
      <c r="CL35" s="104">
        <v>0</v>
      </c>
      <c r="CM35" s="101">
        <v>6</v>
      </c>
      <c r="CN35" s="102">
        <v>4</v>
      </c>
      <c r="CO35" s="103">
        <v>10</v>
      </c>
      <c r="CP35" s="413">
        <v>0</v>
      </c>
      <c r="CQ35" s="102">
        <v>12</v>
      </c>
      <c r="CR35" s="102">
        <v>5</v>
      </c>
      <c r="CS35" s="102">
        <v>2</v>
      </c>
      <c r="CT35" s="102">
        <v>5</v>
      </c>
      <c r="CU35" s="102">
        <v>4</v>
      </c>
      <c r="CV35" s="103">
        <v>28</v>
      </c>
      <c r="CW35" s="104">
        <v>38</v>
      </c>
      <c r="CX35" s="105">
        <v>2</v>
      </c>
      <c r="CY35" s="97">
        <v>1</v>
      </c>
      <c r="CZ35" s="98">
        <v>3</v>
      </c>
      <c r="DA35" s="413">
        <v>0</v>
      </c>
      <c r="DB35" s="97">
        <v>5</v>
      </c>
      <c r="DC35" s="97">
        <v>3</v>
      </c>
      <c r="DD35" s="97">
        <v>1</v>
      </c>
      <c r="DE35" s="97">
        <v>3</v>
      </c>
      <c r="DF35" s="97">
        <v>2</v>
      </c>
      <c r="DG35" s="99">
        <v>14</v>
      </c>
      <c r="DH35" s="100">
        <v>17</v>
      </c>
      <c r="DI35" s="101">
        <v>0</v>
      </c>
      <c r="DJ35" s="102">
        <v>0</v>
      </c>
      <c r="DK35" s="103">
        <v>0</v>
      </c>
      <c r="DL35" s="413">
        <v>0</v>
      </c>
      <c r="DM35" s="102">
        <v>0</v>
      </c>
      <c r="DN35" s="102">
        <v>0</v>
      </c>
      <c r="DO35" s="102">
        <v>0</v>
      </c>
      <c r="DP35" s="102">
        <v>0</v>
      </c>
      <c r="DQ35" s="102">
        <v>0</v>
      </c>
      <c r="DR35" s="103">
        <v>0</v>
      </c>
      <c r="DS35" s="104">
        <v>0</v>
      </c>
      <c r="DT35" s="101">
        <v>1</v>
      </c>
      <c r="DU35" s="102">
        <v>0</v>
      </c>
      <c r="DV35" s="103">
        <v>1</v>
      </c>
      <c r="DW35" s="413">
        <v>0</v>
      </c>
      <c r="DX35" s="102">
        <v>0</v>
      </c>
      <c r="DY35" s="102">
        <v>0</v>
      </c>
      <c r="DZ35" s="102">
        <v>0</v>
      </c>
      <c r="EA35" s="102">
        <v>0</v>
      </c>
      <c r="EB35" s="102">
        <v>0</v>
      </c>
      <c r="EC35" s="103">
        <v>0</v>
      </c>
      <c r="ED35" s="104">
        <v>1</v>
      </c>
      <c r="EE35" s="101">
        <v>0</v>
      </c>
      <c r="EF35" s="102">
        <v>0</v>
      </c>
      <c r="EG35" s="103">
        <v>0</v>
      </c>
      <c r="EH35" s="413">
        <v>0</v>
      </c>
      <c r="EI35" s="102">
        <v>1</v>
      </c>
      <c r="EJ35" s="102">
        <v>0</v>
      </c>
      <c r="EK35" s="102">
        <v>1</v>
      </c>
      <c r="EL35" s="102">
        <v>0</v>
      </c>
      <c r="EM35" s="102">
        <v>0</v>
      </c>
      <c r="EN35" s="103">
        <v>2</v>
      </c>
      <c r="EO35" s="104">
        <v>2</v>
      </c>
      <c r="EP35" s="101">
        <v>1</v>
      </c>
      <c r="EQ35" s="102">
        <v>0</v>
      </c>
      <c r="ER35" s="103">
        <v>1</v>
      </c>
      <c r="ES35" s="413">
        <v>0</v>
      </c>
      <c r="ET35" s="102">
        <v>1</v>
      </c>
      <c r="EU35" s="102">
        <v>0</v>
      </c>
      <c r="EV35" s="102">
        <v>0</v>
      </c>
      <c r="EW35" s="102">
        <v>1</v>
      </c>
      <c r="EX35" s="102">
        <v>0</v>
      </c>
      <c r="EY35" s="103">
        <v>2</v>
      </c>
      <c r="EZ35" s="104">
        <v>3</v>
      </c>
      <c r="FA35" s="101">
        <v>0</v>
      </c>
      <c r="FB35" s="102">
        <v>0</v>
      </c>
      <c r="FC35" s="103">
        <v>0</v>
      </c>
      <c r="FD35" s="413">
        <v>0</v>
      </c>
      <c r="FE35" s="102">
        <v>1</v>
      </c>
      <c r="FF35" s="102">
        <v>1</v>
      </c>
      <c r="FG35" s="102">
        <v>0</v>
      </c>
      <c r="FH35" s="102">
        <v>0</v>
      </c>
      <c r="FI35" s="102">
        <v>2</v>
      </c>
      <c r="FJ35" s="103">
        <v>4</v>
      </c>
      <c r="FK35" s="104">
        <v>4</v>
      </c>
      <c r="FL35" s="101">
        <v>0</v>
      </c>
      <c r="FM35" s="102">
        <v>1</v>
      </c>
      <c r="FN35" s="103">
        <v>1</v>
      </c>
      <c r="FO35" s="413">
        <v>0</v>
      </c>
      <c r="FP35" s="102">
        <v>2</v>
      </c>
      <c r="FQ35" s="102">
        <v>2</v>
      </c>
      <c r="FR35" s="102">
        <v>0</v>
      </c>
      <c r="FS35" s="102">
        <v>2</v>
      </c>
      <c r="FT35" s="102">
        <v>0</v>
      </c>
      <c r="FU35" s="103">
        <v>6</v>
      </c>
      <c r="FV35" s="104">
        <v>7</v>
      </c>
      <c r="FW35" s="101">
        <v>0</v>
      </c>
      <c r="FX35" s="102">
        <v>0</v>
      </c>
      <c r="FY35" s="103">
        <v>0</v>
      </c>
      <c r="FZ35" s="413">
        <v>0</v>
      </c>
      <c r="GA35" s="102">
        <v>0</v>
      </c>
      <c r="GB35" s="102">
        <v>0</v>
      </c>
      <c r="GC35" s="102">
        <v>0</v>
      </c>
      <c r="GD35" s="102">
        <v>0</v>
      </c>
      <c r="GE35" s="102">
        <v>0</v>
      </c>
      <c r="GF35" s="103">
        <v>0</v>
      </c>
      <c r="GG35" s="104">
        <v>0</v>
      </c>
      <c r="GH35" s="101">
        <v>2</v>
      </c>
      <c r="GI35" s="102">
        <v>1</v>
      </c>
      <c r="GJ35" s="103">
        <v>3</v>
      </c>
      <c r="GK35" s="413">
        <v>0</v>
      </c>
      <c r="GL35" s="102">
        <v>5</v>
      </c>
      <c r="GM35" s="102">
        <v>3</v>
      </c>
      <c r="GN35" s="102">
        <v>1</v>
      </c>
      <c r="GO35" s="102">
        <v>3</v>
      </c>
      <c r="GP35" s="102">
        <v>2</v>
      </c>
      <c r="GQ35" s="103">
        <v>14</v>
      </c>
      <c r="GR35" s="104">
        <v>17</v>
      </c>
      <c r="GS35" s="105">
        <v>8</v>
      </c>
      <c r="GT35" s="97">
        <v>5</v>
      </c>
      <c r="GU35" s="98">
        <v>13</v>
      </c>
      <c r="GV35" s="413">
        <v>0</v>
      </c>
      <c r="GW35" s="97">
        <v>17</v>
      </c>
      <c r="GX35" s="97">
        <v>8</v>
      </c>
      <c r="GY35" s="97">
        <v>3</v>
      </c>
      <c r="GZ35" s="97">
        <v>8</v>
      </c>
      <c r="HA35" s="97">
        <v>6</v>
      </c>
      <c r="HB35" s="99">
        <v>42</v>
      </c>
      <c r="HC35" s="100">
        <v>55</v>
      </c>
      <c r="HD35" s="101">
        <v>0</v>
      </c>
      <c r="HE35" s="102">
        <v>0</v>
      </c>
      <c r="HF35" s="103">
        <v>0</v>
      </c>
      <c r="HG35" s="413">
        <v>0</v>
      </c>
      <c r="HH35" s="102">
        <v>0</v>
      </c>
      <c r="HI35" s="102">
        <v>0</v>
      </c>
      <c r="HJ35" s="102">
        <v>0</v>
      </c>
      <c r="HK35" s="102">
        <v>0</v>
      </c>
      <c r="HL35" s="102">
        <v>0</v>
      </c>
      <c r="HM35" s="103">
        <v>0</v>
      </c>
      <c r="HN35" s="104">
        <v>0</v>
      </c>
      <c r="HO35" s="101">
        <v>1</v>
      </c>
      <c r="HP35" s="102">
        <v>0</v>
      </c>
      <c r="HQ35" s="103">
        <v>1</v>
      </c>
      <c r="HR35" s="413">
        <v>0</v>
      </c>
      <c r="HS35" s="102">
        <v>0</v>
      </c>
      <c r="HT35" s="102">
        <v>0</v>
      </c>
      <c r="HU35" s="102">
        <v>1</v>
      </c>
      <c r="HV35" s="102">
        <v>2</v>
      </c>
      <c r="HW35" s="102">
        <v>0</v>
      </c>
      <c r="HX35" s="103">
        <v>3</v>
      </c>
      <c r="HY35" s="104">
        <v>4</v>
      </c>
      <c r="HZ35" s="101">
        <v>1</v>
      </c>
      <c r="IA35" s="102">
        <v>0</v>
      </c>
      <c r="IB35" s="103">
        <v>1</v>
      </c>
      <c r="IC35" s="413">
        <v>0</v>
      </c>
      <c r="ID35" s="102">
        <v>4</v>
      </c>
      <c r="IE35" s="102">
        <v>0</v>
      </c>
      <c r="IF35" s="102">
        <v>1</v>
      </c>
      <c r="IG35" s="102">
        <v>1</v>
      </c>
      <c r="IH35" s="102">
        <v>2</v>
      </c>
      <c r="II35" s="103">
        <v>8</v>
      </c>
      <c r="IJ35" s="104">
        <v>9</v>
      </c>
      <c r="IK35" s="101">
        <v>3</v>
      </c>
      <c r="IL35" s="102">
        <v>2</v>
      </c>
      <c r="IM35" s="103">
        <v>5</v>
      </c>
      <c r="IN35" s="413">
        <v>0</v>
      </c>
      <c r="IO35" s="102">
        <v>5</v>
      </c>
      <c r="IP35" s="102">
        <v>1</v>
      </c>
      <c r="IQ35" s="102">
        <v>0</v>
      </c>
      <c r="IR35" s="102">
        <v>1</v>
      </c>
      <c r="IS35" s="102">
        <v>1</v>
      </c>
      <c r="IT35" s="103">
        <v>8</v>
      </c>
      <c r="IU35" s="104">
        <v>13</v>
      </c>
      <c r="IV35" s="101">
        <v>0</v>
      </c>
      <c r="IW35" s="102">
        <v>2</v>
      </c>
      <c r="IX35" s="103">
        <v>2</v>
      </c>
      <c r="IY35" s="413">
        <v>0</v>
      </c>
      <c r="IZ35" s="102">
        <v>2</v>
      </c>
      <c r="JA35" s="102">
        <v>3</v>
      </c>
      <c r="JB35" s="102">
        <v>1</v>
      </c>
      <c r="JC35" s="102">
        <v>0</v>
      </c>
      <c r="JD35" s="102">
        <v>2</v>
      </c>
      <c r="JE35" s="103">
        <v>8</v>
      </c>
      <c r="JF35" s="104">
        <v>10</v>
      </c>
      <c r="JG35" s="101">
        <v>3</v>
      </c>
      <c r="JH35" s="102">
        <v>1</v>
      </c>
      <c r="JI35" s="103">
        <v>4</v>
      </c>
      <c r="JJ35" s="413">
        <v>0</v>
      </c>
      <c r="JK35" s="102">
        <v>6</v>
      </c>
      <c r="JL35" s="102">
        <v>4</v>
      </c>
      <c r="JM35" s="102">
        <v>0</v>
      </c>
      <c r="JN35" s="102">
        <v>4</v>
      </c>
      <c r="JO35" s="102">
        <v>1</v>
      </c>
      <c r="JP35" s="103">
        <v>15</v>
      </c>
      <c r="JQ35" s="104">
        <v>19</v>
      </c>
      <c r="JR35" s="101">
        <v>0</v>
      </c>
      <c r="JS35" s="102">
        <v>0</v>
      </c>
      <c r="JT35" s="103">
        <v>0</v>
      </c>
      <c r="JU35" s="413">
        <v>0</v>
      </c>
      <c r="JV35" s="102">
        <v>0</v>
      </c>
      <c r="JW35" s="102">
        <v>0</v>
      </c>
      <c r="JX35" s="102">
        <v>0</v>
      </c>
      <c r="JY35" s="102">
        <v>0</v>
      </c>
      <c r="JZ35" s="102">
        <v>0</v>
      </c>
      <c r="KA35" s="103">
        <v>0</v>
      </c>
      <c r="KB35" s="104">
        <v>0</v>
      </c>
      <c r="KC35" s="101">
        <v>8</v>
      </c>
      <c r="KD35" s="102">
        <v>5</v>
      </c>
      <c r="KE35" s="103">
        <v>13</v>
      </c>
      <c r="KF35" s="413">
        <v>0</v>
      </c>
      <c r="KG35" s="102">
        <v>17</v>
      </c>
      <c r="KH35" s="102">
        <v>8</v>
      </c>
      <c r="KI35" s="102">
        <v>3</v>
      </c>
      <c r="KJ35" s="102">
        <v>8</v>
      </c>
      <c r="KK35" s="102">
        <v>6</v>
      </c>
      <c r="KL35" s="103">
        <v>42</v>
      </c>
      <c r="KM35" s="104">
        <v>55</v>
      </c>
    </row>
    <row r="36" spans="2:299" s="70" customFormat="1" ht="21" customHeight="1" x14ac:dyDescent="0.2">
      <c r="B36" s="106" t="s">
        <v>33</v>
      </c>
      <c r="C36" s="96">
        <v>2</v>
      </c>
      <c r="D36" s="97">
        <v>2</v>
      </c>
      <c r="E36" s="98">
        <v>4</v>
      </c>
      <c r="F36" s="413">
        <v>0</v>
      </c>
      <c r="G36" s="97">
        <v>12</v>
      </c>
      <c r="H36" s="97">
        <v>3</v>
      </c>
      <c r="I36" s="97">
        <v>3</v>
      </c>
      <c r="J36" s="97">
        <v>2</v>
      </c>
      <c r="K36" s="97">
        <v>4</v>
      </c>
      <c r="L36" s="99">
        <v>24</v>
      </c>
      <c r="M36" s="100">
        <v>28</v>
      </c>
      <c r="N36" s="101">
        <v>0</v>
      </c>
      <c r="O36" s="102">
        <v>0</v>
      </c>
      <c r="P36" s="103">
        <v>0</v>
      </c>
      <c r="Q36" s="413">
        <v>0</v>
      </c>
      <c r="R36" s="102">
        <v>3</v>
      </c>
      <c r="S36" s="102">
        <v>0</v>
      </c>
      <c r="T36" s="102">
        <v>0</v>
      </c>
      <c r="U36" s="102">
        <v>1</v>
      </c>
      <c r="V36" s="102">
        <v>0</v>
      </c>
      <c r="W36" s="103">
        <v>4</v>
      </c>
      <c r="X36" s="104">
        <v>4</v>
      </c>
      <c r="Y36" s="101">
        <v>0</v>
      </c>
      <c r="Z36" s="102">
        <v>0</v>
      </c>
      <c r="AA36" s="103">
        <v>0</v>
      </c>
      <c r="AB36" s="413">
        <v>0</v>
      </c>
      <c r="AC36" s="102">
        <v>0</v>
      </c>
      <c r="AD36" s="102">
        <v>0</v>
      </c>
      <c r="AE36" s="102">
        <v>0</v>
      </c>
      <c r="AF36" s="102">
        <v>0</v>
      </c>
      <c r="AG36" s="102">
        <v>1</v>
      </c>
      <c r="AH36" s="103">
        <v>1</v>
      </c>
      <c r="AI36" s="104">
        <v>1</v>
      </c>
      <c r="AJ36" s="101">
        <v>0</v>
      </c>
      <c r="AK36" s="102">
        <v>1</v>
      </c>
      <c r="AL36" s="103">
        <v>1</v>
      </c>
      <c r="AM36" s="413">
        <v>0</v>
      </c>
      <c r="AN36" s="102">
        <v>2</v>
      </c>
      <c r="AO36" s="102">
        <v>1</v>
      </c>
      <c r="AP36" s="102">
        <v>1</v>
      </c>
      <c r="AQ36" s="102">
        <v>0</v>
      </c>
      <c r="AR36" s="102">
        <v>2</v>
      </c>
      <c r="AS36" s="103">
        <v>6</v>
      </c>
      <c r="AT36" s="104">
        <v>7</v>
      </c>
      <c r="AU36" s="101">
        <v>2</v>
      </c>
      <c r="AV36" s="102">
        <v>1</v>
      </c>
      <c r="AW36" s="103">
        <v>3</v>
      </c>
      <c r="AX36" s="413">
        <v>0</v>
      </c>
      <c r="AY36" s="102">
        <v>0</v>
      </c>
      <c r="AZ36" s="102">
        <v>1</v>
      </c>
      <c r="BA36" s="102">
        <v>1</v>
      </c>
      <c r="BB36" s="102">
        <v>0</v>
      </c>
      <c r="BC36" s="102">
        <v>0</v>
      </c>
      <c r="BD36" s="103">
        <v>2</v>
      </c>
      <c r="BE36" s="104">
        <v>5</v>
      </c>
      <c r="BF36" s="101">
        <v>0</v>
      </c>
      <c r="BG36" s="102">
        <v>0</v>
      </c>
      <c r="BH36" s="103">
        <v>0</v>
      </c>
      <c r="BI36" s="413">
        <v>0</v>
      </c>
      <c r="BJ36" s="102">
        <v>3</v>
      </c>
      <c r="BK36" s="102">
        <v>1</v>
      </c>
      <c r="BL36" s="102">
        <v>0</v>
      </c>
      <c r="BM36" s="102">
        <v>0</v>
      </c>
      <c r="BN36" s="102">
        <v>1</v>
      </c>
      <c r="BO36" s="103">
        <v>5</v>
      </c>
      <c r="BP36" s="104">
        <v>5</v>
      </c>
      <c r="BQ36" s="101">
        <v>0</v>
      </c>
      <c r="BR36" s="102">
        <v>0</v>
      </c>
      <c r="BS36" s="103">
        <v>0</v>
      </c>
      <c r="BT36" s="413">
        <v>0</v>
      </c>
      <c r="BU36" s="102">
        <v>4</v>
      </c>
      <c r="BV36" s="102">
        <v>0</v>
      </c>
      <c r="BW36" s="102">
        <v>1</v>
      </c>
      <c r="BX36" s="102">
        <v>1</v>
      </c>
      <c r="BY36" s="102">
        <v>0</v>
      </c>
      <c r="BZ36" s="103">
        <v>6</v>
      </c>
      <c r="CA36" s="104">
        <v>6</v>
      </c>
      <c r="CB36" s="101">
        <v>0</v>
      </c>
      <c r="CC36" s="102">
        <v>0</v>
      </c>
      <c r="CD36" s="103">
        <v>0</v>
      </c>
      <c r="CE36" s="413">
        <v>0</v>
      </c>
      <c r="CF36" s="102">
        <v>0</v>
      </c>
      <c r="CG36" s="102">
        <v>0</v>
      </c>
      <c r="CH36" s="102">
        <v>0</v>
      </c>
      <c r="CI36" s="102">
        <v>0</v>
      </c>
      <c r="CJ36" s="102">
        <v>0</v>
      </c>
      <c r="CK36" s="103">
        <v>0</v>
      </c>
      <c r="CL36" s="104">
        <v>0</v>
      </c>
      <c r="CM36" s="101">
        <v>2</v>
      </c>
      <c r="CN36" s="102">
        <v>2</v>
      </c>
      <c r="CO36" s="103">
        <v>4</v>
      </c>
      <c r="CP36" s="413">
        <v>0</v>
      </c>
      <c r="CQ36" s="102">
        <v>12</v>
      </c>
      <c r="CR36" s="102">
        <v>3</v>
      </c>
      <c r="CS36" s="102">
        <v>3</v>
      </c>
      <c r="CT36" s="102">
        <v>2</v>
      </c>
      <c r="CU36" s="102">
        <v>4</v>
      </c>
      <c r="CV36" s="103">
        <v>24</v>
      </c>
      <c r="CW36" s="104">
        <v>28</v>
      </c>
      <c r="CX36" s="105">
        <v>0</v>
      </c>
      <c r="CY36" s="97">
        <v>3</v>
      </c>
      <c r="CZ36" s="98">
        <v>3</v>
      </c>
      <c r="DA36" s="413">
        <v>0</v>
      </c>
      <c r="DB36" s="97">
        <v>4</v>
      </c>
      <c r="DC36" s="97">
        <v>3</v>
      </c>
      <c r="DD36" s="97">
        <v>2</v>
      </c>
      <c r="DE36" s="97">
        <v>2</v>
      </c>
      <c r="DF36" s="97">
        <v>1</v>
      </c>
      <c r="DG36" s="99">
        <v>12</v>
      </c>
      <c r="DH36" s="100">
        <v>15</v>
      </c>
      <c r="DI36" s="101">
        <v>0</v>
      </c>
      <c r="DJ36" s="102">
        <v>0</v>
      </c>
      <c r="DK36" s="103">
        <v>0</v>
      </c>
      <c r="DL36" s="413">
        <v>0</v>
      </c>
      <c r="DM36" s="102">
        <v>0</v>
      </c>
      <c r="DN36" s="102">
        <v>0</v>
      </c>
      <c r="DO36" s="102">
        <v>0</v>
      </c>
      <c r="DP36" s="102">
        <v>0</v>
      </c>
      <c r="DQ36" s="102">
        <v>0</v>
      </c>
      <c r="DR36" s="103">
        <v>0</v>
      </c>
      <c r="DS36" s="104">
        <v>0</v>
      </c>
      <c r="DT36" s="101">
        <v>0</v>
      </c>
      <c r="DU36" s="102">
        <v>0</v>
      </c>
      <c r="DV36" s="103">
        <v>0</v>
      </c>
      <c r="DW36" s="413">
        <v>0</v>
      </c>
      <c r="DX36" s="102">
        <v>0</v>
      </c>
      <c r="DY36" s="102">
        <v>0</v>
      </c>
      <c r="DZ36" s="102">
        <v>0</v>
      </c>
      <c r="EA36" s="102">
        <v>0</v>
      </c>
      <c r="EB36" s="102">
        <v>0</v>
      </c>
      <c r="EC36" s="103">
        <v>0</v>
      </c>
      <c r="ED36" s="104">
        <v>0</v>
      </c>
      <c r="EE36" s="101">
        <v>0</v>
      </c>
      <c r="EF36" s="102">
        <v>0</v>
      </c>
      <c r="EG36" s="103">
        <v>0</v>
      </c>
      <c r="EH36" s="413">
        <v>0</v>
      </c>
      <c r="EI36" s="102">
        <v>0</v>
      </c>
      <c r="EJ36" s="102">
        <v>0</v>
      </c>
      <c r="EK36" s="102">
        <v>0</v>
      </c>
      <c r="EL36" s="102">
        <v>0</v>
      </c>
      <c r="EM36" s="102">
        <v>0</v>
      </c>
      <c r="EN36" s="103">
        <v>0</v>
      </c>
      <c r="EO36" s="104">
        <v>0</v>
      </c>
      <c r="EP36" s="101">
        <v>0</v>
      </c>
      <c r="EQ36" s="102">
        <v>1</v>
      </c>
      <c r="ER36" s="103">
        <v>1</v>
      </c>
      <c r="ES36" s="413">
        <v>0</v>
      </c>
      <c r="ET36" s="102">
        <v>0</v>
      </c>
      <c r="EU36" s="102">
        <v>0</v>
      </c>
      <c r="EV36" s="102">
        <v>0</v>
      </c>
      <c r="EW36" s="102">
        <v>0</v>
      </c>
      <c r="EX36" s="102">
        <v>0</v>
      </c>
      <c r="EY36" s="103">
        <v>0</v>
      </c>
      <c r="EZ36" s="104">
        <v>1</v>
      </c>
      <c r="FA36" s="101">
        <v>0</v>
      </c>
      <c r="FB36" s="102">
        <v>2</v>
      </c>
      <c r="FC36" s="103">
        <v>2</v>
      </c>
      <c r="FD36" s="413">
        <v>0</v>
      </c>
      <c r="FE36" s="102">
        <v>1</v>
      </c>
      <c r="FF36" s="102">
        <v>0</v>
      </c>
      <c r="FG36" s="102">
        <v>0</v>
      </c>
      <c r="FH36" s="102">
        <v>1</v>
      </c>
      <c r="FI36" s="102">
        <v>0</v>
      </c>
      <c r="FJ36" s="103">
        <v>2</v>
      </c>
      <c r="FK36" s="104">
        <v>4</v>
      </c>
      <c r="FL36" s="101">
        <v>0</v>
      </c>
      <c r="FM36" s="102">
        <v>0</v>
      </c>
      <c r="FN36" s="103">
        <v>0</v>
      </c>
      <c r="FO36" s="413">
        <v>0</v>
      </c>
      <c r="FP36" s="102">
        <v>3</v>
      </c>
      <c r="FQ36" s="102">
        <v>3</v>
      </c>
      <c r="FR36" s="102">
        <v>2</v>
      </c>
      <c r="FS36" s="102">
        <v>1</v>
      </c>
      <c r="FT36" s="102">
        <v>1</v>
      </c>
      <c r="FU36" s="103">
        <v>10</v>
      </c>
      <c r="FV36" s="104">
        <v>10</v>
      </c>
      <c r="FW36" s="101">
        <v>0</v>
      </c>
      <c r="FX36" s="102">
        <v>0</v>
      </c>
      <c r="FY36" s="103">
        <v>0</v>
      </c>
      <c r="FZ36" s="413">
        <v>0</v>
      </c>
      <c r="GA36" s="102">
        <v>0</v>
      </c>
      <c r="GB36" s="102">
        <v>0</v>
      </c>
      <c r="GC36" s="102">
        <v>0</v>
      </c>
      <c r="GD36" s="102">
        <v>0</v>
      </c>
      <c r="GE36" s="102">
        <v>0</v>
      </c>
      <c r="GF36" s="103">
        <v>0</v>
      </c>
      <c r="GG36" s="104">
        <v>0</v>
      </c>
      <c r="GH36" s="101">
        <v>0</v>
      </c>
      <c r="GI36" s="102">
        <v>3</v>
      </c>
      <c r="GJ36" s="103">
        <v>3</v>
      </c>
      <c r="GK36" s="413">
        <v>0</v>
      </c>
      <c r="GL36" s="102">
        <v>4</v>
      </c>
      <c r="GM36" s="102">
        <v>3</v>
      </c>
      <c r="GN36" s="102">
        <v>2</v>
      </c>
      <c r="GO36" s="102">
        <v>2</v>
      </c>
      <c r="GP36" s="102">
        <v>1</v>
      </c>
      <c r="GQ36" s="103">
        <v>12</v>
      </c>
      <c r="GR36" s="104">
        <v>15</v>
      </c>
      <c r="GS36" s="105">
        <v>2</v>
      </c>
      <c r="GT36" s="97">
        <v>5</v>
      </c>
      <c r="GU36" s="98">
        <v>7</v>
      </c>
      <c r="GV36" s="413">
        <v>0</v>
      </c>
      <c r="GW36" s="97">
        <v>16</v>
      </c>
      <c r="GX36" s="97">
        <v>6</v>
      </c>
      <c r="GY36" s="97">
        <v>5</v>
      </c>
      <c r="GZ36" s="97">
        <v>4</v>
      </c>
      <c r="HA36" s="97">
        <v>5</v>
      </c>
      <c r="HB36" s="99">
        <v>36</v>
      </c>
      <c r="HC36" s="100">
        <v>43</v>
      </c>
      <c r="HD36" s="101">
        <v>0</v>
      </c>
      <c r="HE36" s="102">
        <v>0</v>
      </c>
      <c r="HF36" s="103">
        <v>0</v>
      </c>
      <c r="HG36" s="413">
        <v>0</v>
      </c>
      <c r="HH36" s="102">
        <v>3</v>
      </c>
      <c r="HI36" s="102">
        <v>0</v>
      </c>
      <c r="HJ36" s="102">
        <v>0</v>
      </c>
      <c r="HK36" s="102">
        <v>1</v>
      </c>
      <c r="HL36" s="102">
        <v>0</v>
      </c>
      <c r="HM36" s="103">
        <v>4</v>
      </c>
      <c r="HN36" s="104">
        <v>4</v>
      </c>
      <c r="HO36" s="101">
        <v>0</v>
      </c>
      <c r="HP36" s="102">
        <v>0</v>
      </c>
      <c r="HQ36" s="103">
        <v>0</v>
      </c>
      <c r="HR36" s="413">
        <v>0</v>
      </c>
      <c r="HS36" s="102">
        <v>0</v>
      </c>
      <c r="HT36" s="102">
        <v>0</v>
      </c>
      <c r="HU36" s="102">
        <v>0</v>
      </c>
      <c r="HV36" s="102">
        <v>0</v>
      </c>
      <c r="HW36" s="102">
        <v>1</v>
      </c>
      <c r="HX36" s="103">
        <v>1</v>
      </c>
      <c r="HY36" s="104">
        <v>1</v>
      </c>
      <c r="HZ36" s="101">
        <v>0</v>
      </c>
      <c r="IA36" s="102">
        <v>1</v>
      </c>
      <c r="IB36" s="103">
        <v>1</v>
      </c>
      <c r="IC36" s="413">
        <v>0</v>
      </c>
      <c r="ID36" s="102">
        <v>2</v>
      </c>
      <c r="IE36" s="102">
        <v>1</v>
      </c>
      <c r="IF36" s="102">
        <v>1</v>
      </c>
      <c r="IG36" s="102">
        <v>0</v>
      </c>
      <c r="IH36" s="102">
        <v>2</v>
      </c>
      <c r="II36" s="103">
        <v>6</v>
      </c>
      <c r="IJ36" s="104">
        <v>7</v>
      </c>
      <c r="IK36" s="101">
        <v>2</v>
      </c>
      <c r="IL36" s="102">
        <v>2</v>
      </c>
      <c r="IM36" s="103">
        <v>4</v>
      </c>
      <c r="IN36" s="413">
        <v>0</v>
      </c>
      <c r="IO36" s="102">
        <v>0</v>
      </c>
      <c r="IP36" s="102">
        <v>1</v>
      </c>
      <c r="IQ36" s="102">
        <v>1</v>
      </c>
      <c r="IR36" s="102">
        <v>0</v>
      </c>
      <c r="IS36" s="102">
        <v>0</v>
      </c>
      <c r="IT36" s="103">
        <v>2</v>
      </c>
      <c r="IU36" s="104">
        <v>6</v>
      </c>
      <c r="IV36" s="101">
        <v>0</v>
      </c>
      <c r="IW36" s="102">
        <v>2</v>
      </c>
      <c r="IX36" s="103">
        <v>2</v>
      </c>
      <c r="IY36" s="413">
        <v>0</v>
      </c>
      <c r="IZ36" s="102">
        <v>4</v>
      </c>
      <c r="JA36" s="102">
        <v>1</v>
      </c>
      <c r="JB36" s="102">
        <v>0</v>
      </c>
      <c r="JC36" s="102">
        <v>1</v>
      </c>
      <c r="JD36" s="102">
        <v>1</v>
      </c>
      <c r="JE36" s="103">
        <v>7</v>
      </c>
      <c r="JF36" s="104">
        <v>9</v>
      </c>
      <c r="JG36" s="101">
        <v>0</v>
      </c>
      <c r="JH36" s="102">
        <v>0</v>
      </c>
      <c r="JI36" s="103">
        <v>0</v>
      </c>
      <c r="JJ36" s="413">
        <v>0</v>
      </c>
      <c r="JK36" s="102">
        <v>7</v>
      </c>
      <c r="JL36" s="102">
        <v>3</v>
      </c>
      <c r="JM36" s="102">
        <v>3</v>
      </c>
      <c r="JN36" s="102">
        <v>2</v>
      </c>
      <c r="JO36" s="102">
        <v>1</v>
      </c>
      <c r="JP36" s="103">
        <v>16</v>
      </c>
      <c r="JQ36" s="104">
        <v>16</v>
      </c>
      <c r="JR36" s="101">
        <v>0</v>
      </c>
      <c r="JS36" s="102">
        <v>0</v>
      </c>
      <c r="JT36" s="103">
        <v>0</v>
      </c>
      <c r="JU36" s="413">
        <v>0</v>
      </c>
      <c r="JV36" s="102">
        <v>0</v>
      </c>
      <c r="JW36" s="102">
        <v>0</v>
      </c>
      <c r="JX36" s="102">
        <v>0</v>
      </c>
      <c r="JY36" s="102">
        <v>0</v>
      </c>
      <c r="JZ36" s="102">
        <v>0</v>
      </c>
      <c r="KA36" s="103">
        <v>0</v>
      </c>
      <c r="KB36" s="104">
        <v>0</v>
      </c>
      <c r="KC36" s="101">
        <v>2</v>
      </c>
      <c r="KD36" s="102">
        <v>5</v>
      </c>
      <c r="KE36" s="103">
        <v>7</v>
      </c>
      <c r="KF36" s="413">
        <v>0</v>
      </c>
      <c r="KG36" s="102">
        <v>16</v>
      </c>
      <c r="KH36" s="102">
        <v>6</v>
      </c>
      <c r="KI36" s="102">
        <v>5</v>
      </c>
      <c r="KJ36" s="102">
        <v>4</v>
      </c>
      <c r="KK36" s="102">
        <v>5</v>
      </c>
      <c r="KL36" s="103">
        <v>36</v>
      </c>
      <c r="KM36" s="104">
        <v>43</v>
      </c>
    </row>
    <row r="37" spans="2:299" s="70" customFormat="1" ht="21" customHeight="1" x14ac:dyDescent="0.2">
      <c r="B37" s="106" t="s">
        <v>34</v>
      </c>
      <c r="C37" s="96">
        <v>5</v>
      </c>
      <c r="D37" s="97">
        <v>0</v>
      </c>
      <c r="E37" s="98">
        <v>5</v>
      </c>
      <c r="F37" s="413">
        <v>0</v>
      </c>
      <c r="G37" s="97">
        <v>4</v>
      </c>
      <c r="H37" s="97">
        <v>2</v>
      </c>
      <c r="I37" s="97">
        <v>1</v>
      </c>
      <c r="J37" s="97">
        <v>2</v>
      </c>
      <c r="K37" s="97">
        <v>0</v>
      </c>
      <c r="L37" s="99">
        <v>9</v>
      </c>
      <c r="M37" s="100">
        <v>14</v>
      </c>
      <c r="N37" s="101">
        <v>0</v>
      </c>
      <c r="O37" s="102">
        <v>0</v>
      </c>
      <c r="P37" s="103">
        <v>0</v>
      </c>
      <c r="Q37" s="413">
        <v>0</v>
      </c>
      <c r="R37" s="102">
        <v>0</v>
      </c>
      <c r="S37" s="102">
        <v>0</v>
      </c>
      <c r="T37" s="102">
        <v>0</v>
      </c>
      <c r="U37" s="102">
        <v>0</v>
      </c>
      <c r="V37" s="102">
        <v>0</v>
      </c>
      <c r="W37" s="103">
        <v>0</v>
      </c>
      <c r="X37" s="104">
        <v>0</v>
      </c>
      <c r="Y37" s="101">
        <v>0</v>
      </c>
      <c r="Z37" s="102">
        <v>0</v>
      </c>
      <c r="AA37" s="103">
        <v>0</v>
      </c>
      <c r="AB37" s="413">
        <v>0</v>
      </c>
      <c r="AC37" s="102">
        <v>0</v>
      </c>
      <c r="AD37" s="102">
        <v>1</v>
      </c>
      <c r="AE37" s="102">
        <v>0</v>
      </c>
      <c r="AF37" s="102">
        <v>0</v>
      </c>
      <c r="AG37" s="102">
        <v>0</v>
      </c>
      <c r="AH37" s="103">
        <v>1</v>
      </c>
      <c r="AI37" s="104">
        <v>1</v>
      </c>
      <c r="AJ37" s="101">
        <v>3</v>
      </c>
      <c r="AK37" s="102">
        <v>0</v>
      </c>
      <c r="AL37" s="103">
        <v>3</v>
      </c>
      <c r="AM37" s="413">
        <v>0</v>
      </c>
      <c r="AN37" s="102">
        <v>0</v>
      </c>
      <c r="AO37" s="102">
        <v>0</v>
      </c>
      <c r="AP37" s="102">
        <v>0</v>
      </c>
      <c r="AQ37" s="102">
        <v>0</v>
      </c>
      <c r="AR37" s="102">
        <v>0</v>
      </c>
      <c r="AS37" s="103">
        <v>0</v>
      </c>
      <c r="AT37" s="104">
        <v>3</v>
      </c>
      <c r="AU37" s="101">
        <v>1</v>
      </c>
      <c r="AV37" s="102">
        <v>0</v>
      </c>
      <c r="AW37" s="103">
        <v>1</v>
      </c>
      <c r="AX37" s="413">
        <v>0</v>
      </c>
      <c r="AY37" s="102">
        <v>1</v>
      </c>
      <c r="AZ37" s="102">
        <v>1</v>
      </c>
      <c r="BA37" s="102">
        <v>0</v>
      </c>
      <c r="BB37" s="102">
        <v>1</v>
      </c>
      <c r="BC37" s="102">
        <v>0</v>
      </c>
      <c r="BD37" s="103">
        <v>3</v>
      </c>
      <c r="BE37" s="104">
        <v>4</v>
      </c>
      <c r="BF37" s="101">
        <v>0</v>
      </c>
      <c r="BG37" s="102">
        <v>0</v>
      </c>
      <c r="BH37" s="103">
        <v>0</v>
      </c>
      <c r="BI37" s="413">
        <v>0</v>
      </c>
      <c r="BJ37" s="102">
        <v>1</v>
      </c>
      <c r="BK37" s="102">
        <v>0</v>
      </c>
      <c r="BL37" s="102">
        <v>0</v>
      </c>
      <c r="BM37" s="102">
        <v>0</v>
      </c>
      <c r="BN37" s="102">
        <v>0</v>
      </c>
      <c r="BO37" s="103">
        <v>1</v>
      </c>
      <c r="BP37" s="104">
        <v>1</v>
      </c>
      <c r="BQ37" s="101">
        <v>1</v>
      </c>
      <c r="BR37" s="102">
        <v>0</v>
      </c>
      <c r="BS37" s="103">
        <v>1</v>
      </c>
      <c r="BT37" s="413">
        <v>0</v>
      </c>
      <c r="BU37" s="102">
        <v>2</v>
      </c>
      <c r="BV37" s="102">
        <v>0</v>
      </c>
      <c r="BW37" s="102">
        <v>1</v>
      </c>
      <c r="BX37" s="102">
        <v>1</v>
      </c>
      <c r="BY37" s="102">
        <v>0</v>
      </c>
      <c r="BZ37" s="103">
        <v>4</v>
      </c>
      <c r="CA37" s="104">
        <v>5</v>
      </c>
      <c r="CB37" s="101">
        <v>0</v>
      </c>
      <c r="CC37" s="102">
        <v>0</v>
      </c>
      <c r="CD37" s="103">
        <v>0</v>
      </c>
      <c r="CE37" s="413">
        <v>0</v>
      </c>
      <c r="CF37" s="102">
        <v>0</v>
      </c>
      <c r="CG37" s="102">
        <v>0</v>
      </c>
      <c r="CH37" s="102">
        <v>0</v>
      </c>
      <c r="CI37" s="102">
        <v>0</v>
      </c>
      <c r="CJ37" s="102">
        <v>0</v>
      </c>
      <c r="CK37" s="103">
        <v>0</v>
      </c>
      <c r="CL37" s="104">
        <v>0</v>
      </c>
      <c r="CM37" s="101">
        <v>5</v>
      </c>
      <c r="CN37" s="102">
        <v>0</v>
      </c>
      <c r="CO37" s="103">
        <v>5</v>
      </c>
      <c r="CP37" s="413">
        <v>0</v>
      </c>
      <c r="CQ37" s="102">
        <v>4</v>
      </c>
      <c r="CR37" s="102">
        <v>2</v>
      </c>
      <c r="CS37" s="102">
        <v>1</v>
      </c>
      <c r="CT37" s="102">
        <v>2</v>
      </c>
      <c r="CU37" s="102">
        <v>0</v>
      </c>
      <c r="CV37" s="103">
        <v>9</v>
      </c>
      <c r="CW37" s="104">
        <v>14</v>
      </c>
      <c r="CX37" s="105">
        <v>2</v>
      </c>
      <c r="CY37" s="97">
        <v>1</v>
      </c>
      <c r="CZ37" s="98">
        <v>3</v>
      </c>
      <c r="DA37" s="413">
        <v>0</v>
      </c>
      <c r="DB37" s="97">
        <v>1</v>
      </c>
      <c r="DC37" s="97">
        <v>2</v>
      </c>
      <c r="DD37" s="97">
        <v>1</v>
      </c>
      <c r="DE37" s="97">
        <v>1</v>
      </c>
      <c r="DF37" s="97">
        <v>0</v>
      </c>
      <c r="DG37" s="99">
        <v>5</v>
      </c>
      <c r="DH37" s="100">
        <v>8</v>
      </c>
      <c r="DI37" s="101">
        <v>0</v>
      </c>
      <c r="DJ37" s="102">
        <v>0</v>
      </c>
      <c r="DK37" s="103">
        <v>0</v>
      </c>
      <c r="DL37" s="413">
        <v>0</v>
      </c>
      <c r="DM37" s="102">
        <v>0</v>
      </c>
      <c r="DN37" s="102">
        <v>0</v>
      </c>
      <c r="DO37" s="102">
        <v>0</v>
      </c>
      <c r="DP37" s="102">
        <v>0</v>
      </c>
      <c r="DQ37" s="102">
        <v>0</v>
      </c>
      <c r="DR37" s="103">
        <v>0</v>
      </c>
      <c r="DS37" s="104">
        <v>0</v>
      </c>
      <c r="DT37" s="101">
        <v>0</v>
      </c>
      <c r="DU37" s="102">
        <v>0</v>
      </c>
      <c r="DV37" s="103">
        <v>0</v>
      </c>
      <c r="DW37" s="413">
        <v>0</v>
      </c>
      <c r="DX37" s="102">
        <v>0</v>
      </c>
      <c r="DY37" s="102">
        <v>0</v>
      </c>
      <c r="DZ37" s="102">
        <v>0</v>
      </c>
      <c r="EA37" s="102">
        <v>0</v>
      </c>
      <c r="EB37" s="102">
        <v>0</v>
      </c>
      <c r="EC37" s="103">
        <v>0</v>
      </c>
      <c r="ED37" s="104">
        <v>0</v>
      </c>
      <c r="EE37" s="101">
        <v>0</v>
      </c>
      <c r="EF37" s="102">
        <v>0</v>
      </c>
      <c r="EG37" s="103">
        <v>0</v>
      </c>
      <c r="EH37" s="413">
        <v>0</v>
      </c>
      <c r="EI37" s="102">
        <v>0</v>
      </c>
      <c r="EJ37" s="102">
        <v>0</v>
      </c>
      <c r="EK37" s="102">
        <v>1</v>
      </c>
      <c r="EL37" s="102">
        <v>0</v>
      </c>
      <c r="EM37" s="102">
        <v>0</v>
      </c>
      <c r="EN37" s="103">
        <v>1</v>
      </c>
      <c r="EO37" s="104">
        <v>1</v>
      </c>
      <c r="EP37" s="101">
        <v>0</v>
      </c>
      <c r="EQ37" s="102">
        <v>1</v>
      </c>
      <c r="ER37" s="103">
        <v>1</v>
      </c>
      <c r="ES37" s="413">
        <v>0</v>
      </c>
      <c r="ET37" s="102">
        <v>0</v>
      </c>
      <c r="EU37" s="102">
        <v>0</v>
      </c>
      <c r="EV37" s="102">
        <v>0</v>
      </c>
      <c r="EW37" s="102">
        <v>0</v>
      </c>
      <c r="EX37" s="102">
        <v>0</v>
      </c>
      <c r="EY37" s="103">
        <v>0</v>
      </c>
      <c r="EZ37" s="104">
        <v>1</v>
      </c>
      <c r="FA37" s="101">
        <v>2</v>
      </c>
      <c r="FB37" s="102">
        <v>0</v>
      </c>
      <c r="FC37" s="103">
        <v>2</v>
      </c>
      <c r="FD37" s="413">
        <v>0</v>
      </c>
      <c r="FE37" s="102">
        <v>1</v>
      </c>
      <c r="FF37" s="102">
        <v>0</v>
      </c>
      <c r="FG37" s="102">
        <v>0</v>
      </c>
      <c r="FH37" s="102">
        <v>1</v>
      </c>
      <c r="FI37" s="102">
        <v>0</v>
      </c>
      <c r="FJ37" s="103">
        <v>2</v>
      </c>
      <c r="FK37" s="104">
        <v>4</v>
      </c>
      <c r="FL37" s="101">
        <v>0</v>
      </c>
      <c r="FM37" s="102">
        <v>0</v>
      </c>
      <c r="FN37" s="103">
        <v>0</v>
      </c>
      <c r="FO37" s="413">
        <v>0</v>
      </c>
      <c r="FP37" s="102">
        <v>0</v>
      </c>
      <c r="FQ37" s="102">
        <v>2</v>
      </c>
      <c r="FR37" s="102">
        <v>0</v>
      </c>
      <c r="FS37" s="102">
        <v>0</v>
      </c>
      <c r="FT37" s="102">
        <v>0</v>
      </c>
      <c r="FU37" s="103">
        <v>2</v>
      </c>
      <c r="FV37" s="104">
        <v>2</v>
      </c>
      <c r="FW37" s="101">
        <v>0</v>
      </c>
      <c r="FX37" s="102">
        <v>0</v>
      </c>
      <c r="FY37" s="103">
        <v>0</v>
      </c>
      <c r="FZ37" s="413">
        <v>0</v>
      </c>
      <c r="GA37" s="102">
        <v>0</v>
      </c>
      <c r="GB37" s="102">
        <v>0</v>
      </c>
      <c r="GC37" s="102">
        <v>0</v>
      </c>
      <c r="GD37" s="102">
        <v>0</v>
      </c>
      <c r="GE37" s="102">
        <v>0</v>
      </c>
      <c r="GF37" s="103">
        <v>0</v>
      </c>
      <c r="GG37" s="104">
        <v>0</v>
      </c>
      <c r="GH37" s="101">
        <v>2</v>
      </c>
      <c r="GI37" s="102">
        <v>1</v>
      </c>
      <c r="GJ37" s="103">
        <v>3</v>
      </c>
      <c r="GK37" s="413">
        <v>0</v>
      </c>
      <c r="GL37" s="102">
        <v>1</v>
      </c>
      <c r="GM37" s="102">
        <v>2</v>
      </c>
      <c r="GN37" s="102">
        <v>1</v>
      </c>
      <c r="GO37" s="102">
        <v>1</v>
      </c>
      <c r="GP37" s="102">
        <v>0</v>
      </c>
      <c r="GQ37" s="103">
        <v>5</v>
      </c>
      <c r="GR37" s="104">
        <v>8</v>
      </c>
      <c r="GS37" s="105">
        <v>7</v>
      </c>
      <c r="GT37" s="97">
        <v>1</v>
      </c>
      <c r="GU37" s="98">
        <v>8</v>
      </c>
      <c r="GV37" s="413">
        <v>0</v>
      </c>
      <c r="GW37" s="97">
        <v>5</v>
      </c>
      <c r="GX37" s="97">
        <v>4</v>
      </c>
      <c r="GY37" s="97">
        <v>2</v>
      </c>
      <c r="GZ37" s="97">
        <v>3</v>
      </c>
      <c r="HA37" s="97">
        <v>0</v>
      </c>
      <c r="HB37" s="99">
        <v>14</v>
      </c>
      <c r="HC37" s="100">
        <v>22</v>
      </c>
      <c r="HD37" s="101">
        <v>0</v>
      </c>
      <c r="HE37" s="102">
        <v>0</v>
      </c>
      <c r="HF37" s="103">
        <v>0</v>
      </c>
      <c r="HG37" s="413">
        <v>0</v>
      </c>
      <c r="HH37" s="102">
        <v>0</v>
      </c>
      <c r="HI37" s="102">
        <v>0</v>
      </c>
      <c r="HJ37" s="102">
        <v>0</v>
      </c>
      <c r="HK37" s="102">
        <v>0</v>
      </c>
      <c r="HL37" s="102">
        <v>0</v>
      </c>
      <c r="HM37" s="103">
        <v>0</v>
      </c>
      <c r="HN37" s="104">
        <v>0</v>
      </c>
      <c r="HO37" s="101">
        <v>0</v>
      </c>
      <c r="HP37" s="102">
        <v>0</v>
      </c>
      <c r="HQ37" s="103">
        <v>0</v>
      </c>
      <c r="HR37" s="413">
        <v>0</v>
      </c>
      <c r="HS37" s="102">
        <v>0</v>
      </c>
      <c r="HT37" s="102">
        <v>1</v>
      </c>
      <c r="HU37" s="102">
        <v>0</v>
      </c>
      <c r="HV37" s="102">
        <v>0</v>
      </c>
      <c r="HW37" s="102">
        <v>0</v>
      </c>
      <c r="HX37" s="103">
        <v>1</v>
      </c>
      <c r="HY37" s="104">
        <v>1</v>
      </c>
      <c r="HZ37" s="101">
        <v>3</v>
      </c>
      <c r="IA37" s="102">
        <v>0</v>
      </c>
      <c r="IB37" s="103">
        <v>3</v>
      </c>
      <c r="IC37" s="413">
        <v>0</v>
      </c>
      <c r="ID37" s="102">
        <v>0</v>
      </c>
      <c r="IE37" s="102">
        <v>0</v>
      </c>
      <c r="IF37" s="102">
        <v>1</v>
      </c>
      <c r="IG37" s="102">
        <v>0</v>
      </c>
      <c r="IH37" s="102">
        <v>0</v>
      </c>
      <c r="II37" s="103">
        <v>1</v>
      </c>
      <c r="IJ37" s="104">
        <v>4</v>
      </c>
      <c r="IK37" s="101">
        <v>1</v>
      </c>
      <c r="IL37" s="102">
        <v>1</v>
      </c>
      <c r="IM37" s="103">
        <v>2</v>
      </c>
      <c r="IN37" s="413">
        <v>0</v>
      </c>
      <c r="IO37" s="102">
        <v>1</v>
      </c>
      <c r="IP37" s="102">
        <v>1</v>
      </c>
      <c r="IQ37" s="102">
        <v>0</v>
      </c>
      <c r="IR37" s="102">
        <v>1</v>
      </c>
      <c r="IS37" s="102">
        <v>0</v>
      </c>
      <c r="IT37" s="103">
        <v>3</v>
      </c>
      <c r="IU37" s="104">
        <v>5</v>
      </c>
      <c r="IV37" s="101">
        <v>2</v>
      </c>
      <c r="IW37" s="102">
        <v>0</v>
      </c>
      <c r="IX37" s="103">
        <v>2</v>
      </c>
      <c r="IY37" s="413">
        <v>0</v>
      </c>
      <c r="IZ37" s="102">
        <v>2</v>
      </c>
      <c r="JA37" s="102">
        <v>0</v>
      </c>
      <c r="JB37" s="102">
        <v>0</v>
      </c>
      <c r="JC37" s="102">
        <v>1</v>
      </c>
      <c r="JD37" s="102">
        <v>0</v>
      </c>
      <c r="JE37" s="103">
        <v>3</v>
      </c>
      <c r="JF37" s="104">
        <v>5</v>
      </c>
      <c r="JG37" s="101">
        <v>1</v>
      </c>
      <c r="JH37" s="102">
        <v>0</v>
      </c>
      <c r="JI37" s="103">
        <v>1</v>
      </c>
      <c r="JJ37" s="413">
        <v>0</v>
      </c>
      <c r="JK37" s="102">
        <v>2</v>
      </c>
      <c r="JL37" s="102">
        <v>2</v>
      </c>
      <c r="JM37" s="102">
        <v>1</v>
      </c>
      <c r="JN37" s="102">
        <v>1</v>
      </c>
      <c r="JO37" s="102">
        <v>0</v>
      </c>
      <c r="JP37" s="103">
        <v>6</v>
      </c>
      <c r="JQ37" s="104">
        <v>7</v>
      </c>
      <c r="JR37" s="101">
        <v>0</v>
      </c>
      <c r="JS37" s="102">
        <v>0</v>
      </c>
      <c r="JT37" s="103">
        <v>0</v>
      </c>
      <c r="JU37" s="413">
        <v>0</v>
      </c>
      <c r="JV37" s="102">
        <v>0</v>
      </c>
      <c r="JW37" s="102">
        <v>0</v>
      </c>
      <c r="JX37" s="102">
        <v>0</v>
      </c>
      <c r="JY37" s="102">
        <v>0</v>
      </c>
      <c r="JZ37" s="102">
        <v>0</v>
      </c>
      <c r="KA37" s="103">
        <v>0</v>
      </c>
      <c r="KB37" s="104">
        <v>0</v>
      </c>
      <c r="KC37" s="101">
        <v>7</v>
      </c>
      <c r="KD37" s="102">
        <v>1</v>
      </c>
      <c r="KE37" s="103">
        <v>8</v>
      </c>
      <c r="KF37" s="413">
        <v>0</v>
      </c>
      <c r="KG37" s="102">
        <v>5</v>
      </c>
      <c r="KH37" s="102">
        <v>4</v>
      </c>
      <c r="KI37" s="102">
        <v>2</v>
      </c>
      <c r="KJ37" s="102">
        <v>3</v>
      </c>
      <c r="KK37" s="102">
        <v>0</v>
      </c>
      <c r="KL37" s="103">
        <v>14</v>
      </c>
      <c r="KM37" s="104">
        <v>22</v>
      </c>
    </row>
    <row r="38" spans="2:299" s="70" customFormat="1" ht="21" customHeight="1" x14ac:dyDescent="0.2">
      <c r="B38" s="106" t="s">
        <v>35</v>
      </c>
      <c r="C38" s="96">
        <v>8</v>
      </c>
      <c r="D38" s="97">
        <v>11</v>
      </c>
      <c r="E38" s="98">
        <v>19</v>
      </c>
      <c r="F38" s="413">
        <v>0</v>
      </c>
      <c r="G38" s="97">
        <v>13</v>
      </c>
      <c r="H38" s="97">
        <v>10</v>
      </c>
      <c r="I38" s="97">
        <v>5</v>
      </c>
      <c r="J38" s="97">
        <v>1</v>
      </c>
      <c r="K38" s="97">
        <v>0</v>
      </c>
      <c r="L38" s="99">
        <v>29</v>
      </c>
      <c r="M38" s="100">
        <v>48</v>
      </c>
      <c r="N38" s="101">
        <v>0</v>
      </c>
      <c r="O38" s="102">
        <v>0</v>
      </c>
      <c r="P38" s="103">
        <v>0</v>
      </c>
      <c r="Q38" s="413">
        <v>0</v>
      </c>
      <c r="R38" s="102">
        <v>0</v>
      </c>
      <c r="S38" s="102">
        <v>0</v>
      </c>
      <c r="T38" s="102">
        <v>0</v>
      </c>
      <c r="U38" s="102">
        <v>0</v>
      </c>
      <c r="V38" s="102">
        <v>0</v>
      </c>
      <c r="W38" s="103">
        <v>0</v>
      </c>
      <c r="X38" s="104">
        <v>0</v>
      </c>
      <c r="Y38" s="101">
        <v>0</v>
      </c>
      <c r="Z38" s="102">
        <v>0</v>
      </c>
      <c r="AA38" s="103">
        <v>0</v>
      </c>
      <c r="AB38" s="413">
        <v>0</v>
      </c>
      <c r="AC38" s="102">
        <v>0</v>
      </c>
      <c r="AD38" s="102">
        <v>0</v>
      </c>
      <c r="AE38" s="102">
        <v>1</v>
      </c>
      <c r="AF38" s="102">
        <v>0</v>
      </c>
      <c r="AG38" s="102">
        <v>0</v>
      </c>
      <c r="AH38" s="103">
        <v>1</v>
      </c>
      <c r="AI38" s="104">
        <v>1</v>
      </c>
      <c r="AJ38" s="101">
        <v>0</v>
      </c>
      <c r="AK38" s="102">
        <v>2</v>
      </c>
      <c r="AL38" s="103">
        <v>2</v>
      </c>
      <c r="AM38" s="413">
        <v>0</v>
      </c>
      <c r="AN38" s="102">
        <v>4</v>
      </c>
      <c r="AO38" s="102">
        <v>0</v>
      </c>
      <c r="AP38" s="102">
        <v>3</v>
      </c>
      <c r="AQ38" s="102">
        <v>0</v>
      </c>
      <c r="AR38" s="102">
        <v>0</v>
      </c>
      <c r="AS38" s="103">
        <v>7</v>
      </c>
      <c r="AT38" s="104">
        <v>9</v>
      </c>
      <c r="AU38" s="101">
        <v>2</v>
      </c>
      <c r="AV38" s="102">
        <v>4</v>
      </c>
      <c r="AW38" s="103">
        <v>6</v>
      </c>
      <c r="AX38" s="413">
        <v>0</v>
      </c>
      <c r="AY38" s="102">
        <v>1</v>
      </c>
      <c r="AZ38" s="102">
        <v>5</v>
      </c>
      <c r="BA38" s="102">
        <v>0</v>
      </c>
      <c r="BB38" s="102">
        <v>0</v>
      </c>
      <c r="BC38" s="102">
        <v>0</v>
      </c>
      <c r="BD38" s="103">
        <v>6</v>
      </c>
      <c r="BE38" s="104">
        <v>12</v>
      </c>
      <c r="BF38" s="101">
        <v>3</v>
      </c>
      <c r="BG38" s="102">
        <v>3</v>
      </c>
      <c r="BH38" s="103">
        <v>6</v>
      </c>
      <c r="BI38" s="413">
        <v>0</v>
      </c>
      <c r="BJ38" s="102">
        <v>6</v>
      </c>
      <c r="BK38" s="102">
        <v>3</v>
      </c>
      <c r="BL38" s="102">
        <v>1</v>
      </c>
      <c r="BM38" s="102">
        <v>0</v>
      </c>
      <c r="BN38" s="102">
        <v>0</v>
      </c>
      <c r="BO38" s="103">
        <v>10</v>
      </c>
      <c r="BP38" s="104">
        <v>16</v>
      </c>
      <c r="BQ38" s="101">
        <v>3</v>
      </c>
      <c r="BR38" s="102">
        <v>2</v>
      </c>
      <c r="BS38" s="103">
        <v>5</v>
      </c>
      <c r="BT38" s="413">
        <v>0</v>
      </c>
      <c r="BU38" s="102">
        <v>2</v>
      </c>
      <c r="BV38" s="102">
        <v>2</v>
      </c>
      <c r="BW38" s="102">
        <v>0</v>
      </c>
      <c r="BX38" s="102">
        <v>1</v>
      </c>
      <c r="BY38" s="102">
        <v>0</v>
      </c>
      <c r="BZ38" s="103">
        <v>5</v>
      </c>
      <c r="CA38" s="104">
        <v>10</v>
      </c>
      <c r="CB38" s="101">
        <v>0</v>
      </c>
      <c r="CC38" s="102">
        <v>0</v>
      </c>
      <c r="CD38" s="103">
        <v>0</v>
      </c>
      <c r="CE38" s="413">
        <v>0</v>
      </c>
      <c r="CF38" s="102">
        <v>0</v>
      </c>
      <c r="CG38" s="102">
        <v>0</v>
      </c>
      <c r="CH38" s="102">
        <v>0</v>
      </c>
      <c r="CI38" s="102">
        <v>0</v>
      </c>
      <c r="CJ38" s="102">
        <v>0</v>
      </c>
      <c r="CK38" s="103">
        <v>0</v>
      </c>
      <c r="CL38" s="104">
        <v>0</v>
      </c>
      <c r="CM38" s="101">
        <v>8</v>
      </c>
      <c r="CN38" s="102">
        <v>11</v>
      </c>
      <c r="CO38" s="103">
        <v>19</v>
      </c>
      <c r="CP38" s="413">
        <v>0</v>
      </c>
      <c r="CQ38" s="102">
        <v>13</v>
      </c>
      <c r="CR38" s="102">
        <v>10</v>
      </c>
      <c r="CS38" s="102">
        <v>5</v>
      </c>
      <c r="CT38" s="102">
        <v>1</v>
      </c>
      <c r="CU38" s="102">
        <v>0</v>
      </c>
      <c r="CV38" s="103">
        <v>29</v>
      </c>
      <c r="CW38" s="104">
        <v>48</v>
      </c>
      <c r="CX38" s="105">
        <v>4</v>
      </c>
      <c r="CY38" s="97">
        <v>5</v>
      </c>
      <c r="CZ38" s="98">
        <v>9</v>
      </c>
      <c r="DA38" s="413">
        <v>0</v>
      </c>
      <c r="DB38" s="97">
        <v>7</v>
      </c>
      <c r="DC38" s="97">
        <v>6</v>
      </c>
      <c r="DD38" s="97">
        <v>2</v>
      </c>
      <c r="DE38" s="97">
        <v>3</v>
      </c>
      <c r="DF38" s="97">
        <v>5</v>
      </c>
      <c r="DG38" s="99">
        <v>23</v>
      </c>
      <c r="DH38" s="100">
        <v>32</v>
      </c>
      <c r="DI38" s="101">
        <v>0</v>
      </c>
      <c r="DJ38" s="102">
        <v>0</v>
      </c>
      <c r="DK38" s="103">
        <v>0</v>
      </c>
      <c r="DL38" s="413">
        <v>0</v>
      </c>
      <c r="DM38" s="102">
        <v>0</v>
      </c>
      <c r="DN38" s="102">
        <v>1</v>
      </c>
      <c r="DO38" s="102">
        <v>0</v>
      </c>
      <c r="DP38" s="102">
        <v>0</v>
      </c>
      <c r="DQ38" s="102">
        <v>0</v>
      </c>
      <c r="DR38" s="103">
        <v>1</v>
      </c>
      <c r="DS38" s="104">
        <v>1</v>
      </c>
      <c r="DT38" s="101">
        <v>1</v>
      </c>
      <c r="DU38" s="102">
        <v>1</v>
      </c>
      <c r="DV38" s="103">
        <v>2</v>
      </c>
      <c r="DW38" s="413">
        <v>0</v>
      </c>
      <c r="DX38" s="102">
        <v>0</v>
      </c>
      <c r="DY38" s="102">
        <v>1</v>
      </c>
      <c r="DZ38" s="102">
        <v>0</v>
      </c>
      <c r="EA38" s="102">
        <v>0</v>
      </c>
      <c r="EB38" s="102">
        <v>0</v>
      </c>
      <c r="EC38" s="103">
        <v>1</v>
      </c>
      <c r="ED38" s="104">
        <v>3</v>
      </c>
      <c r="EE38" s="101">
        <v>1</v>
      </c>
      <c r="EF38" s="102">
        <v>0</v>
      </c>
      <c r="EG38" s="103">
        <v>1</v>
      </c>
      <c r="EH38" s="413">
        <v>0</v>
      </c>
      <c r="EI38" s="102">
        <v>0</v>
      </c>
      <c r="EJ38" s="102">
        <v>1</v>
      </c>
      <c r="EK38" s="102">
        <v>1</v>
      </c>
      <c r="EL38" s="102">
        <v>1</v>
      </c>
      <c r="EM38" s="102">
        <v>1</v>
      </c>
      <c r="EN38" s="103">
        <v>4</v>
      </c>
      <c r="EO38" s="104">
        <v>5</v>
      </c>
      <c r="EP38" s="101">
        <v>1</v>
      </c>
      <c r="EQ38" s="102">
        <v>1</v>
      </c>
      <c r="ER38" s="103">
        <v>2</v>
      </c>
      <c r="ES38" s="413">
        <v>0</v>
      </c>
      <c r="ET38" s="102">
        <v>1</v>
      </c>
      <c r="EU38" s="102">
        <v>0</v>
      </c>
      <c r="EV38" s="102">
        <v>0</v>
      </c>
      <c r="EW38" s="102">
        <v>1</v>
      </c>
      <c r="EX38" s="102">
        <v>0</v>
      </c>
      <c r="EY38" s="103">
        <v>2</v>
      </c>
      <c r="EZ38" s="104">
        <v>4</v>
      </c>
      <c r="FA38" s="101">
        <v>0</v>
      </c>
      <c r="FB38" s="102">
        <v>2</v>
      </c>
      <c r="FC38" s="103">
        <v>2</v>
      </c>
      <c r="FD38" s="413">
        <v>0</v>
      </c>
      <c r="FE38" s="102">
        <v>3</v>
      </c>
      <c r="FF38" s="102">
        <v>1</v>
      </c>
      <c r="FG38" s="102">
        <v>0</v>
      </c>
      <c r="FH38" s="102">
        <v>0</v>
      </c>
      <c r="FI38" s="102">
        <v>1</v>
      </c>
      <c r="FJ38" s="103">
        <v>5</v>
      </c>
      <c r="FK38" s="104">
        <v>7</v>
      </c>
      <c r="FL38" s="101">
        <v>1</v>
      </c>
      <c r="FM38" s="102">
        <v>1</v>
      </c>
      <c r="FN38" s="103">
        <v>2</v>
      </c>
      <c r="FO38" s="413">
        <v>0</v>
      </c>
      <c r="FP38" s="102">
        <v>3</v>
      </c>
      <c r="FQ38" s="102">
        <v>2</v>
      </c>
      <c r="FR38" s="102">
        <v>1</v>
      </c>
      <c r="FS38" s="102">
        <v>1</v>
      </c>
      <c r="FT38" s="102">
        <v>3</v>
      </c>
      <c r="FU38" s="103">
        <v>10</v>
      </c>
      <c r="FV38" s="104">
        <v>12</v>
      </c>
      <c r="FW38" s="101">
        <v>0</v>
      </c>
      <c r="FX38" s="102">
        <v>0</v>
      </c>
      <c r="FY38" s="103">
        <v>0</v>
      </c>
      <c r="FZ38" s="413">
        <v>0</v>
      </c>
      <c r="GA38" s="102">
        <v>0</v>
      </c>
      <c r="GB38" s="102">
        <v>0</v>
      </c>
      <c r="GC38" s="102">
        <v>0</v>
      </c>
      <c r="GD38" s="102">
        <v>0</v>
      </c>
      <c r="GE38" s="102">
        <v>0</v>
      </c>
      <c r="GF38" s="103">
        <v>0</v>
      </c>
      <c r="GG38" s="104">
        <v>0</v>
      </c>
      <c r="GH38" s="101">
        <v>4</v>
      </c>
      <c r="GI38" s="102">
        <v>5</v>
      </c>
      <c r="GJ38" s="103">
        <v>9</v>
      </c>
      <c r="GK38" s="413">
        <v>0</v>
      </c>
      <c r="GL38" s="102">
        <v>7</v>
      </c>
      <c r="GM38" s="102">
        <v>6</v>
      </c>
      <c r="GN38" s="102">
        <v>2</v>
      </c>
      <c r="GO38" s="102">
        <v>3</v>
      </c>
      <c r="GP38" s="102">
        <v>5</v>
      </c>
      <c r="GQ38" s="103">
        <v>23</v>
      </c>
      <c r="GR38" s="104">
        <v>32</v>
      </c>
      <c r="GS38" s="105">
        <v>12</v>
      </c>
      <c r="GT38" s="97">
        <v>16</v>
      </c>
      <c r="GU38" s="98">
        <v>28</v>
      </c>
      <c r="GV38" s="413">
        <v>0</v>
      </c>
      <c r="GW38" s="97">
        <v>20</v>
      </c>
      <c r="GX38" s="97">
        <v>16</v>
      </c>
      <c r="GY38" s="97">
        <v>7</v>
      </c>
      <c r="GZ38" s="97">
        <v>4</v>
      </c>
      <c r="HA38" s="97">
        <v>5</v>
      </c>
      <c r="HB38" s="99">
        <v>52</v>
      </c>
      <c r="HC38" s="100">
        <v>80</v>
      </c>
      <c r="HD38" s="101">
        <v>0</v>
      </c>
      <c r="HE38" s="102">
        <v>0</v>
      </c>
      <c r="HF38" s="103">
        <v>0</v>
      </c>
      <c r="HG38" s="413">
        <v>0</v>
      </c>
      <c r="HH38" s="102">
        <v>0</v>
      </c>
      <c r="HI38" s="102">
        <v>1</v>
      </c>
      <c r="HJ38" s="102">
        <v>0</v>
      </c>
      <c r="HK38" s="102">
        <v>0</v>
      </c>
      <c r="HL38" s="102">
        <v>0</v>
      </c>
      <c r="HM38" s="103">
        <v>1</v>
      </c>
      <c r="HN38" s="104">
        <v>1</v>
      </c>
      <c r="HO38" s="101">
        <v>1</v>
      </c>
      <c r="HP38" s="102">
        <v>1</v>
      </c>
      <c r="HQ38" s="103">
        <v>2</v>
      </c>
      <c r="HR38" s="413">
        <v>0</v>
      </c>
      <c r="HS38" s="102">
        <v>0</v>
      </c>
      <c r="HT38" s="102">
        <v>1</v>
      </c>
      <c r="HU38" s="102">
        <v>1</v>
      </c>
      <c r="HV38" s="102">
        <v>0</v>
      </c>
      <c r="HW38" s="102">
        <v>0</v>
      </c>
      <c r="HX38" s="103">
        <v>2</v>
      </c>
      <c r="HY38" s="104">
        <v>4</v>
      </c>
      <c r="HZ38" s="101">
        <v>1</v>
      </c>
      <c r="IA38" s="102">
        <v>2</v>
      </c>
      <c r="IB38" s="103">
        <v>3</v>
      </c>
      <c r="IC38" s="413">
        <v>0</v>
      </c>
      <c r="ID38" s="102">
        <v>4</v>
      </c>
      <c r="IE38" s="102">
        <v>1</v>
      </c>
      <c r="IF38" s="102">
        <v>4</v>
      </c>
      <c r="IG38" s="102">
        <v>1</v>
      </c>
      <c r="IH38" s="102">
        <v>1</v>
      </c>
      <c r="II38" s="103">
        <v>11</v>
      </c>
      <c r="IJ38" s="104">
        <v>14</v>
      </c>
      <c r="IK38" s="101">
        <v>3</v>
      </c>
      <c r="IL38" s="102">
        <v>5</v>
      </c>
      <c r="IM38" s="103">
        <v>8</v>
      </c>
      <c r="IN38" s="413">
        <v>0</v>
      </c>
      <c r="IO38" s="102">
        <v>2</v>
      </c>
      <c r="IP38" s="102">
        <v>5</v>
      </c>
      <c r="IQ38" s="102">
        <v>0</v>
      </c>
      <c r="IR38" s="102">
        <v>1</v>
      </c>
      <c r="IS38" s="102">
        <v>0</v>
      </c>
      <c r="IT38" s="103">
        <v>8</v>
      </c>
      <c r="IU38" s="104">
        <v>16</v>
      </c>
      <c r="IV38" s="101">
        <v>3</v>
      </c>
      <c r="IW38" s="102">
        <v>5</v>
      </c>
      <c r="IX38" s="103">
        <v>8</v>
      </c>
      <c r="IY38" s="413">
        <v>0</v>
      </c>
      <c r="IZ38" s="102">
        <v>9</v>
      </c>
      <c r="JA38" s="102">
        <v>4</v>
      </c>
      <c r="JB38" s="102">
        <v>1</v>
      </c>
      <c r="JC38" s="102">
        <v>0</v>
      </c>
      <c r="JD38" s="102">
        <v>1</v>
      </c>
      <c r="JE38" s="103">
        <v>15</v>
      </c>
      <c r="JF38" s="104">
        <v>23</v>
      </c>
      <c r="JG38" s="101">
        <v>4</v>
      </c>
      <c r="JH38" s="102">
        <v>3</v>
      </c>
      <c r="JI38" s="103">
        <v>7</v>
      </c>
      <c r="JJ38" s="413">
        <v>0</v>
      </c>
      <c r="JK38" s="102">
        <v>5</v>
      </c>
      <c r="JL38" s="102">
        <v>4</v>
      </c>
      <c r="JM38" s="102">
        <v>1</v>
      </c>
      <c r="JN38" s="102">
        <v>2</v>
      </c>
      <c r="JO38" s="102">
        <v>3</v>
      </c>
      <c r="JP38" s="103">
        <v>15</v>
      </c>
      <c r="JQ38" s="104">
        <v>22</v>
      </c>
      <c r="JR38" s="101">
        <v>0</v>
      </c>
      <c r="JS38" s="102">
        <v>0</v>
      </c>
      <c r="JT38" s="103">
        <v>0</v>
      </c>
      <c r="JU38" s="413">
        <v>0</v>
      </c>
      <c r="JV38" s="102">
        <v>0</v>
      </c>
      <c r="JW38" s="102">
        <v>0</v>
      </c>
      <c r="JX38" s="102">
        <v>0</v>
      </c>
      <c r="JY38" s="102">
        <v>0</v>
      </c>
      <c r="JZ38" s="102">
        <v>0</v>
      </c>
      <c r="KA38" s="103">
        <v>0</v>
      </c>
      <c r="KB38" s="104">
        <v>0</v>
      </c>
      <c r="KC38" s="101">
        <v>12</v>
      </c>
      <c r="KD38" s="102">
        <v>16</v>
      </c>
      <c r="KE38" s="103">
        <v>28</v>
      </c>
      <c r="KF38" s="413">
        <v>0</v>
      </c>
      <c r="KG38" s="102">
        <v>20</v>
      </c>
      <c r="KH38" s="102">
        <v>16</v>
      </c>
      <c r="KI38" s="102">
        <v>7</v>
      </c>
      <c r="KJ38" s="102">
        <v>4</v>
      </c>
      <c r="KK38" s="102">
        <v>5</v>
      </c>
      <c r="KL38" s="103">
        <v>52</v>
      </c>
      <c r="KM38" s="104">
        <v>80</v>
      </c>
    </row>
    <row r="39" spans="2:299" s="70" customFormat="1" ht="21" customHeight="1" x14ac:dyDescent="0.2">
      <c r="B39" s="106" t="s">
        <v>36</v>
      </c>
      <c r="C39" s="96">
        <v>3</v>
      </c>
      <c r="D39" s="97">
        <v>7</v>
      </c>
      <c r="E39" s="98">
        <v>10</v>
      </c>
      <c r="F39" s="413">
        <v>0</v>
      </c>
      <c r="G39" s="97">
        <v>12</v>
      </c>
      <c r="H39" s="97">
        <v>10</v>
      </c>
      <c r="I39" s="97">
        <v>5</v>
      </c>
      <c r="J39" s="97">
        <v>2</v>
      </c>
      <c r="K39" s="97">
        <v>0</v>
      </c>
      <c r="L39" s="99">
        <v>29</v>
      </c>
      <c r="M39" s="100">
        <v>39</v>
      </c>
      <c r="N39" s="101">
        <v>0</v>
      </c>
      <c r="O39" s="102">
        <v>1</v>
      </c>
      <c r="P39" s="103">
        <v>1</v>
      </c>
      <c r="Q39" s="413">
        <v>0</v>
      </c>
      <c r="R39" s="102">
        <v>0</v>
      </c>
      <c r="S39" s="102">
        <v>0</v>
      </c>
      <c r="T39" s="102">
        <v>1</v>
      </c>
      <c r="U39" s="102">
        <v>0</v>
      </c>
      <c r="V39" s="102">
        <v>0</v>
      </c>
      <c r="W39" s="103">
        <v>1</v>
      </c>
      <c r="X39" s="104">
        <v>2</v>
      </c>
      <c r="Y39" s="101">
        <v>1</v>
      </c>
      <c r="Z39" s="102">
        <v>0</v>
      </c>
      <c r="AA39" s="103">
        <v>1</v>
      </c>
      <c r="AB39" s="413">
        <v>0</v>
      </c>
      <c r="AC39" s="102">
        <v>1</v>
      </c>
      <c r="AD39" s="102">
        <v>2</v>
      </c>
      <c r="AE39" s="102">
        <v>0</v>
      </c>
      <c r="AF39" s="102">
        <v>0</v>
      </c>
      <c r="AG39" s="102">
        <v>0</v>
      </c>
      <c r="AH39" s="103">
        <v>3</v>
      </c>
      <c r="AI39" s="104">
        <v>4</v>
      </c>
      <c r="AJ39" s="101">
        <v>0</v>
      </c>
      <c r="AK39" s="102">
        <v>0</v>
      </c>
      <c r="AL39" s="103">
        <v>0</v>
      </c>
      <c r="AM39" s="413">
        <v>0</v>
      </c>
      <c r="AN39" s="102">
        <v>2</v>
      </c>
      <c r="AO39" s="102">
        <v>2</v>
      </c>
      <c r="AP39" s="102">
        <v>0</v>
      </c>
      <c r="AQ39" s="102">
        <v>0</v>
      </c>
      <c r="AR39" s="102">
        <v>0</v>
      </c>
      <c r="AS39" s="103">
        <v>4</v>
      </c>
      <c r="AT39" s="104">
        <v>4</v>
      </c>
      <c r="AU39" s="101">
        <v>1</v>
      </c>
      <c r="AV39" s="102">
        <v>2</v>
      </c>
      <c r="AW39" s="103">
        <v>3</v>
      </c>
      <c r="AX39" s="413">
        <v>0</v>
      </c>
      <c r="AY39" s="102">
        <v>5</v>
      </c>
      <c r="AZ39" s="102">
        <v>1</v>
      </c>
      <c r="BA39" s="102">
        <v>0</v>
      </c>
      <c r="BB39" s="102">
        <v>1</v>
      </c>
      <c r="BC39" s="102">
        <v>0</v>
      </c>
      <c r="BD39" s="103">
        <v>7</v>
      </c>
      <c r="BE39" s="104">
        <v>10</v>
      </c>
      <c r="BF39" s="101">
        <v>1</v>
      </c>
      <c r="BG39" s="102">
        <v>2</v>
      </c>
      <c r="BH39" s="103">
        <v>3</v>
      </c>
      <c r="BI39" s="413">
        <v>0</v>
      </c>
      <c r="BJ39" s="102">
        <v>2</v>
      </c>
      <c r="BK39" s="102">
        <v>2</v>
      </c>
      <c r="BL39" s="102">
        <v>1</v>
      </c>
      <c r="BM39" s="102">
        <v>0</v>
      </c>
      <c r="BN39" s="102">
        <v>0</v>
      </c>
      <c r="BO39" s="103">
        <v>5</v>
      </c>
      <c r="BP39" s="104">
        <v>8</v>
      </c>
      <c r="BQ39" s="101">
        <v>0</v>
      </c>
      <c r="BR39" s="102">
        <v>2</v>
      </c>
      <c r="BS39" s="103">
        <v>2</v>
      </c>
      <c r="BT39" s="413">
        <v>0</v>
      </c>
      <c r="BU39" s="102">
        <v>2</v>
      </c>
      <c r="BV39" s="102">
        <v>3</v>
      </c>
      <c r="BW39" s="102">
        <v>3</v>
      </c>
      <c r="BX39" s="102">
        <v>1</v>
      </c>
      <c r="BY39" s="102">
        <v>0</v>
      </c>
      <c r="BZ39" s="103">
        <v>9</v>
      </c>
      <c r="CA39" s="104">
        <v>11</v>
      </c>
      <c r="CB39" s="101">
        <v>0</v>
      </c>
      <c r="CC39" s="102">
        <v>0</v>
      </c>
      <c r="CD39" s="103">
        <v>0</v>
      </c>
      <c r="CE39" s="413">
        <v>0</v>
      </c>
      <c r="CF39" s="102">
        <v>0</v>
      </c>
      <c r="CG39" s="102">
        <v>0</v>
      </c>
      <c r="CH39" s="102">
        <v>0</v>
      </c>
      <c r="CI39" s="102">
        <v>0</v>
      </c>
      <c r="CJ39" s="102">
        <v>0</v>
      </c>
      <c r="CK39" s="103">
        <v>0</v>
      </c>
      <c r="CL39" s="104">
        <v>0</v>
      </c>
      <c r="CM39" s="101">
        <v>3</v>
      </c>
      <c r="CN39" s="102">
        <v>7</v>
      </c>
      <c r="CO39" s="103">
        <v>10</v>
      </c>
      <c r="CP39" s="413">
        <v>0</v>
      </c>
      <c r="CQ39" s="102">
        <v>12</v>
      </c>
      <c r="CR39" s="102">
        <v>10</v>
      </c>
      <c r="CS39" s="102">
        <v>5</v>
      </c>
      <c r="CT39" s="102">
        <v>2</v>
      </c>
      <c r="CU39" s="102">
        <v>0</v>
      </c>
      <c r="CV39" s="103">
        <v>29</v>
      </c>
      <c r="CW39" s="104">
        <v>39</v>
      </c>
      <c r="CX39" s="105">
        <v>3</v>
      </c>
      <c r="CY39" s="97">
        <v>3</v>
      </c>
      <c r="CZ39" s="98">
        <v>6</v>
      </c>
      <c r="DA39" s="413">
        <v>0</v>
      </c>
      <c r="DB39" s="97">
        <v>5</v>
      </c>
      <c r="DC39" s="97">
        <v>7</v>
      </c>
      <c r="DD39" s="97">
        <v>1</v>
      </c>
      <c r="DE39" s="97">
        <v>3</v>
      </c>
      <c r="DF39" s="97">
        <v>2</v>
      </c>
      <c r="DG39" s="99">
        <v>18</v>
      </c>
      <c r="DH39" s="100">
        <v>24</v>
      </c>
      <c r="DI39" s="101">
        <v>0</v>
      </c>
      <c r="DJ39" s="102">
        <v>0</v>
      </c>
      <c r="DK39" s="103">
        <v>0</v>
      </c>
      <c r="DL39" s="413">
        <v>0</v>
      </c>
      <c r="DM39" s="102">
        <v>0</v>
      </c>
      <c r="DN39" s="102">
        <v>0</v>
      </c>
      <c r="DO39" s="102">
        <v>0</v>
      </c>
      <c r="DP39" s="102">
        <v>0</v>
      </c>
      <c r="DQ39" s="102">
        <v>0</v>
      </c>
      <c r="DR39" s="103">
        <v>0</v>
      </c>
      <c r="DS39" s="104">
        <v>0</v>
      </c>
      <c r="DT39" s="101">
        <v>0</v>
      </c>
      <c r="DU39" s="102">
        <v>0</v>
      </c>
      <c r="DV39" s="103">
        <v>0</v>
      </c>
      <c r="DW39" s="413">
        <v>0</v>
      </c>
      <c r="DX39" s="102">
        <v>0</v>
      </c>
      <c r="DY39" s="102">
        <v>0</v>
      </c>
      <c r="DZ39" s="102">
        <v>0</v>
      </c>
      <c r="EA39" s="102">
        <v>0</v>
      </c>
      <c r="EB39" s="102">
        <v>0</v>
      </c>
      <c r="EC39" s="103">
        <v>0</v>
      </c>
      <c r="ED39" s="104">
        <v>0</v>
      </c>
      <c r="EE39" s="101">
        <v>0</v>
      </c>
      <c r="EF39" s="102">
        <v>1</v>
      </c>
      <c r="EG39" s="103">
        <v>1</v>
      </c>
      <c r="EH39" s="413">
        <v>0</v>
      </c>
      <c r="EI39" s="102">
        <v>0</v>
      </c>
      <c r="EJ39" s="102">
        <v>0</v>
      </c>
      <c r="EK39" s="102">
        <v>0</v>
      </c>
      <c r="EL39" s="102">
        <v>0</v>
      </c>
      <c r="EM39" s="102">
        <v>0</v>
      </c>
      <c r="EN39" s="103">
        <v>0</v>
      </c>
      <c r="EO39" s="104">
        <v>1</v>
      </c>
      <c r="EP39" s="101">
        <v>0</v>
      </c>
      <c r="EQ39" s="102">
        <v>0</v>
      </c>
      <c r="ER39" s="103">
        <v>0</v>
      </c>
      <c r="ES39" s="413">
        <v>0</v>
      </c>
      <c r="ET39" s="102">
        <v>1</v>
      </c>
      <c r="EU39" s="102">
        <v>0</v>
      </c>
      <c r="EV39" s="102">
        <v>0</v>
      </c>
      <c r="EW39" s="102">
        <v>0</v>
      </c>
      <c r="EX39" s="102">
        <v>0</v>
      </c>
      <c r="EY39" s="103">
        <v>1</v>
      </c>
      <c r="EZ39" s="104">
        <v>1</v>
      </c>
      <c r="FA39" s="101">
        <v>1</v>
      </c>
      <c r="FB39" s="102">
        <v>2</v>
      </c>
      <c r="FC39" s="103">
        <v>3</v>
      </c>
      <c r="FD39" s="413">
        <v>0</v>
      </c>
      <c r="FE39" s="102">
        <v>3</v>
      </c>
      <c r="FF39" s="102">
        <v>3</v>
      </c>
      <c r="FG39" s="102">
        <v>1</v>
      </c>
      <c r="FH39" s="102">
        <v>1</v>
      </c>
      <c r="FI39" s="102">
        <v>0</v>
      </c>
      <c r="FJ39" s="103">
        <v>8</v>
      </c>
      <c r="FK39" s="104">
        <v>11</v>
      </c>
      <c r="FL39" s="101">
        <v>2</v>
      </c>
      <c r="FM39" s="102">
        <v>0</v>
      </c>
      <c r="FN39" s="103">
        <v>2</v>
      </c>
      <c r="FO39" s="413">
        <v>0</v>
      </c>
      <c r="FP39" s="102">
        <v>1</v>
      </c>
      <c r="FQ39" s="102">
        <v>4</v>
      </c>
      <c r="FR39" s="102">
        <v>0</v>
      </c>
      <c r="FS39" s="102">
        <v>2</v>
      </c>
      <c r="FT39" s="102">
        <v>2</v>
      </c>
      <c r="FU39" s="103">
        <v>9</v>
      </c>
      <c r="FV39" s="104">
        <v>11</v>
      </c>
      <c r="FW39" s="101">
        <v>0</v>
      </c>
      <c r="FX39" s="102">
        <v>0</v>
      </c>
      <c r="FY39" s="103">
        <v>0</v>
      </c>
      <c r="FZ39" s="413">
        <v>0</v>
      </c>
      <c r="GA39" s="102">
        <v>0</v>
      </c>
      <c r="GB39" s="102">
        <v>0</v>
      </c>
      <c r="GC39" s="102">
        <v>0</v>
      </c>
      <c r="GD39" s="102">
        <v>0</v>
      </c>
      <c r="GE39" s="102">
        <v>0</v>
      </c>
      <c r="GF39" s="103">
        <v>0</v>
      </c>
      <c r="GG39" s="104">
        <v>0</v>
      </c>
      <c r="GH39" s="101">
        <v>3</v>
      </c>
      <c r="GI39" s="102">
        <v>3</v>
      </c>
      <c r="GJ39" s="103">
        <v>6</v>
      </c>
      <c r="GK39" s="413">
        <v>0</v>
      </c>
      <c r="GL39" s="102">
        <v>5</v>
      </c>
      <c r="GM39" s="102">
        <v>7</v>
      </c>
      <c r="GN39" s="102">
        <v>1</v>
      </c>
      <c r="GO39" s="102">
        <v>3</v>
      </c>
      <c r="GP39" s="102">
        <v>2</v>
      </c>
      <c r="GQ39" s="103">
        <v>18</v>
      </c>
      <c r="GR39" s="104">
        <v>24</v>
      </c>
      <c r="GS39" s="105">
        <v>6</v>
      </c>
      <c r="GT39" s="97">
        <v>10</v>
      </c>
      <c r="GU39" s="98">
        <v>16</v>
      </c>
      <c r="GV39" s="413">
        <v>0</v>
      </c>
      <c r="GW39" s="97">
        <v>17</v>
      </c>
      <c r="GX39" s="97">
        <v>17</v>
      </c>
      <c r="GY39" s="97">
        <v>6</v>
      </c>
      <c r="GZ39" s="97">
        <v>5</v>
      </c>
      <c r="HA39" s="97">
        <v>2</v>
      </c>
      <c r="HB39" s="99">
        <v>47</v>
      </c>
      <c r="HC39" s="100">
        <v>63</v>
      </c>
      <c r="HD39" s="101">
        <v>0</v>
      </c>
      <c r="HE39" s="102">
        <v>1</v>
      </c>
      <c r="HF39" s="103">
        <v>1</v>
      </c>
      <c r="HG39" s="413">
        <v>0</v>
      </c>
      <c r="HH39" s="102">
        <v>0</v>
      </c>
      <c r="HI39" s="102">
        <v>0</v>
      </c>
      <c r="HJ39" s="102">
        <v>1</v>
      </c>
      <c r="HK39" s="102">
        <v>0</v>
      </c>
      <c r="HL39" s="102">
        <v>0</v>
      </c>
      <c r="HM39" s="103">
        <v>1</v>
      </c>
      <c r="HN39" s="104">
        <v>2</v>
      </c>
      <c r="HO39" s="101">
        <v>1</v>
      </c>
      <c r="HP39" s="102">
        <v>0</v>
      </c>
      <c r="HQ39" s="103">
        <v>1</v>
      </c>
      <c r="HR39" s="413">
        <v>0</v>
      </c>
      <c r="HS39" s="102">
        <v>1</v>
      </c>
      <c r="HT39" s="102">
        <v>2</v>
      </c>
      <c r="HU39" s="102">
        <v>0</v>
      </c>
      <c r="HV39" s="102">
        <v>0</v>
      </c>
      <c r="HW39" s="102">
        <v>0</v>
      </c>
      <c r="HX39" s="103">
        <v>3</v>
      </c>
      <c r="HY39" s="104">
        <v>4</v>
      </c>
      <c r="HZ39" s="101">
        <v>0</v>
      </c>
      <c r="IA39" s="102">
        <v>1</v>
      </c>
      <c r="IB39" s="103">
        <v>1</v>
      </c>
      <c r="IC39" s="413">
        <v>0</v>
      </c>
      <c r="ID39" s="102">
        <v>2</v>
      </c>
      <c r="IE39" s="102">
        <v>2</v>
      </c>
      <c r="IF39" s="102">
        <v>0</v>
      </c>
      <c r="IG39" s="102">
        <v>0</v>
      </c>
      <c r="IH39" s="102">
        <v>0</v>
      </c>
      <c r="II39" s="103">
        <v>4</v>
      </c>
      <c r="IJ39" s="104">
        <v>5</v>
      </c>
      <c r="IK39" s="101">
        <v>1</v>
      </c>
      <c r="IL39" s="102">
        <v>2</v>
      </c>
      <c r="IM39" s="103">
        <v>3</v>
      </c>
      <c r="IN39" s="413">
        <v>0</v>
      </c>
      <c r="IO39" s="102">
        <v>6</v>
      </c>
      <c r="IP39" s="102">
        <v>1</v>
      </c>
      <c r="IQ39" s="102">
        <v>0</v>
      </c>
      <c r="IR39" s="102">
        <v>1</v>
      </c>
      <c r="IS39" s="102">
        <v>0</v>
      </c>
      <c r="IT39" s="103">
        <v>8</v>
      </c>
      <c r="IU39" s="104">
        <v>11</v>
      </c>
      <c r="IV39" s="101">
        <v>2</v>
      </c>
      <c r="IW39" s="102">
        <v>4</v>
      </c>
      <c r="IX39" s="103">
        <v>6</v>
      </c>
      <c r="IY39" s="413">
        <v>0</v>
      </c>
      <c r="IZ39" s="102">
        <v>5</v>
      </c>
      <c r="JA39" s="102">
        <v>5</v>
      </c>
      <c r="JB39" s="102">
        <v>2</v>
      </c>
      <c r="JC39" s="102">
        <v>1</v>
      </c>
      <c r="JD39" s="102">
        <v>0</v>
      </c>
      <c r="JE39" s="103">
        <v>13</v>
      </c>
      <c r="JF39" s="104">
        <v>19</v>
      </c>
      <c r="JG39" s="101">
        <v>2</v>
      </c>
      <c r="JH39" s="102">
        <v>2</v>
      </c>
      <c r="JI39" s="103">
        <v>4</v>
      </c>
      <c r="JJ39" s="413">
        <v>0</v>
      </c>
      <c r="JK39" s="102">
        <v>3</v>
      </c>
      <c r="JL39" s="102">
        <v>7</v>
      </c>
      <c r="JM39" s="102">
        <v>3</v>
      </c>
      <c r="JN39" s="102">
        <v>3</v>
      </c>
      <c r="JO39" s="102">
        <v>2</v>
      </c>
      <c r="JP39" s="103">
        <v>18</v>
      </c>
      <c r="JQ39" s="104">
        <v>22</v>
      </c>
      <c r="JR39" s="101">
        <v>0</v>
      </c>
      <c r="JS39" s="102">
        <v>0</v>
      </c>
      <c r="JT39" s="103">
        <v>0</v>
      </c>
      <c r="JU39" s="413">
        <v>0</v>
      </c>
      <c r="JV39" s="102">
        <v>0</v>
      </c>
      <c r="JW39" s="102">
        <v>0</v>
      </c>
      <c r="JX39" s="102">
        <v>0</v>
      </c>
      <c r="JY39" s="102">
        <v>0</v>
      </c>
      <c r="JZ39" s="102">
        <v>0</v>
      </c>
      <c r="KA39" s="103">
        <v>0</v>
      </c>
      <c r="KB39" s="104">
        <v>0</v>
      </c>
      <c r="KC39" s="101">
        <v>6</v>
      </c>
      <c r="KD39" s="102">
        <v>10</v>
      </c>
      <c r="KE39" s="103">
        <v>16</v>
      </c>
      <c r="KF39" s="413">
        <v>0</v>
      </c>
      <c r="KG39" s="102">
        <v>17</v>
      </c>
      <c r="KH39" s="102">
        <v>17</v>
      </c>
      <c r="KI39" s="102">
        <v>6</v>
      </c>
      <c r="KJ39" s="102">
        <v>5</v>
      </c>
      <c r="KK39" s="102">
        <v>2</v>
      </c>
      <c r="KL39" s="103">
        <v>47</v>
      </c>
      <c r="KM39" s="104">
        <v>63</v>
      </c>
    </row>
    <row r="40" spans="2:299" s="70" customFormat="1" ht="21" customHeight="1" thickBot="1" x14ac:dyDescent="0.25">
      <c r="B40" s="108" t="s">
        <v>37</v>
      </c>
      <c r="C40" s="109">
        <v>0</v>
      </c>
      <c r="D40" s="110">
        <v>0</v>
      </c>
      <c r="E40" s="111">
        <v>0</v>
      </c>
      <c r="F40" s="414">
        <v>0</v>
      </c>
      <c r="G40" s="110">
        <v>0</v>
      </c>
      <c r="H40" s="110">
        <v>1</v>
      </c>
      <c r="I40" s="110">
        <v>0</v>
      </c>
      <c r="J40" s="110">
        <v>0</v>
      </c>
      <c r="K40" s="110">
        <v>0</v>
      </c>
      <c r="L40" s="112">
        <v>1</v>
      </c>
      <c r="M40" s="113">
        <v>1</v>
      </c>
      <c r="N40" s="114">
        <v>0</v>
      </c>
      <c r="O40" s="115">
        <v>0</v>
      </c>
      <c r="P40" s="116">
        <v>0</v>
      </c>
      <c r="Q40" s="414">
        <v>0</v>
      </c>
      <c r="R40" s="115">
        <v>0</v>
      </c>
      <c r="S40" s="115">
        <v>0</v>
      </c>
      <c r="T40" s="115">
        <v>0</v>
      </c>
      <c r="U40" s="115">
        <v>0</v>
      </c>
      <c r="V40" s="115">
        <v>0</v>
      </c>
      <c r="W40" s="116">
        <v>0</v>
      </c>
      <c r="X40" s="117">
        <v>0</v>
      </c>
      <c r="Y40" s="114">
        <v>0</v>
      </c>
      <c r="Z40" s="115">
        <v>0</v>
      </c>
      <c r="AA40" s="116">
        <v>0</v>
      </c>
      <c r="AB40" s="414">
        <v>0</v>
      </c>
      <c r="AC40" s="115">
        <v>0</v>
      </c>
      <c r="AD40" s="115">
        <v>0</v>
      </c>
      <c r="AE40" s="115">
        <v>0</v>
      </c>
      <c r="AF40" s="115">
        <v>0</v>
      </c>
      <c r="AG40" s="115">
        <v>0</v>
      </c>
      <c r="AH40" s="116">
        <v>0</v>
      </c>
      <c r="AI40" s="117">
        <v>0</v>
      </c>
      <c r="AJ40" s="114">
        <v>0</v>
      </c>
      <c r="AK40" s="115">
        <v>0</v>
      </c>
      <c r="AL40" s="116">
        <v>0</v>
      </c>
      <c r="AM40" s="414">
        <v>0</v>
      </c>
      <c r="AN40" s="115">
        <v>0</v>
      </c>
      <c r="AO40" s="115">
        <v>1</v>
      </c>
      <c r="AP40" s="115">
        <v>0</v>
      </c>
      <c r="AQ40" s="115">
        <v>0</v>
      </c>
      <c r="AR40" s="115">
        <v>0</v>
      </c>
      <c r="AS40" s="116">
        <v>1</v>
      </c>
      <c r="AT40" s="117">
        <v>1</v>
      </c>
      <c r="AU40" s="114">
        <v>0</v>
      </c>
      <c r="AV40" s="115">
        <v>0</v>
      </c>
      <c r="AW40" s="116">
        <v>0</v>
      </c>
      <c r="AX40" s="414">
        <v>0</v>
      </c>
      <c r="AY40" s="115">
        <v>0</v>
      </c>
      <c r="AZ40" s="115">
        <v>0</v>
      </c>
      <c r="BA40" s="115">
        <v>0</v>
      </c>
      <c r="BB40" s="115">
        <v>0</v>
      </c>
      <c r="BC40" s="115">
        <v>0</v>
      </c>
      <c r="BD40" s="116">
        <v>0</v>
      </c>
      <c r="BE40" s="117">
        <v>0</v>
      </c>
      <c r="BF40" s="114">
        <v>0</v>
      </c>
      <c r="BG40" s="115">
        <v>0</v>
      </c>
      <c r="BH40" s="116">
        <v>0</v>
      </c>
      <c r="BI40" s="414">
        <v>0</v>
      </c>
      <c r="BJ40" s="115">
        <v>0</v>
      </c>
      <c r="BK40" s="115">
        <v>0</v>
      </c>
      <c r="BL40" s="115">
        <v>0</v>
      </c>
      <c r="BM40" s="115">
        <v>0</v>
      </c>
      <c r="BN40" s="115">
        <v>0</v>
      </c>
      <c r="BO40" s="116">
        <v>0</v>
      </c>
      <c r="BP40" s="117">
        <v>0</v>
      </c>
      <c r="BQ40" s="114">
        <v>0</v>
      </c>
      <c r="BR40" s="115">
        <v>0</v>
      </c>
      <c r="BS40" s="116">
        <v>0</v>
      </c>
      <c r="BT40" s="414">
        <v>0</v>
      </c>
      <c r="BU40" s="115">
        <v>0</v>
      </c>
      <c r="BV40" s="115">
        <v>0</v>
      </c>
      <c r="BW40" s="115">
        <v>0</v>
      </c>
      <c r="BX40" s="115">
        <v>0</v>
      </c>
      <c r="BY40" s="115">
        <v>0</v>
      </c>
      <c r="BZ40" s="116">
        <v>0</v>
      </c>
      <c r="CA40" s="117">
        <v>0</v>
      </c>
      <c r="CB40" s="114">
        <v>0</v>
      </c>
      <c r="CC40" s="115">
        <v>0</v>
      </c>
      <c r="CD40" s="116">
        <v>0</v>
      </c>
      <c r="CE40" s="414">
        <v>0</v>
      </c>
      <c r="CF40" s="115">
        <v>0</v>
      </c>
      <c r="CG40" s="115">
        <v>0</v>
      </c>
      <c r="CH40" s="115">
        <v>0</v>
      </c>
      <c r="CI40" s="115">
        <v>0</v>
      </c>
      <c r="CJ40" s="115">
        <v>0</v>
      </c>
      <c r="CK40" s="116">
        <v>0</v>
      </c>
      <c r="CL40" s="117">
        <v>0</v>
      </c>
      <c r="CM40" s="114">
        <v>0</v>
      </c>
      <c r="CN40" s="115">
        <v>0</v>
      </c>
      <c r="CO40" s="116">
        <v>0</v>
      </c>
      <c r="CP40" s="414">
        <v>0</v>
      </c>
      <c r="CQ40" s="115">
        <v>0</v>
      </c>
      <c r="CR40" s="115">
        <v>1</v>
      </c>
      <c r="CS40" s="115">
        <v>0</v>
      </c>
      <c r="CT40" s="115">
        <v>0</v>
      </c>
      <c r="CU40" s="115">
        <v>0</v>
      </c>
      <c r="CV40" s="116">
        <v>1</v>
      </c>
      <c r="CW40" s="117">
        <v>1</v>
      </c>
      <c r="CX40" s="118">
        <v>0</v>
      </c>
      <c r="CY40" s="110">
        <v>0</v>
      </c>
      <c r="CZ40" s="111">
        <v>0</v>
      </c>
      <c r="DA40" s="414">
        <v>0</v>
      </c>
      <c r="DB40" s="110">
        <v>0</v>
      </c>
      <c r="DC40" s="110">
        <v>0</v>
      </c>
      <c r="DD40" s="110">
        <v>0</v>
      </c>
      <c r="DE40" s="110">
        <v>0</v>
      </c>
      <c r="DF40" s="110">
        <v>1</v>
      </c>
      <c r="DG40" s="112">
        <v>1</v>
      </c>
      <c r="DH40" s="113">
        <v>1</v>
      </c>
      <c r="DI40" s="114">
        <v>0</v>
      </c>
      <c r="DJ40" s="115">
        <v>0</v>
      </c>
      <c r="DK40" s="116">
        <v>0</v>
      </c>
      <c r="DL40" s="414">
        <v>0</v>
      </c>
      <c r="DM40" s="115">
        <v>0</v>
      </c>
      <c r="DN40" s="115">
        <v>0</v>
      </c>
      <c r="DO40" s="115">
        <v>0</v>
      </c>
      <c r="DP40" s="115">
        <v>0</v>
      </c>
      <c r="DQ40" s="115">
        <v>0</v>
      </c>
      <c r="DR40" s="116">
        <v>0</v>
      </c>
      <c r="DS40" s="117">
        <v>0</v>
      </c>
      <c r="DT40" s="114">
        <v>0</v>
      </c>
      <c r="DU40" s="115">
        <v>0</v>
      </c>
      <c r="DV40" s="116">
        <v>0</v>
      </c>
      <c r="DW40" s="414">
        <v>0</v>
      </c>
      <c r="DX40" s="115">
        <v>0</v>
      </c>
      <c r="DY40" s="115">
        <v>0</v>
      </c>
      <c r="DZ40" s="115">
        <v>0</v>
      </c>
      <c r="EA40" s="115">
        <v>0</v>
      </c>
      <c r="EB40" s="115">
        <v>0</v>
      </c>
      <c r="EC40" s="116">
        <v>0</v>
      </c>
      <c r="ED40" s="117">
        <v>0</v>
      </c>
      <c r="EE40" s="114">
        <v>0</v>
      </c>
      <c r="EF40" s="115">
        <v>0</v>
      </c>
      <c r="EG40" s="116">
        <v>0</v>
      </c>
      <c r="EH40" s="414">
        <v>0</v>
      </c>
      <c r="EI40" s="115">
        <v>0</v>
      </c>
      <c r="EJ40" s="115">
        <v>0</v>
      </c>
      <c r="EK40" s="115">
        <v>0</v>
      </c>
      <c r="EL40" s="115">
        <v>0</v>
      </c>
      <c r="EM40" s="115">
        <v>0</v>
      </c>
      <c r="EN40" s="116">
        <v>0</v>
      </c>
      <c r="EO40" s="117">
        <v>0</v>
      </c>
      <c r="EP40" s="114">
        <v>0</v>
      </c>
      <c r="EQ40" s="115">
        <v>0</v>
      </c>
      <c r="ER40" s="116">
        <v>0</v>
      </c>
      <c r="ES40" s="414">
        <v>0</v>
      </c>
      <c r="ET40" s="115">
        <v>0</v>
      </c>
      <c r="EU40" s="115">
        <v>0</v>
      </c>
      <c r="EV40" s="115">
        <v>0</v>
      </c>
      <c r="EW40" s="115">
        <v>0</v>
      </c>
      <c r="EX40" s="115">
        <v>0</v>
      </c>
      <c r="EY40" s="116">
        <v>0</v>
      </c>
      <c r="EZ40" s="117">
        <v>0</v>
      </c>
      <c r="FA40" s="114">
        <v>0</v>
      </c>
      <c r="FB40" s="115">
        <v>0</v>
      </c>
      <c r="FC40" s="116">
        <v>0</v>
      </c>
      <c r="FD40" s="414">
        <v>0</v>
      </c>
      <c r="FE40" s="115">
        <v>0</v>
      </c>
      <c r="FF40" s="115">
        <v>0</v>
      </c>
      <c r="FG40" s="115">
        <v>0</v>
      </c>
      <c r="FH40" s="115">
        <v>0</v>
      </c>
      <c r="FI40" s="115">
        <v>0</v>
      </c>
      <c r="FJ40" s="116">
        <v>0</v>
      </c>
      <c r="FK40" s="117">
        <v>0</v>
      </c>
      <c r="FL40" s="114">
        <v>0</v>
      </c>
      <c r="FM40" s="115">
        <v>0</v>
      </c>
      <c r="FN40" s="116">
        <v>0</v>
      </c>
      <c r="FO40" s="414">
        <v>0</v>
      </c>
      <c r="FP40" s="115">
        <v>0</v>
      </c>
      <c r="FQ40" s="115">
        <v>0</v>
      </c>
      <c r="FR40" s="115">
        <v>0</v>
      </c>
      <c r="FS40" s="115">
        <v>0</v>
      </c>
      <c r="FT40" s="115">
        <v>1</v>
      </c>
      <c r="FU40" s="116">
        <v>1</v>
      </c>
      <c r="FV40" s="117">
        <v>1</v>
      </c>
      <c r="FW40" s="114">
        <v>0</v>
      </c>
      <c r="FX40" s="115">
        <v>0</v>
      </c>
      <c r="FY40" s="116">
        <v>0</v>
      </c>
      <c r="FZ40" s="414">
        <v>0</v>
      </c>
      <c r="GA40" s="115">
        <v>0</v>
      </c>
      <c r="GB40" s="115">
        <v>0</v>
      </c>
      <c r="GC40" s="115">
        <v>0</v>
      </c>
      <c r="GD40" s="115">
        <v>0</v>
      </c>
      <c r="GE40" s="115">
        <v>0</v>
      </c>
      <c r="GF40" s="116">
        <v>0</v>
      </c>
      <c r="GG40" s="117">
        <v>0</v>
      </c>
      <c r="GH40" s="114">
        <v>0</v>
      </c>
      <c r="GI40" s="115">
        <v>0</v>
      </c>
      <c r="GJ40" s="116">
        <v>0</v>
      </c>
      <c r="GK40" s="414">
        <v>0</v>
      </c>
      <c r="GL40" s="115">
        <v>0</v>
      </c>
      <c r="GM40" s="115">
        <v>0</v>
      </c>
      <c r="GN40" s="115">
        <v>0</v>
      </c>
      <c r="GO40" s="115">
        <v>0</v>
      </c>
      <c r="GP40" s="115">
        <v>1</v>
      </c>
      <c r="GQ40" s="116">
        <v>1</v>
      </c>
      <c r="GR40" s="117">
        <v>1</v>
      </c>
      <c r="GS40" s="118">
        <v>0</v>
      </c>
      <c r="GT40" s="110">
        <v>0</v>
      </c>
      <c r="GU40" s="111">
        <v>0</v>
      </c>
      <c r="GV40" s="414">
        <v>0</v>
      </c>
      <c r="GW40" s="110">
        <v>0</v>
      </c>
      <c r="GX40" s="110">
        <v>1</v>
      </c>
      <c r="GY40" s="110">
        <v>0</v>
      </c>
      <c r="GZ40" s="110">
        <v>0</v>
      </c>
      <c r="HA40" s="110">
        <v>1</v>
      </c>
      <c r="HB40" s="112">
        <v>2</v>
      </c>
      <c r="HC40" s="113">
        <v>2</v>
      </c>
      <c r="HD40" s="114">
        <v>0</v>
      </c>
      <c r="HE40" s="115">
        <v>0</v>
      </c>
      <c r="HF40" s="116">
        <v>0</v>
      </c>
      <c r="HG40" s="414">
        <v>0</v>
      </c>
      <c r="HH40" s="115">
        <v>0</v>
      </c>
      <c r="HI40" s="115">
        <v>0</v>
      </c>
      <c r="HJ40" s="115">
        <v>0</v>
      </c>
      <c r="HK40" s="115">
        <v>0</v>
      </c>
      <c r="HL40" s="115">
        <v>0</v>
      </c>
      <c r="HM40" s="116">
        <v>0</v>
      </c>
      <c r="HN40" s="117">
        <v>0</v>
      </c>
      <c r="HO40" s="114">
        <v>0</v>
      </c>
      <c r="HP40" s="115">
        <v>0</v>
      </c>
      <c r="HQ40" s="116">
        <v>0</v>
      </c>
      <c r="HR40" s="414">
        <v>0</v>
      </c>
      <c r="HS40" s="115">
        <v>0</v>
      </c>
      <c r="HT40" s="115">
        <v>0</v>
      </c>
      <c r="HU40" s="115">
        <v>0</v>
      </c>
      <c r="HV40" s="115">
        <v>0</v>
      </c>
      <c r="HW40" s="115">
        <v>0</v>
      </c>
      <c r="HX40" s="116">
        <v>0</v>
      </c>
      <c r="HY40" s="117">
        <v>0</v>
      </c>
      <c r="HZ40" s="114">
        <v>0</v>
      </c>
      <c r="IA40" s="115">
        <v>0</v>
      </c>
      <c r="IB40" s="116">
        <v>0</v>
      </c>
      <c r="IC40" s="414">
        <v>0</v>
      </c>
      <c r="ID40" s="115">
        <v>0</v>
      </c>
      <c r="IE40" s="115">
        <v>1</v>
      </c>
      <c r="IF40" s="115">
        <v>0</v>
      </c>
      <c r="IG40" s="115">
        <v>0</v>
      </c>
      <c r="IH40" s="115">
        <v>0</v>
      </c>
      <c r="II40" s="116">
        <v>1</v>
      </c>
      <c r="IJ40" s="117">
        <v>1</v>
      </c>
      <c r="IK40" s="114">
        <v>0</v>
      </c>
      <c r="IL40" s="115">
        <v>0</v>
      </c>
      <c r="IM40" s="116">
        <v>0</v>
      </c>
      <c r="IN40" s="414">
        <v>0</v>
      </c>
      <c r="IO40" s="115">
        <v>0</v>
      </c>
      <c r="IP40" s="115">
        <v>0</v>
      </c>
      <c r="IQ40" s="115">
        <v>0</v>
      </c>
      <c r="IR40" s="115">
        <v>0</v>
      </c>
      <c r="IS40" s="115">
        <v>0</v>
      </c>
      <c r="IT40" s="116">
        <v>0</v>
      </c>
      <c r="IU40" s="117">
        <v>0</v>
      </c>
      <c r="IV40" s="114">
        <v>0</v>
      </c>
      <c r="IW40" s="115">
        <v>0</v>
      </c>
      <c r="IX40" s="116">
        <v>0</v>
      </c>
      <c r="IY40" s="414">
        <v>0</v>
      </c>
      <c r="IZ40" s="115">
        <v>0</v>
      </c>
      <c r="JA40" s="115">
        <v>0</v>
      </c>
      <c r="JB40" s="115">
        <v>0</v>
      </c>
      <c r="JC40" s="115">
        <v>0</v>
      </c>
      <c r="JD40" s="115">
        <v>0</v>
      </c>
      <c r="JE40" s="116">
        <v>0</v>
      </c>
      <c r="JF40" s="117">
        <v>0</v>
      </c>
      <c r="JG40" s="114">
        <v>0</v>
      </c>
      <c r="JH40" s="115">
        <v>0</v>
      </c>
      <c r="JI40" s="116">
        <v>0</v>
      </c>
      <c r="JJ40" s="414">
        <v>0</v>
      </c>
      <c r="JK40" s="115">
        <v>0</v>
      </c>
      <c r="JL40" s="115">
        <v>0</v>
      </c>
      <c r="JM40" s="115">
        <v>0</v>
      </c>
      <c r="JN40" s="115">
        <v>0</v>
      </c>
      <c r="JO40" s="115">
        <v>1</v>
      </c>
      <c r="JP40" s="116">
        <v>1</v>
      </c>
      <c r="JQ40" s="117">
        <v>1</v>
      </c>
      <c r="JR40" s="114">
        <v>0</v>
      </c>
      <c r="JS40" s="115">
        <v>0</v>
      </c>
      <c r="JT40" s="116">
        <v>0</v>
      </c>
      <c r="JU40" s="414">
        <v>0</v>
      </c>
      <c r="JV40" s="115">
        <v>0</v>
      </c>
      <c r="JW40" s="115">
        <v>0</v>
      </c>
      <c r="JX40" s="115">
        <v>0</v>
      </c>
      <c r="JY40" s="115">
        <v>0</v>
      </c>
      <c r="JZ40" s="115">
        <v>0</v>
      </c>
      <c r="KA40" s="116">
        <v>0</v>
      </c>
      <c r="KB40" s="117">
        <v>0</v>
      </c>
      <c r="KC40" s="114">
        <v>0</v>
      </c>
      <c r="KD40" s="115">
        <v>0</v>
      </c>
      <c r="KE40" s="116">
        <v>0</v>
      </c>
      <c r="KF40" s="414">
        <v>0</v>
      </c>
      <c r="KG40" s="115">
        <v>0</v>
      </c>
      <c r="KH40" s="115">
        <v>1</v>
      </c>
      <c r="KI40" s="115">
        <v>0</v>
      </c>
      <c r="KJ40" s="115">
        <v>0</v>
      </c>
      <c r="KK40" s="115">
        <v>1</v>
      </c>
      <c r="KL40" s="116">
        <v>2</v>
      </c>
      <c r="KM40" s="117">
        <v>2</v>
      </c>
    </row>
    <row r="41" spans="2:299" ht="32.25" customHeight="1" x14ac:dyDescent="0.2">
      <c r="C41" s="70" t="s">
        <v>124</v>
      </c>
    </row>
  </sheetData>
  <mergeCells count="36">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 ref="IV5:JF5"/>
    <mergeCell ref="GS5:HC5"/>
    <mergeCell ref="HD5:HN5"/>
    <mergeCell ref="HO5:HY5"/>
    <mergeCell ref="JG5:JQ5"/>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9.6" x14ac:dyDescent="0.2"/>
  <cols>
    <col min="1" max="1" width="3.77734375" style="13" customWidth="1"/>
    <col min="2" max="2" width="9.77734375" style="13" customWidth="1"/>
    <col min="3" max="6" width="7.77734375" style="11" customWidth="1"/>
    <col min="7" max="7" width="8.109375" style="11" customWidth="1"/>
    <col min="8" max="8" width="7.44140625" style="11" customWidth="1"/>
    <col min="9" max="9" width="9.109375" style="11" customWidth="1"/>
    <col min="10" max="10" width="7.77734375" style="11" customWidth="1"/>
    <col min="11" max="11" width="8.6640625" style="11" customWidth="1"/>
    <col min="12" max="12" width="9.33203125" style="11" customWidth="1"/>
    <col min="13" max="13" width="8.33203125" style="11" customWidth="1"/>
    <col min="14" max="26" width="7.77734375" style="11" customWidth="1"/>
    <col min="27" max="33" width="7.77734375" style="13" customWidth="1"/>
    <col min="34" max="34" width="9" style="13"/>
    <col min="35" max="35" width="8.6640625" style="13" customWidth="1"/>
    <col min="36" max="16384" width="9" style="13"/>
  </cols>
  <sheetData>
    <row r="1" spans="2:35" ht="24" customHeight="1" x14ac:dyDescent="0.2">
      <c r="B1" s="10" t="s">
        <v>131</v>
      </c>
      <c r="F1" s="12"/>
      <c r="G1" s="442">
        <f>第１表!F2</f>
        <v>6</v>
      </c>
      <c r="H1" s="442"/>
      <c r="I1" s="18">
        <f>第１表!G2</f>
        <v>10</v>
      </c>
      <c r="J1" s="446">
        <f>IF(I1&lt;3,I1+12-2,I1-2)</f>
        <v>8</v>
      </c>
      <c r="K1" s="446"/>
    </row>
    <row r="2" spans="2:35" ht="24" customHeight="1" thickBot="1" x14ac:dyDescent="0.25">
      <c r="B2" s="71"/>
      <c r="J2" s="14"/>
      <c r="K2" s="14"/>
      <c r="L2" s="14"/>
      <c r="M2" s="14"/>
      <c r="N2" s="14"/>
      <c r="O2" s="14"/>
      <c r="P2" s="15"/>
      <c r="Q2" s="15"/>
      <c r="R2" s="15"/>
    </row>
    <row r="3" spans="2:35" s="71" customFormat="1" ht="21" customHeight="1" thickBot="1" x14ac:dyDescent="0.25">
      <c r="B3" s="119"/>
      <c r="C3" s="443" t="s">
        <v>53</v>
      </c>
      <c r="D3" s="444"/>
      <c r="E3" s="444"/>
      <c r="F3" s="444"/>
      <c r="G3" s="444"/>
      <c r="H3" s="444"/>
      <c r="I3" s="444"/>
      <c r="J3" s="444"/>
      <c r="K3" s="444"/>
      <c r="L3" s="444"/>
      <c r="M3" s="445"/>
      <c r="N3" s="443" t="s">
        <v>54</v>
      </c>
      <c r="O3" s="444"/>
      <c r="P3" s="444"/>
      <c r="Q3" s="444"/>
      <c r="R3" s="444"/>
      <c r="S3" s="444"/>
      <c r="T3" s="444"/>
      <c r="U3" s="444"/>
      <c r="V3" s="444"/>
      <c r="W3" s="444"/>
      <c r="X3" s="445"/>
      <c r="Y3" s="443" t="s">
        <v>55</v>
      </c>
      <c r="Z3" s="444"/>
      <c r="AA3" s="444"/>
      <c r="AB3" s="444"/>
      <c r="AC3" s="444"/>
      <c r="AD3" s="444"/>
      <c r="AE3" s="444"/>
      <c r="AF3" s="444"/>
      <c r="AG3" s="444"/>
      <c r="AH3" s="444"/>
      <c r="AI3" s="445"/>
    </row>
    <row r="4" spans="2:35" s="71" customFormat="1" ht="30" customHeight="1" thickBot="1" x14ac:dyDescent="0.25">
      <c r="B4" s="119" t="s">
        <v>42</v>
      </c>
      <c r="C4" s="120" t="s">
        <v>43</v>
      </c>
      <c r="D4" s="121" t="s">
        <v>44</v>
      </c>
      <c r="E4" s="122" t="s">
        <v>45</v>
      </c>
      <c r="F4" s="123" t="s">
        <v>46</v>
      </c>
      <c r="G4" s="121" t="s">
        <v>47</v>
      </c>
      <c r="H4" s="121" t="s">
        <v>48</v>
      </c>
      <c r="I4" s="121" t="s">
        <v>49</v>
      </c>
      <c r="J4" s="121" t="s">
        <v>50</v>
      </c>
      <c r="K4" s="121" t="s">
        <v>51</v>
      </c>
      <c r="L4" s="122" t="s">
        <v>45</v>
      </c>
      <c r="M4" s="69" t="s">
        <v>52</v>
      </c>
      <c r="N4" s="120" t="s">
        <v>43</v>
      </c>
      <c r="O4" s="121" t="s">
        <v>44</v>
      </c>
      <c r="P4" s="122" t="s">
        <v>45</v>
      </c>
      <c r="Q4" s="123" t="s">
        <v>46</v>
      </c>
      <c r="R4" s="121" t="s">
        <v>47</v>
      </c>
      <c r="S4" s="121" t="s">
        <v>48</v>
      </c>
      <c r="T4" s="121" t="s">
        <v>49</v>
      </c>
      <c r="U4" s="121" t="s">
        <v>50</v>
      </c>
      <c r="V4" s="121" t="s">
        <v>51</v>
      </c>
      <c r="W4" s="122" t="s">
        <v>45</v>
      </c>
      <c r="X4" s="69" t="s">
        <v>52</v>
      </c>
      <c r="Y4" s="120" t="s">
        <v>43</v>
      </c>
      <c r="Z4" s="121" t="s">
        <v>44</v>
      </c>
      <c r="AA4" s="122" t="s">
        <v>45</v>
      </c>
      <c r="AB4" s="123" t="s">
        <v>46</v>
      </c>
      <c r="AC4" s="121" t="s">
        <v>47</v>
      </c>
      <c r="AD4" s="121" t="s">
        <v>48</v>
      </c>
      <c r="AE4" s="121" t="s">
        <v>49</v>
      </c>
      <c r="AF4" s="121" t="s">
        <v>50</v>
      </c>
      <c r="AG4" s="121" t="s">
        <v>51</v>
      </c>
      <c r="AH4" s="122" t="s">
        <v>45</v>
      </c>
      <c r="AI4" s="69" t="s">
        <v>52</v>
      </c>
    </row>
    <row r="5" spans="2:35" ht="21" customHeight="1" x14ac:dyDescent="0.2">
      <c r="B5" s="84" t="s">
        <v>4</v>
      </c>
      <c r="C5" s="124">
        <v>18018</v>
      </c>
      <c r="D5" s="125">
        <v>32518</v>
      </c>
      <c r="E5" s="126">
        <v>50536</v>
      </c>
      <c r="F5" s="127">
        <v>0</v>
      </c>
      <c r="G5" s="125">
        <v>62419</v>
      </c>
      <c r="H5" s="125">
        <v>64765</v>
      </c>
      <c r="I5" s="125">
        <v>36654</v>
      </c>
      <c r="J5" s="125">
        <v>27933</v>
      </c>
      <c r="K5" s="125">
        <v>16732</v>
      </c>
      <c r="L5" s="126">
        <v>208503</v>
      </c>
      <c r="M5" s="128">
        <v>259039</v>
      </c>
      <c r="N5" s="129">
        <v>342</v>
      </c>
      <c r="O5" s="125">
        <v>905</v>
      </c>
      <c r="P5" s="126">
        <v>1247</v>
      </c>
      <c r="Q5" s="127">
        <v>0</v>
      </c>
      <c r="R5" s="125">
        <v>1086</v>
      </c>
      <c r="S5" s="125">
        <v>1999</v>
      </c>
      <c r="T5" s="125">
        <v>1060</v>
      </c>
      <c r="U5" s="125">
        <v>840</v>
      </c>
      <c r="V5" s="125">
        <v>814</v>
      </c>
      <c r="W5" s="126">
        <v>5799</v>
      </c>
      <c r="X5" s="128">
        <v>7046</v>
      </c>
      <c r="Y5" s="124">
        <v>18360</v>
      </c>
      <c r="Z5" s="125">
        <v>33423</v>
      </c>
      <c r="AA5" s="126">
        <v>51783</v>
      </c>
      <c r="AB5" s="127">
        <v>0</v>
      </c>
      <c r="AC5" s="125">
        <v>63505</v>
      </c>
      <c r="AD5" s="125">
        <v>66764</v>
      </c>
      <c r="AE5" s="125">
        <v>37714</v>
      </c>
      <c r="AF5" s="125">
        <v>28773</v>
      </c>
      <c r="AG5" s="125">
        <v>17546</v>
      </c>
      <c r="AH5" s="126">
        <v>214302</v>
      </c>
      <c r="AI5" s="128">
        <v>266085</v>
      </c>
    </row>
    <row r="6" spans="2:35" ht="21" customHeight="1" x14ac:dyDescent="0.2">
      <c r="B6" s="95" t="s">
        <v>5</v>
      </c>
      <c r="C6" s="130">
        <v>6451</v>
      </c>
      <c r="D6" s="131">
        <v>14471</v>
      </c>
      <c r="E6" s="132">
        <v>20922</v>
      </c>
      <c r="F6" s="133">
        <v>0</v>
      </c>
      <c r="G6" s="131">
        <v>16440</v>
      </c>
      <c r="H6" s="131">
        <v>24316</v>
      </c>
      <c r="I6" s="131">
        <v>12092</v>
      </c>
      <c r="J6" s="131">
        <v>9434</v>
      </c>
      <c r="K6" s="131">
        <v>5502</v>
      </c>
      <c r="L6" s="132">
        <v>67784</v>
      </c>
      <c r="M6" s="134">
        <v>88706</v>
      </c>
      <c r="N6" s="135">
        <v>117</v>
      </c>
      <c r="O6" s="131">
        <v>389</v>
      </c>
      <c r="P6" s="132">
        <v>506</v>
      </c>
      <c r="Q6" s="133">
        <v>0</v>
      </c>
      <c r="R6" s="131">
        <v>252</v>
      </c>
      <c r="S6" s="131">
        <v>840</v>
      </c>
      <c r="T6" s="131">
        <v>384</v>
      </c>
      <c r="U6" s="131">
        <v>307</v>
      </c>
      <c r="V6" s="131">
        <v>327</v>
      </c>
      <c r="W6" s="132">
        <v>2110</v>
      </c>
      <c r="X6" s="134">
        <v>2616</v>
      </c>
      <c r="Y6" s="130">
        <v>6568</v>
      </c>
      <c r="Z6" s="131">
        <v>14860</v>
      </c>
      <c r="AA6" s="132">
        <v>21428</v>
      </c>
      <c r="AB6" s="133">
        <v>0</v>
      </c>
      <c r="AC6" s="131">
        <v>16692</v>
      </c>
      <c r="AD6" s="131">
        <v>25156</v>
      </c>
      <c r="AE6" s="131">
        <v>12476</v>
      </c>
      <c r="AF6" s="131">
        <v>9741</v>
      </c>
      <c r="AG6" s="131">
        <v>5829</v>
      </c>
      <c r="AH6" s="132">
        <v>69894</v>
      </c>
      <c r="AI6" s="134">
        <v>91322</v>
      </c>
    </row>
    <row r="7" spans="2:35" ht="21" customHeight="1" x14ac:dyDescent="0.2">
      <c r="B7" s="106" t="s">
        <v>6</v>
      </c>
      <c r="C7" s="130">
        <v>2528</v>
      </c>
      <c r="D7" s="131">
        <v>3852</v>
      </c>
      <c r="E7" s="132">
        <v>6380</v>
      </c>
      <c r="F7" s="133">
        <v>0</v>
      </c>
      <c r="G7" s="131">
        <v>11197</v>
      </c>
      <c r="H7" s="131">
        <v>9752</v>
      </c>
      <c r="I7" s="131">
        <v>5760</v>
      </c>
      <c r="J7" s="131">
        <v>4399</v>
      </c>
      <c r="K7" s="131">
        <v>2871</v>
      </c>
      <c r="L7" s="132">
        <v>33979</v>
      </c>
      <c r="M7" s="134">
        <v>40359</v>
      </c>
      <c r="N7" s="135">
        <v>73</v>
      </c>
      <c r="O7" s="131">
        <v>118</v>
      </c>
      <c r="P7" s="132">
        <v>191</v>
      </c>
      <c r="Q7" s="133">
        <v>0</v>
      </c>
      <c r="R7" s="131">
        <v>232</v>
      </c>
      <c r="S7" s="131">
        <v>277</v>
      </c>
      <c r="T7" s="131">
        <v>165</v>
      </c>
      <c r="U7" s="131">
        <v>145</v>
      </c>
      <c r="V7" s="131">
        <v>131</v>
      </c>
      <c r="W7" s="132">
        <v>950</v>
      </c>
      <c r="X7" s="134">
        <v>1141</v>
      </c>
      <c r="Y7" s="130">
        <v>2601</v>
      </c>
      <c r="Z7" s="131">
        <v>3970</v>
      </c>
      <c r="AA7" s="132">
        <v>6571</v>
      </c>
      <c r="AB7" s="133">
        <v>0</v>
      </c>
      <c r="AC7" s="131">
        <v>11429</v>
      </c>
      <c r="AD7" s="131">
        <v>10029</v>
      </c>
      <c r="AE7" s="131">
        <v>5925</v>
      </c>
      <c r="AF7" s="131">
        <v>4544</v>
      </c>
      <c r="AG7" s="131">
        <v>3002</v>
      </c>
      <c r="AH7" s="132">
        <v>34929</v>
      </c>
      <c r="AI7" s="134">
        <v>41500</v>
      </c>
    </row>
    <row r="8" spans="2:35" ht="21" customHeight="1" x14ac:dyDescent="0.2">
      <c r="B8" s="106" t="s">
        <v>14</v>
      </c>
      <c r="C8" s="130">
        <v>1267</v>
      </c>
      <c r="D8" s="131">
        <v>2913</v>
      </c>
      <c r="E8" s="132">
        <v>4180</v>
      </c>
      <c r="F8" s="133">
        <v>0</v>
      </c>
      <c r="G8" s="131">
        <v>4807</v>
      </c>
      <c r="H8" s="131">
        <v>5963</v>
      </c>
      <c r="I8" s="131">
        <v>3741</v>
      </c>
      <c r="J8" s="131">
        <v>2476</v>
      </c>
      <c r="K8" s="131">
        <v>1370</v>
      </c>
      <c r="L8" s="132">
        <v>18357</v>
      </c>
      <c r="M8" s="134">
        <v>22537</v>
      </c>
      <c r="N8" s="135">
        <v>17</v>
      </c>
      <c r="O8" s="131">
        <v>107</v>
      </c>
      <c r="P8" s="132">
        <v>124</v>
      </c>
      <c r="Q8" s="133">
        <v>0</v>
      </c>
      <c r="R8" s="131">
        <v>73</v>
      </c>
      <c r="S8" s="131">
        <v>176</v>
      </c>
      <c r="T8" s="131">
        <v>93</v>
      </c>
      <c r="U8" s="131">
        <v>72</v>
      </c>
      <c r="V8" s="131">
        <v>71</v>
      </c>
      <c r="W8" s="132">
        <v>485</v>
      </c>
      <c r="X8" s="134">
        <v>609</v>
      </c>
      <c r="Y8" s="130">
        <v>1284</v>
      </c>
      <c r="Z8" s="131">
        <v>3020</v>
      </c>
      <c r="AA8" s="132">
        <v>4304</v>
      </c>
      <c r="AB8" s="133">
        <v>0</v>
      </c>
      <c r="AC8" s="131">
        <v>4880</v>
      </c>
      <c r="AD8" s="131">
        <v>6139</v>
      </c>
      <c r="AE8" s="131">
        <v>3834</v>
      </c>
      <c r="AF8" s="131">
        <v>2548</v>
      </c>
      <c r="AG8" s="131">
        <v>1441</v>
      </c>
      <c r="AH8" s="132">
        <v>18842</v>
      </c>
      <c r="AI8" s="134">
        <v>23146</v>
      </c>
    </row>
    <row r="9" spans="2:35" ht="21" customHeight="1" x14ac:dyDescent="0.2">
      <c r="B9" s="106" t="s">
        <v>7</v>
      </c>
      <c r="C9" s="130">
        <v>688</v>
      </c>
      <c r="D9" s="131">
        <v>1009</v>
      </c>
      <c r="E9" s="132">
        <v>1697</v>
      </c>
      <c r="F9" s="133">
        <v>0</v>
      </c>
      <c r="G9" s="131">
        <v>5247</v>
      </c>
      <c r="H9" s="131">
        <v>3509</v>
      </c>
      <c r="I9" s="131">
        <v>1948</v>
      </c>
      <c r="J9" s="131">
        <v>1562</v>
      </c>
      <c r="K9" s="131">
        <v>891</v>
      </c>
      <c r="L9" s="132">
        <v>13157</v>
      </c>
      <c r="M9" s="134">
        <v>14854</v>
      </c>
      <c r="N9" s="135">
        <v>6</v>
      </c>
      <c r="O9" s="131">
        <v>19</v>
      </c>
      <c r="P9" s="132">
        <v>25</v>
      </c>
      <c r="Q9" s="133">
        <v>0</v>
      </c>
      <c r="R9" s="131">
        <v>98</v>
      </c>
      <c r="S9" s="131">
        <v>91</v>
      </c>
      <c r="T9" s="131">
        <v>46</v>
      </c>
      <c r="U9" s="131">
        <v>33</v>
      </c>
      <c r="V9" s="131">
        <v>29</v>
      </c>
      <c r="W9" s="132">
        <v>297</v>
      </c>
      <c r="X9" s="134">
        <v>322</v>
      </c>
      <c r="Y9" s="130">
        <v>694</v>
      </c>
      <c r="Z9" s="131">
        <v>1028</v>
      </c>
      <c r="AA9" s="132">
        <v>1722</v>
      </c>
      <c r="AB9" s="133">
        <v>0</v>
      </c>
      <c r="AC9" s="131">
        <v>5345</v>
      </c>
      <c r="AD9" s="131">
        <v>3600</v>
      </c>
      <c r="AE9" s="131">
        <v>1994</v>
      </c>
      <c r="AF9" s="131">
        <v>1595</v>
      </c>
      <c r="AG9" s="131">
        <v>920</v>
      </c>
      <c r="AH9" s="132">
        <v>13454</v>
      </c>
      <c r="AI9" s="134">
        <v>15176</v>
      </c>
    </row>
    <row r="10" spans="2:35" ht="21" customHeight="1" x14ac:dyDescent="0.2">
      <c r="B10" s="106" t="s">
        <v>8</v>
      </c>
      <c r="C10" s="130">
        <v>659</v>
      </c>
      <c r="D10" s="131">
        <v>720</v>
      </c>
      <c r="E10" s="132">
        <v>1379</v>
      </c>
      <c r="F10" s="133">
        <v>0</v>
      </c>
      <c r="G10" s="131">
        <v>2194</v>
      </c>
      <c r="H10" s="131">
        <v>2188</v>
      </c>
      <c r="I10" s="131">
        <v>1309</v>
      </c>
      <c r="J10" s="131">
        <v>910</v>
      </c>
      <c r="K10" s="131">
        <v>586</v>
      </c>
      <c r="L10" s="132">
        <v>7187</v>
      </c>
      <c r="M10" s="134">
        <v>8566</v>
      </c>
      <c r="N10" s="135">
        <v>8</v>
      </c>
      <c r="O10" s="131">
        <v>26</v>
      </c>
      <c r="P10" s="132">
        <v>34</v>
      </c>
      <c r="Q10" s="133">
        <v>0</v>
      </c>
      <c r="R10" s="131">
        <v>41</v>
      </c>
      <c r="S10" s="131">
        <v>76</v>
      </c>
      <c r="T10" s="131">
        <v>35</v>
      </c>
      <c r="U10" s="131">
        <v>28</v>
      </c>
      <c r="V10" s="131">
        <v>16</v>
      </c>
      <c r="W10" s="132">
        <v>196</v>
      </c>
      <c r="X10" s="134">
        <v>230</v>
      </c>
      <c r="Y10" s="130">
        <v>667</v>
      </c>
      <c r="Z10" s="131">
        <v>746</v>
      </c>
      <c r="AA10" s="132">
        <v>1413</v>
      </c>
      <c r="AB10" s="133">
        <v>0</v>
      </c>
      <c r="AC10" s="131">
        <v>2235</v>
      </c>
      <c r="AD10" s="131">
        <v>2264</v>
      </c>
      <c r="AE10" s="131">
        <v>1344</v>
      </c>
      <c r="AF10" s="131">
        <v>938</v>
      </c>
      <c r="AG10" s="131">
        <v>602</v>
      </c>
      <c r="AH10" s="132">
        <v>7383</v>
      </c>
      <c r="AI10" s="134">
        <v>8796</v>
      </c>
    </row>
    <row r="11" spans="2:35" ht="21" customHeight="1" x14ac:dyDescent="0.2">
      <c r="B11" s="106" t="s">
        <v>9</v>
      </c>
      <c r="C11" s="130">
        <v>546</v>
      </c>
      <c r="D11" s="131">
        <v>596</v>
      </c>
      <c r="E11" s="132">
        <v>1142</v>
      </c>
      <c r="F11" s="133">
        <v>0</v>
      </c>
      <c r="G11" s="131">
        <v>2038</v>
      </c>
      <c r="H11" s="131">
        <v>1548</v>
      </c>
      <c r="I11" s="131">
        <v>1052</v>
      </c>
      <c r="J11" s="131">
        <v>885</v>
      </c>
      <c r="K11" s="131">
        <v>553</v>
      </c>
      <c r="L11" s="132">
        <v>6076</v>
      </c>
      <c r="M11" s="134">
        <v>7218</v>
      </c>
      <c r="N11" s="135">
        <v>4</v>
      </c>
      <c r="O11" s="131">
        <v>10</v>
      </c>
      <c r="P11" s="132">
        <v>14</v>
      </c>
      <c r="Q11" s="133">
        <v>0</v>
      </c>
      <c r="R11" s="131">
        <v>33</v>
      </c>
      <c r="S11" s="131">
        <v>44</v>
      </c>
      <c r="T11" s="131">
        <v>16</v>
      </c>
      <c r="U11" s="131">
        <v>15</v>
      </c>
      <c r="V11" s="131">
        <v>17</v>
      </c>
      <c r="W11" s="132">
        <v>125</v>
      </c>
      <c r="X11" s="134">
        <v>139</v>
      </c>
      <c r="Y11" s="130">
        <v>550</v>
      </c>
      <c r="Z11" s="131">
        <v>606</v>
      </c>
      <c r="AA11" s="132">
        <v>1156</v>
      </c>
      <c r="AB11" s="133">
        <v>0</v>
      </c>
      <c r="AC11" s="131">
        <v>2071</v>
      </c>
      <c r="AD11" s="131">
        <v>1592</v>
      </c>
      <c r="AE11" s="131">
        <v>1068</v>
      </c>
      <c r="AF11" s="131">
        <v>900</v>
      </c>
      <c r="AG11" s="131">
        <v>570</v>
      </c>
      <c r="AH11" s="132">
        <v>6201</v>
      </c>
      <c r="AI11" s="134">
        <v>7357</v>
      </c>
    </row>
    <row r="12" spans="2:35" ht="21" customHeight="1" x14ac:dyDescent="0.2">
      <c r="B12" s="106" t="s">
        <v>10</v>
      </c>
      <c r="C12" s="130">
        <v>1394</v>
      </c>
      <c r="D12" s="131">
        <v>1670</v>
      </c>
      <c r="E12" s="132">
        <v>3064</v>
      </c>
      <c r="F12" s="133">
        <v>0</v>
      </c>
      <c r="G12" s="131">
        <v>4291</v>
      </c>
      <c r="H12" s="131">
        <v>2488</v>
      </c>
      <c r="I12" s="131">
        <v>1611</v>
      </c>
      <c r="J12" s="131">
        <v>1358</v>
      </c>
      <c r="K12" s="131">
        <v>889</v>
      </c>
      <c r="L12" s="132">
        <v>10637</v>
      </c>
      <c r="M12" s="134">
        <v>13701</v>
      </c>
      <c r="N12" s="135">
        <v>31</v>
      </c>
      <c r="O12" s="131">
        <v>36</v>
      </c>
      <c r="P12" s="132">
        <v>67</v>
      </c>
      <c r="Q12" s="133">
        <v>0</v>
      </c>
      <c r="R12" s="131">
        <v>82</v>
      </c>
      <c r="S12" s="131">
        <v>86</v>
      </c>
      <c r="T12" s="131">
        <v>53</v>
      </c>
      <c r="U12" s="131">
        <v>41</v>
      </c>
      <c r="V12" s="131">
        <v>39</v>
      </c>
      <c r="W12" s="132">
        <v>301</v>
      </c>
      <c r="X12" s="134">
        <v>368</v>
      </c>
      <c r="Y12" s="130">
        <v>1425</v>
      </c>
      <c r="Z12" s="131">
        <v>1706</v>
      </c>
      <c r="AA12" s="132">
        <v>3131</v>
      </c>
      <c r="AB12" s="133">
        <v>0</v>
      </c>
      <c r="AC12" s="131">
        <v>4373</v>
      </c>
      <c r="AD12" s="131">
        <v>2574</v>
      </c>
      <c r="AE12" s="131">
        <v>1664</v>
      </c>
      <c r="AF12" s="131">
        <v>1399</v>
      </c>
      <c r="AG12" s="131">
        <v>928</v>
      </c>
      <c r="AH12" s="132">
        <v>10938</v>
      </c>
      <c r="AI12" s="134">
        <v>14069</v>
      </c>
    </row>
    <row r="13" spans="2:35" ht="21" customHeight="1" x14ac:dyDescent="0.2">
      <c r="B13" s="106" t="s">
        <v>11</v>
      </c>
      <c r="C13" s="130">
        <v>549</v>
      </c>
      <c r="D13" s="131">
        <v>634</v>
      </c>
      <c r="E13" s="132">
        <v>1183</v>
      </c>
      <c r="F13" s="133">
        <v>0</v>
      </c>
      <c r="G13" s="131">
        <v>2076</v>
      </c>
      <c r="H13" s="131">
        <v>1386</v>
      </c>
      <c r="I13" s="131">
        <v>956</v>
      </c>
      <c r="J13" s="131">
        <v>778</v>
      </c>
      <c r="K13" s="131">
        <v>417</v>
      </c>
      <c r="L13" s="132">
        <v>5613</v>
      </c>
      <c r="M13" s="134">
        <v>6796</v>
      </c>
      <c r="N13" s="135">
        <v>11</v>
      </c>
      <c r="O13" s="131">
        <v>14</v>
      </c>
      <c r="P13" s="132">
        <v>25</v>
      </c>
      <c r="Q13" s="133">
        <v>0</v>
      </c>
      <c r="R13" s="131">
        <v>39</v>
      </c>
      <c r="S13" s="131">
        <v>27</v>
      </c>
      <c r="T13" s="131">
        <v>30</v>
      </c>
      <c r="U13" s="131">
        <v>27</v>
      </c>
      <c r="V13" s="131">
        <v>16</v>
      </c>
      <c r="W13" s="132">
        <v>139</v>
      </c>
      <c r="X13" s="134">
        <v>164</v>
      </c>
      <c r="Y13" s="130">
        <v>560</v>
      </c>
      <c r="Z13" s="131">
        <v>648</v>
      </c>
      <c r="AA13" s="132">
        <v>1208</v>
      </c>
      <c r="AB13" s="133">
        <v>0</v>
      </c>
      <c r="AC13" s="131">
        <v>2115</v>
      </c>
      <c r="AD13" s="131">
        <v>1413</v>
      </c>
      <c r="AE13" s="131">
        <v>986</v>
      </c>
      <c r="AF13" s="131">
        <v>805</v>
      </c>
      <c r="AG13" s="131">
        <v>433</v>
      </c>
      <c r="AH13" s="132">
        <v>5752</v>
      </c>
      <c r="AI13" s="134">
        <v>6960</v>
      </c>
    </row>
    <row r="14" spans="2:35" ht="21" customHeight="1" x14ac:dyDescent="0.2">
      <c r="B14" s="106" t="s">
        <v>12</v>
      </c>
      <c r="C14" s="130">
        <v>757</v>
      </c>
      <c r="D14" s="131">
        <v>1228</v>
      </c>
      <c r="E14" s="132">
        <v>1985</v>
      </c>
      <c r="F14" s="133">
        <v>0</v>
      </c>
      <c r="G14" s="131">
        <v>1756</v>
      </c>
      <c r="H14" s="131">
        <v>1579</v>
      </c>
      <c r="I14" s="131">
        <v>999</v>
      </c>
      <c r="J14" s="131">
        <v>869</v>
      </c>
      <c r="K14" s="131">
        <v>501</v>
      </c>
      <c r="L14" s="132">
        <v>5704</v>
      </c>
      <c r="M14" s="134">
        <v>7689</v>
      </c>
      <c r="N14" s="135">
        <v>11</v>
      </c>
      <c r="O14" s="131">
        <v>36</v>
      </c>
      <c r="P14" s="132">
        <v>47</v>
      </c>
      <c r="Q14" s="133">
        <v>0</v>
      </c>
      <c r="R14" s="131">
        <v>21</v>
      </c>
      <c r="S14" s="131">
        <v>40</v>
      </c>
      <c r="T14" s="131">
        <v>26</v>
      </c>
      <c r="U14" s="131">
        <v>20</v>
      </c>
      <c r="V14" s="131">
        <v>21</v>
      </c>
      <c r="W14" s="132">
        <v>128</v>
      </c>
      <c r="X14" s="134">
        <v>175</v>
      </c>
      <c r="Y14" s="130">
        <v>768</v>
      </c>
      <c r="Z14" s="131">
        <v>1264</v>
      </c>
      <c r="AA14" s="132">
        <v>2032</v>
      </c>
      <c r="AB14" s="133">
        <v>0</v>
      </c>
      <c r="AC14" s="131">
        <v>1777</v>
      </c>
      <c r="AD14" s="131">
        <v>1619</v>
      </c>
      <c r="AE14" s="131">
        <v>1025</v>
      </c>
      <c r="AF14" s="131">
        <v>889</v>
      </c>
      <c r="AG14" s="131">
        <v>522</v>
      </c>
      <c r="AH14" s="132">
        <v>5832</v>
      </c>
      <c r="AI14" s="134">
        <v>7864</v>
      </c>
    </row>
    <row r="15" spans="2:35" ht="21" customHeight="1" x14ac:dyDescent="0.2">
      <c r="B15" s="106" t="s">
        <v>13</v>
      </c>
      <c r="C15" s="130">
        <v>134</v>
      </c>
      <c r="D15" s="131">
        <v>216</v>
      </c>
      <c r="E15" s="132">
        <v>350</v>
      </c>
      <c r="F15" s="133">
        <v>0</v>
      </c>
      <c r="G15" s="131">
        <v>696</v>
      </c>
      <c r="H15" s="131">
        <v>703</v>
      </c>
      <c r="I15" s="131">
        <v>391</v>
      </c>
      <c r="J15" s="131">
        <v>318</v>
      </c>
      <c r="K15" s="131">
        <v>218</v>
      </c>
      <c r="L15" s="132">
        <v>2326</v>
      </c>
      <c r="M15" s="134">
        <v>2676</v>
      </c>
      <c r="N15" s="135">
        <v>0</v>
      </c>
      <c r="O15" s="131">
        <v>1</v>
      </c>
      <c r="P15" s="132">
        <v>1</v>
      </c>
      <c r="Q15" s="133">
        <v>0</v>
      </c>
      <c r="R15" s="131">
        <v>15</v>
      </c>
      <c r="S15" s="131">
        <v>17</v>
      </c>
      <c r="T15" s="131">
        <v>8</v>
      </c>
      <c r="U15" s="131">
        <v>0</v>
      </c>
      <c r="V15" s="131">
        <v>11</v>
      </c>
      <c r="W15" s="132">
        <v>51</v>
      </c>
      <c r="X15" s="134">
        <v>52</v>
      </c>
      <c r="Y15" s="130">
        <v>134</v>
      </c>
      <c r="Z15" s="131">
        <v>217</v>
      </c>
      <c r="AA15" s="132">
        <v>351</v>
      </c>
      <c r="AB15" s="133">
        <v>0</v>
      </c>
      <c r="AC15" s="131">
        <v>711</v>
      </c>
      <c r="AD15" s="131">
        <v>720</v>
      </c>
      <c r="AE15" s="131">
        <v>399</v>
      </c>
      <c r="AF15" s="131">
        <v>318</v>
      </c>
      <c r="AG15" s="131">
        <v>229</v>
      </c>
      <c r="AH15" s="132">
        <v>2377</v>
      </c>
      <c r="AI15" s="134">
        <v>2728</v>
      </c>
    </row>
    <row r="16" spans="2:35" ht="21" customHeight="1" x14ac:dyDescent="0.2">
      <c r="B16" s="106" t="s">
        <v>15</v>
      </c>
      <c r="C16" s="130">
        <v>100</v>
      </c>
      <c r="D16" s="131">
        <v>196</v>
      </c>
      <c r="E16" s="132">
        <v>296</v>
      </c>
      <c r="F16" s="133">
        <v>0</v>
      </c>
      <c r="G16" s="131">
        <v>548</v>
      </c>
      <c r="H16" s="131">
        <v>558</v>
      </c>
      <c r="I16" s="131">
        <v>275</v>
      </c>
      <c r="J16" s="131">
        <v>232</v>
      </c>
      <c r="K16" s="131">
        <v>131</v>
      </c>
      <c r="L16" s="132">
        <v>1744</v>
      </c>
      <c r="M16" s="134">
        <v>2040</v>
      </c>
      <c r="N16" s="135">
        <v>0</v>
      </c>
      <c r="O16" s="131">
        <v>6</v>
      </c>
      <c r="P16" s="132">
        <v>6</v>
      </c>
      <c r="Q16" s="133">
        <v>0</v>
      </c>
      <c r="R16" s="131">
        <v>9</v>
      </c>
      <c r="S16" s="131">
        <v>12</v>
      </c>
      <c r="T16" s="131">
        <v>6</v>
      </c>
      <c r="U16" s="131">
        <v>3</v>
      </c>
      <c r="V16" s="131">
        <v>7</v>
      </c>
      <c r="W16" s="132">
        <v>37</v>
      </c>
      <c r="X16" s="134">
        <v>43</v>
      </c>
      <c r="Y16" s="130">
        <v>100</v>
      </c>
      <c r="Z16" s="131">
        <v>202</v>
      </c>
      <c r="AA16" s="132">
        <v>302</v>
      </c>
      <c r="AB16" s="133">
        <v>0</v>
      </c>
      <c r="AC16" s="131">
        <v>557</v>
      </c>
      <c r="AD16" s="131">
        <v>570</v>
      </c>
      <c r="AE16" s="131">
        <v>281</v>
      </c>
      <c r="AF16" s="131">
        <v>235</v>
      </c>
      <c r="AG16" s="131">
        <v>138</v>
      </c>
      <c r="AH16" s="132">
        <v>1781</v>
      </c>
      <c r="AI16" s="134">
        <v>2083</v>
      </c>
    </row>
    <row r="17" spans="2:35" ht="21" customHeight="1" x14ac:dyDescent="0.2">
      <c r="B17" s="106" t="s">
        <v>16</v>
      </c>
      <c r="C17" s="130">
        <v>268</v>
      </c>
      <c r="D17" s="131">
        <v>530</v>
      </c>
      <c r="E17" s="132">
        <v>798</v>
      </c>
      <c r="F17" s="133">
        <v>0</v>
      </c>
      <c r="G17" s="131">
        <v>996</v>
      </c>
      <c r="H17" s="131">
        <v>1319</v>
      </c>
      <c r="I17" s="131">
        <v>710</v>
      </c>
      <c r="J17" s="131">
        <v>567</v>
      </c>
      <c r="K17" s="131">
        <v>311</v>
      </c>
      <c r="L17" s="132">
        <v>3903</v>
      </c>
      <c r="M17" s="134">
        <v>4701</v>
      </c>
      <c r="N17" s="135">
        <v>3</v>
      </c>
      <c r="O17" s="131">
        <v>19</v>
      </c>
      <c r="P17" s="132">
        <v>22</v>
      </c>
      <c r="Q17" s="133">
        <v>0</v>
      </c>
      <c r="R17" s="131">
        <v>13</v>
      </c>
      <c r="S17" s="131">
        <v>38</v>
      </c>
      <c r="T17" s="131">
        <v>24</v>
      </c>
      <c r="U17" s="131">
        <v>17</v>
      </c>
      <c r="V17" s="131">
        <v>16</v>
      </c>
      <c r="W17" s="132">
        <v>108</v>
      </c>
      <c r="X17" s="134">
        <v>130</v>
      </c>
      <c r="Y17" s="130">
        <v>271</v>
      </c>
      <c r="Z17" s="131">
        <v>549</v>
      </c>
      <c r="AA17" s="132">
        <v>820</v>
      </c>
      <c r="AB17" s="133">
        <v>0</v>
      </c>
      <c r="AC17" s="131">
        <v>1009</v>
      </c>
      <c r="AD17" s="131">
        <v>1357</v>
      </c>
      <c r="AE17" s="131">
        <v>734</v>
      </c>
      <c r="AF17" s="131">
        <v>584</v>
      </c>
      <c r="AG17" s="131">
        <v>327</v>
      </c>
      <c r="AH17" s="132">
        <v>4011</v>
      </c>
      <c r="AI17" s="134">
        <v>4831</v>
      </c>
    </row>
    <row r="18" spans="2:35" ht="21" customHeight="1" x14ac:dyDescent="0.2">
      <c r="B18" s="106" t="s">
        <v>17</v>
      </c>
      <c r="C18" s="130">
        <v>327</v>
      </c>
      <c r="D18" s="131">
        <v>698</v>
      </c>
      <c r="E18" s="132">
        <v>1025</v>
      </c>
      <c r="F18" s="133">
        <v>0</v>
      </c>
      <c r="G18" s="131">
        <v>1090</v>
      </c>
      <c r="H18" s="131">
        <v>1811</v>
      </c>
      <c r="I18" s="131">
        <v>1119</v>
      </c>
      <c r="J18" s="131">
        <v>789</v>
      </c>
      <c r="K18" s="131">
        <v>436</v>
      </c>
      <c r="L18" s="132">
        <v>5245</v>
      </c>
      <c r="M18" s="134">
        <v>6270</v>
      </c>
      <c r="N18" s="135">
        <v>2</v>
      </c>
      <c r="O18" s="131">
        <v>21</v>
      </c>
      <c r="P18" s="132">
        <v>23</v>
      </c>
      <c r="Q18" s="133">
        <v>0</v>
      </c>
      <c r="R18" s="131">
        <v>24</v>
      </c>
      <c r="S18" s="131">
        <v>60</v>
      </c>
      <c r="T18" s="131">
        <v>38</v>
      </c>
      <c r="U18" s="131">
        <v>26</v>
      </c>
      <c r="V18" s="131">
        <v>23</v>
      </c>
      <c r="W18" s="132">
        <v>171</v>
      </c>
      <c r="X18" s="134">
        <v>194</v>
      </c>
      <c r="Y18" s="130">
        <v>329</v>
      </c>
      <c r="Z18" s="131">
        <v>719</v>
      </c>
      <c r="AA18" s="132">
        <v>1048</v>
      </c>
      <c r="AB18" s="133">
        <v>0</v>
      </c>
      <c r="AC18" s="131">
        <v>1114</v>
      </c>
      <c r="AD18" s="131">
        <v>1871</v>
      </c>
      <c r="AE18" s="131">
        <v>1157</v>
      </c>
      <c r="AF18" s="131">
        <v>815</v>
      </c>
      <c r="AG18" s="131">
        <v>459</v>
      </c>
      <c r="AH18" s="132">
        <v>5416</v>
      </c>
      <c r="AI18" s="134">
        <v>6464</v>
      </c>
    </row>
    <row r="19" spans="2:35" ht="21" customHeight="1" x14ac:dyDescent="0.2">
      <c r="B19" s="106" t="s">
        <v>18</v>
      </c>
      <c r="C19" s="130">
        <v>403</v>
      </c>
      <c r="D19" s="131">
        <v>760</v>
      </c>
      <c r="E19" s="132">
        <v>1163</v>
      </c>
      <c r="F19" s="133">
        <v>0</v>
      </c>
      <c r="G19" s="131">
        <v>1893</v>
      </c>
      <c r="H19" s="131">
        <v>1778</v>
      </c>
      <c r="I19" s="131">
        <v>1111</v>
      </c>
      <c r="J19" s="131">
        <v>806</v>
      </c>
      <c r="K19" s="131">
        <v>494</v>
      </c>
      <c r="L19" s="132">
        <v>6082</v>
      </c>
      <c r="M19" s="134">
        <v>7245</v>
      </c>
      <c r="N19" s="135">
        <v>18</v>
      </c>
      <c r="O19" s="131">
        <v>20</v>
      </c>
      <c r="P19" s="132">
        <v>38</v>
      </c>
      <c r="Q19" s="133">
        <v>0</v>
      </c>
      <c r="R19" s="131">
        <v>45</v>
      </c>
      <c r="S19" s="131">
        <v>58</v>
      </c>
      <c r="T19" s="131">
        <v>30</v>
      </c>
      <c r="U19" s="131">
        <v>29</v>
      </c>
      <c r="V19" s="131">
        <v>29</v>
      </c>
      <c r="W19" s="132">
        <v>191</v>
      </c>
      <c r="X19" s="134">
        <v>229</v>
      </c>
      <c r="Y19" s="130">
        <v>421</v>
      </c>
      <c r="Z19" s="131">
        <v>780</v>
      </c>
      <c r="AA19" s="132">
        <v>1201</v>
      </c>
      <c r="AB19" s="133">
        <v>0</v>
      </c>
      <c r="AC19" s="131">
        <v>1938</v>
      </c>
      <c r="AD19" s="131">
        <v>1836</v>
      </c>
      <c r="AE19" s="131">
        <v>1141</v>
      </c>
      <c r="AF19" s="131">
        <v>835</v>
      </c>
      <c r="AG19" s="131">
        <v>523</v>
      </c>
      <c r="AH19" s="132">
        <v>6273</v>
      </c>
      <c r="AI19" s="134">
        <v>7474</v>
      </c>
    </row>
    <row r="20" spans="2:35" ht="21" customHeight="1" x14ac:dyDescent="0.2">
      <c r="B20" s="106" t="s">
        <v>19</v>
      </c>
      <c r="C20" s="130">
        <v>265</v>
      </c>
      <c r="D20" s="131">
        <v>319</v>
      </c>
      <c r="E20" s="132">
        <v>584</v>
      </c>
      <c r="F20" s="133">
        <v>0</v>
      </c>
      <c r="G20" s="131">
        <v>879</v>
      </c>
      <c r="H20" s="131">
        <v>697</v>
      </c>
      <c r="I20" s="131">
        <v>416</v>
      </c>
      <c r="J20" s="131">
        <v>275</v>
      </c>
      <c r="K20" s="131">
        <v>212</v>
      </c>
      <c r="L20" s="132">
        <v>2479</v>
      </c>
      <c r="M20" s="134">
        <v>3063</v>
      </c>
      <c r="N20" s="135">
        <v>7</v>
      </c>
      <c r="O20" s="131">
        <v>10</v>
      </c>
      <c r="P20" s="132">
        <v>17</v>
      </c>
      <c r="Q20" s="133">
        <v>0</v>
      </c>
      <c r="R20" s="131">
        <v>18</v>
      </c>
      <c r="S20" s="131">
        <v>16</v>
      </c>
      <c r="T20" s="131">
        <v>12</v>
      </c>
      <c r="U20" s="131">
        <v>8</v>
      </c>
      <c r="V20" s="131">
        <v>7</v>
      </c>
      <c r="W20" s="132">
        <v>61</v>
      </c>
      <c r="X20" s="134">
        <v>78</v>
      </c>
      <c r="Y20" s="130">
        <v>272</v>
      </c>
      <c r="Z20" s="131">
        <v>329</v>
      </c>
      <c r="AA20" s="132">
        <v>601</v>
      </c>
      <c r="AB20" s="133">
        <v>0</v>
      </c>
      <c r="AC20" s="131">
        <v>897</v>
      </c>
      <c r="AD20" s="131">
        <v>713</v>
      </c>
      <c r="AE20" s="131">
        <v>428</v>
      </c>
      <c r="AF20" s="131">
        <v>283</v>
      </c>
      <c r="AG20" s="131">
        <v>219</v>
      </c>
      <c r="AH20" s="132">
        <v>2540</v>
      </c>
      <c r="AI20" s="134">
        <v>3141</v>
      </c>
    </row>
    <row r="21" spans="2:35" ht="21" customHeight="1" x14ac:dyDescent="0.2">
      <c r="B21" s="106" t="s">
        <v>20</v>
      </c>
      <c r="C21" s="130">
        <v>257</v>
      </c>
      <c r="D21" s="131">
        <v>429</v>
      </c>
      <c r="E21" s="132">
        <v>686</v>
      </c>
      <c r="F21" s="133">
        <v>0</v>
      </c>
      <c r="G21" s="131">
        <v>1246</v>
      </c>
      <c r="H21" s="131">
        <v>814</v>
      </c>
      <c r="I21" s="131">
        <v>557</v>
      </c>
      <c r="J21" s="131">
        <v>364</v>
      </c>
      <c r="K21" s="131">
        <v>219</v>
      </c>
      <c r="L21" s="132">
        <v>3200</v>
      </c>
      <c r="M21" s="134">
        <v>3886</v>
      </c>
      <c r="N21" s="135">
        <v>6</v>
      </c>
      <c r="O21" s="131">
        <v>16</v>
      </c>
      <c r="P21" s="132">
        <v>22</v>
      </c>
      <c r="Q21" s="133">
        <v>0</v>
      </c>
      <c r="R21" s="131">
        <v>26</v>
      </c>
      <c r="S21" s="131">
        <v>17</v>
      </c>
      <c r="T21" s="131">
        <v>18</v>
      </c>
      <c r="U21" s="131">
        <v>16</v>
      </c>
      <c r="V21" s="131">
        <v>8</v>
      </c>
      <c r="W21" s="132">
        <v>85</v>
      </c>
      <c r="X21" s="134">
        <v>107</v>
      </c>
      <c r="Y21" s="130">
        <v>263</v>
      </c>
      <c r="Z21" s="131">
        <v>445</v>
      </c>
      <c r="AA21" s="132">
        <v>708</v>
      </c>
      <c r="AB21" s="133">
        <v>0</v>
      </c>
      <c r="AC21" s="131">
        <v>1272</v>
      </c>
      <c r="AD21" s="131">
        <v>831</v>
      </c>
      <c r="AE21" s="131">
        <v>575</v>
      </c>
      <c r="AF21" s="131">
        <v>380</v>
      </c>
      <c r="AG21" s="131">
        <v>227</v>
      </c>
      <c r="AH21" s="132">
        <v>3285</v>
      </c>
      <c r="AI21" s="134">
        <v>3993</v>
      </c>
    </row>
    <row r="22" spans="2:35" ht="21" customHeight="1" x14ac:dyDescent="0.2">
      <c r="B22" s="106" t="s">
        <v>21</v>
      </c>
      <c r="C22" s="130">
        <v>328</v>
      </c>
      <c r="D22" s="131">
        <v>483</v>
      </c>
      <c r="E22" s="132">
        <v>811</v>
      </c>
      <c r="F22" s="133">
        <v>0</v>
      </c>
      <c r="G22" s="131">
        <v>1109</v>
      </c>
      <c r="H22" s="131">
        <v>1057</v>
      </c>
      <c r="I22" s="131">
        <v>668</v>
      </c>
      <c r="J22" s="131">
        <v>418</v>
      </c>
      <c r="K22" s="131">
        <v>272</v>
      </c>
      <c r="L22" s="132">
        <v>3524</v>
      </c>
      <c r="M22" s="134">
        <v>4335</v>
      </c>
      <c r="N22" s="135">
        <v>8</v>
      </c>
      <c r="O22" s="131">
        <v>16</v>
      </c>
      <c r="P22" s="132">
        <v>24</v>
      </c>
      <c r="Q22" s="133">
        <v>0</v>
      </c>
      <c r="R22" s="131">
        <v>7</v>
      </c>
      <c r="S22" s="131">
        <v>34</v>
      </c>
      <c r="T22" s="131">
        <v>27</v>
      </c>
      <c r="U22" s="131">
        <v>12</v>
      </c>
      <c r="V22" s="131">
        <v>12</v>
      </c>
      <c r="W22" s="132">
        <v>92</v>
      </c>
      <c r="X22" s="134">
        <v>116</v>
      </c>
      <c r="Y22" s="130">
        <v>336</v>
      </c>
      <c r="Z22" s="131">
        <v>499</v>
      </c>
      <c r="AA22" s="132">
        <v>835</v>
      </c>
      <c r="AB22" s="133">
        <v>0</v>
      </c>
      <c r="AC22" s="131">
        <v>1116</v>
      </c>
      <c r="AD22" s="131">
        <v>1091</v>
      </c>
      <c r="AE22" s="131">
        <v>695</v>
      </c>
      <c r="AF22" s="131">
        <v>430</v>
      </c>
      <c r="AG22" s="131">
        <v>284</v>
      </c>
      <c r="AH22" s="132">
        <v>3616</v>
      </c>
      <c r="AI22" s="134">
        <v>4451</v>
      </c>
    </row>
    <row r="23" spans="2:35" ht="21" customHeight="1" x14ac:dyDescent="0.2">
      <c r="B23" s="106" t="s">
        <v>22</v>
      </c>
      <c r="C23" s="130">
        <v>72</v>
      </c>
      <c r="D23" s="131">
        <v>182</v>
      </c>
      <c r="E23" s="132">
        <v>254</v>
      </c>
      <c r="F23" s="133">
        <v>0</v>
      </c>
      <c r="G23" s="131">
        <v>430</v>
      </c>
      <c r="H23" s="131">
        <v>387</v>
      </c>
      <c r="I23" s="131">
        <v>214</v>
      </c>
      <c r="J23" s="131">
        <v>167</v>
      </c>
      <c r="K23" s="131">
        <v>88</v>
      </c>
      <c r="L23" s="132">
        <v>1286</v>
      </c>
      <c r="M23" s="134">
        <v>1540</v>
      </c>
      <c r="N23" s="135">
        <v>2</v>
      </c>
      <c r="O23" s="131">
        <v>5</v>
      </c>
      <c r="P23" s="132">
        <v>7</v>
      </c>
      <c r="Q23" s="133">
        <v>0</v>
      </c>
      <c r="R23" s="131">
        <v>8</v>
      </c>
      <c r="S23" s="131">
        <v>10</v>
      </c>
      <c r="T23" s="131">
        <v>2</v>
      </c>
      <c r="U23" s="131">
        <v>2</v>
      </c>
      <c r="V23" s="131">
        <v>4</v>
      </c>
      <c r="W23" s="132">
        <v>26</v>
      </c>
      <c r="X23" s="134">
        <v>33</v>
      </c>
      <c r="Y23" s="130">
        <v>74</v>
      </c>
      <c r="Z23" s="131">
        <v>187</v>
      </c>
      <c r="AA23" s="132">
        <v>261</v>
      </c>
      <c r="AB23" s="133">
        <v>0</v>
      </c>
      <c r="AC23" s="131">
        <v>438</v>
      </c>
      <c r="AD23" s="131">
        <v>397</v>
      </c>
      <c r="AE23" s="131">
        <v>216</v>
      </c>
      <c r="AF23" s="131">
        <v>169</v>
      </c>
      <c r="AG23" s="131">
        <v>92</v>
      </c>
      <c r="AH23" s="132">
        <v>1312</v>
      </c>
      <c r="AI23" s="134">
        <v>1573</v>
      </c>
    </row>
    <row r="24" spans="2:35" ht="21" customHeight="1" x14ac:dyDescent="0.2">
      <c r="B24" s="106" t="s">
        <v>23</v>
      </c>
      <c r="C24" s="130">
        <v>168</v>
      </c>
      <c r="D24" s="131">
        <v>314</v>
      </c>
      <c r="E24" s="132">
        <v>482</v>
      </c>
      <c r="F24" s="133">
        <v>0</v>
      </c>
      <c r="G24" s="131">
        <v>633</v>
      </c>
      <c r="H24" s="131">
        <v>609</v>
      </c>
      <c r="I24" s="131">
        <v>330</v>
      </c>
      <c r="J24" s="131">
        <v>282</v>
      </c>
      <c r="K24" s="131">
        <v>149</v>
      </c>
      <c r="L24" s="132">
        <v>2003</v>
      </c>
      <c r="M24" s="134">
        <v>2485</v>
      </c>
      <c r="N24" s="135">
        <v>7</v>
      </c>
      <c r="O24" s="131">
        <v>10</v>
      </c>
      <c r="P24" s="132">
        <v>17</v>
      </c>
      <c r="Q24" s="133">
        <v>0</v>
      </c>
      <c r="R24" s="131">
        <v>9</v>
      </c>
      <c r="S24" s="131">
        <v>25</v>
      </c>
      <c r="T24" s="131">
        <v>8</v>
      </c>
      <c r="U24" s="131">
        <v>8</v>
      </c>
      <c r="V24" s="131">
        <v>2</v>
      </c>
      <c r="W24" s="132">
        <v>52</v>
      </c>
      <c r="X24" s="134">
        <v>69</v>
      </c>
      <c r="Y24" s="130">
        <v>175</v>
      </c>
      <c r="Z24" s="131">
        <v>324</v>
      </c>
      <c r="AA24" s="132">
        <v>499</v>
      </c>
      <c r="AB24" s="133">
        <v>0</v>
      </c>
      <c r="AC24" s="131">
        <v>642</v>
      </c>
      <c r="AD24" s="131">
        <v>634</v>
      </c>
      <c r="AE24" s="131">
        <v>338</v>
      </c>
      <c r="AF24" s="131">
        <v>290</v>
      </c>
      <c r="AG24" s="131">
        <v>151</v>
      </c>
      <c r="AH24" s="132">
        <v>2055</v>
      </c>
      <c r="AI24" s="134">
        <v>2554</v>
      </c>
    </row>
    <row r="25" spans="2:35" ht="21" customHeight="1" x14ac:dyDescent="0.2">
      <c r="B25" s="106" t="s">
        <v>24</v>
      </c>
      <c r="C25" s="130">
        <v>121</v>
      </c>
      <c r="D25" s="131">
        <v>132</v>
      </c>
      <c r="E25" s="132">
        <v>253</v>
      </c>
      <c r="F25" s="133">
        <v>0</v>
      </c>
      <c r="G25" s="131">
        <v>344</v>
      </c>
      <c r="H25" s="131">
        <v>253</v>
      </c>
      <c r="I25" s="131">
        <v>169</v>
      </c>
      <c r="J25" s="131">
        <v>144</v>
      </c>
      <c r="K25" s="131">
        <v>83</v>
      </c>
      <c r="L25" s="132">
        <v>993</v>
      </c>
      <c r="M25" s="134">
        <v>1246</v>
      </c>
      <c r="N25" s="135">
        <v>2</v>
      </c>
      <c r="O25" s="131">
        <v>1</v>
      </c>
      <c r="P25" s="132">
        <v>3</v>
      </c>
      <c r="Q25" s="133">
        <v>0</v>
      </c>
      <c r="R25" s="131">
        <v>5</v>
      </c>
      <c r="S25" s="131">
        <v>7</v>
      </c>
      <c r="T25" s="131">
        <v>4</v>
      </c>
      <c r="U25" s="131">
        <v>4</v>
      </c>
      <c r="V25" s="131">
        <v>4</v>
      </c>
      <c r="W25" s="132">
        <v>24</v>
      </c>
      <c r="X25" s="134">
        <v>27</v>
      </c>
      <c r="Y25" s="130">
        <v>123</v>
      </c>
      <c r="Z25" s="131">
        <v>133</v>
      </c>
      <c r="AA25" s="132">
        <v>256</v>
      </c>
      <c r="AB25" s="133">
        <v>0</v>
      </c>
      <c r="AC25" s="131">
        <v>349</v>
      </c>
      <c r="AD25" s="131">
        <v>260</v>
      </c>
      <c r="AE25" s="131">
        <v>173</v>
      </c>
      <c r="AF25" s="131">
        <v>148</v>
      </c>
      <c r="AG25" s="131">
        <v>87</v>
      </c>
      <c r="AH25" s="132">
        <v>1017</v>
      </c>
      <c r="AI25" s="134">
        <v>1273</v>
      </c>
    </row>
    <row r="26" spans="2:35" ht="21" customHeight="1" x14ac:dyDescent="0.2">
      <c r="B26" s="106" t="s">
        <v>25</v>
      </c>
      <c r="C26" s="130">
        <v>115</v>
      </c>
      <c r="D26" s="131">
        <v>204</v>
      </c>
      <c r="E26" s="132">
        <v>319</v>
      </c>
      <c r="F26" s="133">
        <v>0</v>
      </c>
      <c r="G26" s="131">
        <v>393</v>
      </c>
      <c r="H26" s="131">
        <v>350</v>
      </c>
      <c r="I26" s="131">
        <v>168</v>
      </c>
      <c r="J26" s="131">
        <v>142</v>
      </c>
      <c r="K26" s="131">
        <v>67</v>
      </c>
      <c r="L26" s="132">
        <v>1120</v>
      </c>
      <c r="M26" s="134">
        <v>1439</v>
      </c>
      <c r="N26" s="135">
        <v>0</v>
      </c>
      <c r="O26" s="131">
        <v>5</v>
      </c>
      <c r="P26" s="132">
        <v>5</v>
      </c>
      <c r="Q26" s="133">
        <v>0</v>
      </c>
      <c r="R26" s="131">
        <v>2</v>
      </c>
      <c r="S26" s="131">
        <v>12</v>
      </c>
      <c r="T26" s="131">
        <v>4</v>
      </c>
      <c r="U26" s="131">
        <v>4</v>
      </c>
      <c r="V26" s="131">
        <v>3</v>
      </c>
      <c r="W26" s="132">
        <v>25</v>
      </c>
      <c r="X26" s="134">
        <v>30</v>
      </c>
      <c r="Y26" s="130">
        <v>115</v>
      </c>
      <c r="Z26" s="131">
        <v>209</v>
      </c>
      <c r="AA26" s="132">
        <v>324</v>
      </c>
      <c r="AB26" s="133">
        <v>0</v>
      </c>
      <c r="AC26" s="131">
        <v>395</v>
      </c>
      <c r="AD26" s="131">
        <v>362</v>
      </c>
      <c r="AE26" s="131">
        <v>172</v>
      </c>
      <c r="AF26" s="131">
        <v>146</v>
      </c>
      <c r="AG26" s="131">
        <v>70</v>
      </c>
      <c r="AH26" s="132">
        <v>1145</v>
      </c>
      <c r="AI26" s="134">
        <v>1469</v>
      </c>
    </row>
    <row r="27" spans="2:35" ht="21" customHeight="1" x14ac:dyDescent="0.2">
      <c r="B27" s="106" t="s">
        <v>26</v>
      </c>
      <c r="C27" s="130">
        <v>92</v>
      </c>
      <c r="D27" s="131">
        <v>135</v>
      </c>
      <c r="E27" s="132">
        <v>227</v>
      </c>
      <c r="F27" s="133">
        <v>0</v>
      </c>
      <c r="G27" s="131">
        <v>299</v>
      </c>
      <c r="H27" s="131">
        <v>318</v>
      </c>
      <c r="I27" s="131">
        <v>188</v>
      </c>
      <c r="J27" s="131">
        <v>121</v>
      </c>
      <c r="K27" s="131">
        <v>91</v>
      </c>
      <c r="L27" s="132">
        <v>1017</v>
      </c>
      <c r="M27" s="134">
        <v>1244</v>
      </c>
      <c r="N27" s="135">
        <v>1</v>
      </c>
      <c r="O27" s="131">
        <v>0</v>
      </c>
      <c r="P27" s="132">
        <v>1</v>
      </c>
      <c r="Q27" s="133">
        <v>0</v>
      </c>
      <c r="R27" s="131">
        <v>6</v>
      </c>
      <c r="S27" s="131">
        <v>5</v>
      </c>
      <c r="T27" s="131">
        <v>6</v>
      </c>
      <c r="U27" s="131">
        <v>3</v>
      </c>
      <c r="V27" s="131">
        <v>4</v>
      </c>
      <c r="W27" s="132">
        <v>24</v>
      </c>
      <c r="X27" s="134">
        <v>25</v>
      </c>
      <c r="Y27" s="130">
        <v>93</v>
      </c>
      <c r="Z27" s="131">
        <v>135</v>
      </c>
      <c r="AA27" s="132">
        <v>228</v>
      </c>
      <c r="AB27" s="133">
        <v>0</v>
      </c>
      <c r="AC27" s="131">
        <v>305</v>
      </c>
      <c r="AD27" s="131">
        <v>323</v>
      </c>
      <c r="AE27" s="131">
        <v>194</v>
      </c>
      <c r="AF27" s="131">
        <v>124</v>
      </c>
      <c r="AG27" s="131">
        <v>95</v>
      </c>
      <c r="AH27" s="132">
        <v>1041</v>
      </c>
      <c r="AI27" s="134">
        <v>1269</v>
      </c>
    </row>
    <row r="28" spans="2:35" ht="21" customHeight="1" x14ac:dyDescent="0.2">
      <c r="B28" s="106" t="s">
        <v>27</v>
      </c>
      <c r="C28" s="130">
        <v>153</v>
      </c>
      <c r="D28" s="131">
        <v>210</v>
      </c>
      <c r="E28" s="132">
        <v>363</v>
      </c>
      <c r="F28" s="133">
        <v>0</v>
      </c>
      <c r="G28" s="131">
        <v>283</v>
      </c>
      <c r="H28" s="131">
        <v>188</v>
      </c>
      <c r="I28" s="131">
        <v>136</v>
      </c>
      <c r="J28" s="131">
        <v>118</v>
      </c>
      <c r="K28" s="131">
        <v>66</v>
      </c>
      <c r="L28" s="132">
        <v>791</v>
      </c>
      <c r="M28" s="134">
        <v>1154</v>
      </c>
      <c r="N28" s="135">
        <v>6</v>
      </c>
      <c r="O28" s="131">
        <v>4</v>
      </c>
      <c r="P28" s="132">
        <v>10</v>
      </c>
      <c r="Q28" s="133">
        <v>0</v>
      </c>
      <c r="R28" s="131">
        <v>5</v>
      </c>
      <c r="S28" s="131">
        <v>5</v>
      </c>
      <c r="T28" s="131">
        <v>5</v>
      </c>
      <c r="U28" s="131">
        <v>3</v>
      </c>
      <c r="V28" s="131">
        <v>2</v>
      </c>
      <c r="W28" s="132">
        <v>20</v>
      </c>
      <c r="X28" s="134">
        <v>30</v>
      </c>
      <c r="Y28" s="130">
        <v>159</v>
      </c>
      <c r="Z28" s="131">
        <v>214</v>
      </c>
      <c r="AA28" s="132">
        <v>373</v>
      </c>
      <c r="AB28" s="133">
        <v>0</v>
      </c>
      <c r="AC28" s="131">
        <v>288</v>
      </c>
      <c r="AD28" s="131">
        <v>193</v>
      </c>
      <c r="AE28" s="131">
        <v>141</v>
      </c>
      <c r="AF28" s="131">
        <v>121</v>
      </c>
      <c r="AG28" s="131">
        <v>68</v>
      </c>
      <c r="AH28" s="132">
        <v>811</v>
      </c>
      <c r="AI28" s="134">
        <v>1184</v>
      </c>
    </row>
    <row r="29" spans="2:35" ht="21" customHeight="1" x14ac:dyDescent="0.2">
      <c r="B29" s="106" t="s">
        <v>28</v>
      </c>
      <c r="C29" s="130">
        <v>10</v>
      </c>
      <c r="D29" s="131">
        <v>31</v>
      </c>
      <c r="E29" s="132">
        <v>41</v>
      </c>
      <c r="F29" s="133">
        <v>0</v>
      </c>
      <c r="G29" s="131">
        <v>92</v>
      </c>
      <c r="H29" s="131">
        <v>96</v>
      </c>
      <c r="I29" s="131">
        <v>54</v>
      </c>
      <c r="J29" s="131">
        <v>38</v>
      </c>
      <c r="K29" s="131">
        <v>23</v>
      </c>
      <c r="L29" s="132">
        <v>303</v>
      </c>
      <c r="M29" s="134">
        <v>344</v>
      </c>
      <c r="N29" s="135">
        <v>0</v>
      </c>
      <c r="O29" s="131">
        <v>0</v>
      </c>
      <c r="P29" s="132">
        <v>0</v>
      </c>
      <c r="Q29" s="133">
        <v>0</v>
      </c>
      <c r="R29" s="131">
        <v>0</v>
      </c>
      <c r="S29" s="131">
        <v>3</v>
      </c>
      <c r="T29" s="131">
        <v>1</v>
      </c>
      <c r="U29" s="131">
        <v>0</v>
      </c>
      <c r="V29" s="131">
        <v>3</v>
      </c>
      <c r="W29" s="132">
        <v>7</v>
      </c>
      <c r="X29" s="134">
        <v>7</v>
      </c>
      <c r="Y29" s="130">
        <v>10</v>
      </c>
      <c r="Z29" s="131">
        <v>31</v>
      </c>
      <c r="AA29" s="132">
        <v>41</v>
      </c>
      <c r="AB29" s="133">
        <v>0</v>
      </c>
      <c r="AC29" s="131">
        <v>92</v>
      </c>
      <c r="AD29" s="131">
        <v>99</v>
      </c>
      <c r="AE29" s="131">
        <v>55</v>
      </c>
      <c r="AF29" s="131">
        <v>38</v>
      </c>
      <c r="AG29" s="131">
        <v>26</v>
      </c>
      <c r="AH29" s="132">
        <v>310</v>
      </c>
      <c r="AI29" s="134">
        <v>351</v>
      </c>
    </row>
    <row r="30" spans="2:35" ht="21" customHeight="1" x14ac:dyDescent="0.2">
      <c r="B30" s="106" t="s">
        <v>29</v>
      </c>
      <c r="C30" s="130">
        <v>41</v>
      </c>
      <c r="D30" s="131">
        <v>40</v>
      </c>
      <c r="E30" s="132">
        <v>81</v>
      </c>
      <c r="F30" s="133">
        <v>0</v>
      </c>
      <c r="G30" s="131">
        <v>101</v>
      </c>
      <c r="H30" s="131">
        <v>122</v>
      </c>
      <c r="I30" s="131">
        <v>78</v>
      </c>
      <c r="J30" s="131">
        <v>56</v>
      </c>
      <c r="K30" s="131">
        <v>29</v>
      </c>
      <c r="L30" s="132">
        <v>386</v>
      </c>
      <c r="M30" s="134">
        <v>467</v>
      </c>
      <c r="N30" s="135">
        <v>1</v>
      </c>
      <c r="O30" s="131">
        <v>2</v>
      </c>
      <c r="P30" s="132">
        <v>3</v>
      </c>
      <c r="Q30" s="133">
        <v>0</v>
      </c>
      <c r="R30" s="131">
        <v>2</v>
      </c>
      <c r="S30" s="131">
        <v>2</v>
      </c>
      <c r="T30" s="131">
        <v>4</v>
      </c>
      <c r="U30" s="131">
        <v>1</v>
      </c>
      <c r="V30" s="131">
        <v>2</v>
      </c>
      <c r="W30" s="132">
        <v>11</v>
      </c>
      <c r="X30" s="134">
        <v>14</v>
      </c>
      <c r="Y30" s="130">
        <v>42</v>
      </c>
      <c r="Z30" s="131">
        <v>42</v>
      </c>
      <c r="AA30" s="132">
        <v>84</v>
      </c>
      <c r="AB30" s="133">
        <v>0</v>
      </c>
      <c r="AC30" s="131">
        <v>103</v>
      </c>
      <c r="AD30" s="131">
        <v>124</v>
      </c>
      <c r="AE30" s="131">
        <v>82</v>
      </c>
      <c r="AF30" s="131">
        <v>57</v>
      </c>
      <c r="AG30" s="131">
        <v>31</v>
      </c>
      <c r="AH30" s="132">
        <v>397</v>
      </c>
      <c r="AI30" s="134">
        <v>481</v>
      </c>
    </row>
    <row r="31" spans="2:35" ht="21" customHeight="1" x14ac:dyDescent="0.2">
      <c r="B31" s="106" t="s">
        <v>30</v>
      </c>
      <c r="C31" s="130">
        <v>43</v>
      </c>
      <c r="D31" s="131">
        <v>29</v>
      </c>
      <c r="E31" s="132">
        <v>72</v>
      </c>
      <c r="F31" s="133">
        <v>0</v>
      </c>
      <c r="G31" s="131">
        <v>115</v>
      </c>
      <c r="H31" s="131">
        <v>73</v>
      </c>
      <c r="I31" s="131">
        <v>58</v>
      </c>
      <c r="J31" s="131">
        <v>37</v>
      </c>
      <c r="K31" s="131">
        <v>16</v>
      </c>
      <c r="L31" s="132">
        <v>299</v>
      </c>
      <c r="M31" s="134">
        <v>371</v>
      </c>
      <c r="N31" s="135">
        <v>0</v>
      </c>
      <c r="O31" s="131">
        <v>1</v>
      </c>
      <c r="P31" s="132">
        <v>1</v>
      </c>
      <c r="Q31" s="133">
        <v>0</v>
      </c>
      <c r="R31" s="131">
        <v>2</v>
      </c>
      <c r="S31" s="131">
        <v>4</v>
      </c>
      <c r="T31" s="131">
        <v>2</v>
      </c>
      <c r="U31" s="131">
        <v>2</v>
      </c>
      <c r="V31" s="131">
        <v>0</v>
      </c>
      <c r="W31" s="132">
        <v>10</v>
      </c>
      <c r="X31" s="134">
        <v>11</v>
      </c>
      <c r="Y31" s="130">
        <v>43</v>
      </c>
      <c r="Z31" s="131">
        <v>30</v>
      </c>
      <c r="AA31" s="132">
        <v>73</v>
      </c>
      <c r="AB31" s="133">
        <v>0</v>
      </c>
      <c r="AC31" s="131">
        <v>117</v>
      </c>
      <c r="AD31" s="131">
        <v>77</v>
      </c>
      <c r="AE31" s="131">
        <v>60</v>
      </c>
      <c r="AF31" s="131">
        <v>39</v>
      </c>
      <c r="AG31" s="131">
        <v>16</v>
      </c>
      <c r="AH31" s="132">
        <v>309</v>
      </c>
      <c r="AI31" s="134">
        <v>382</v>
      </c>
    </row>
    <row r="32" spans="2:35" ht="21" customHeight="1" x14ac:dyDescent="0.2">
      <c r="B32" s="106" t="s">
        <v>31</v>
      </c>
      <c r="C32" s="130">
        <v>30</v>
      </c>
      <c r="D32" s="131">
        <v>67</v>
      </c>
      <c r="E32" s="132">
        <v>97</v>
      </c>
      <c r="F32" s="133">
        <v>0</v>
      </c>
      <c r="G32" s="131">
        <v>108</v>
      </c>
      <c r="H32" s="131">
        <v>98</v>
      </c>
      <c r="I32" s="131">
        <v>59</v>
      </c>
      <c r="J32" s="131">
        <v>34</v>
      </c>
      <c r="K32" s="131">
        <v>15</v>
      </c>
      <c r="L32" s="132">
        <v>314</v>
      </c>
      <c r="M32" s="134">
        <v>411</v>
      </c>
      <c r="N32" s="135">
        <v>0</v>
      </c>
      <c r="O32" s="131">
        <v>3</v>
      </c>
      <c r="P32" s="132">
        <v>3</v>
      </c>
      <c r="Q32" s="133">
        <v>0</v>
      </c>
      <c r="R32" s="131">
        <v>2</v>
      </c>
      <c r="S32" s="131">
        <v>0</v>
      </c>
      <c r="T32" s="131">
        <v>0</v>
      </c>
      <c r="U32" s="131">
        <v>2</v>
      </c>
      <c r="V32" s="131">
        <v>1</v>
      </c>
      <c r="W32" s="132">
        <v>5</v>
      </c>
      <c r="X32" s="134">
        <v>8</v>
      </c>
      <c r="Y32" s="130">
        <v>30</v>
      </c>
      <c r="Z32" s="131">
        <v>70</v>
      </c>
      <c r="AA32" s="132">
        <v>100</v>
      </c>
      <c r="AB32" s="133">
        <v>0</v>
      </c>
      <c r="AC32" s="131">
        <v>110</v>
      </c>
      <c r="AD32" s="131">
        <v>98</v>
      </c>
      <c r="AE32" s="131">
        <v>59</v>
      </c>
      <c r="AF32" s="131">
        <v>36</v>
      </c>
      <c r="AG32" s="131">
        <v>16</v>
      </c>
      <c r="AH32" s="132">
        <v>319</v>
      </c>
      <c r="AI32" s="134">
        <v>419</v>
      </c>
    </row>
    <row r="33" spans="2:35" ht="21" customHeight="1" x14ac:dyDescent="0.2">
      <c r="B33" s="106" t="s">
        <v>32</v>
      </c>
      <c r="C33" s="130">
        <v>39</v>
      </c>
      <c r="D33" s="131">
        <v>68</v>
      </c>
      <c r="E33" s="132">
        <v>107</v>
      </c>
      <c r="F33" s="133">
        <v>0</v>
      </c>
      <c r="G33" s="131">
        <v>151</v>
      </c>
      <c r="H33" s="131">
        <v>129</v>
      </c>
      <c r="I33" s="131">
        <v>59</v>
      </c>
      <c r="J33" s="131">
        <v>58</v>
      </c>
      <c r="K33" s="131">
        <v>33</v>
      </c>
      <c r="L33" s="132">
        <v>430</v>
      </c>
      <c r="M33" s="134">
        <v>537</v>
      </c>
      <c r="N33" s="135">
        <v>0</v>
      </c>
      <c r="O33" s="131">
        <v>2</v>
      </c>
      <c r="P33" s="132">
        <v>2</v>
      </c>
      <c r="Q33" s="133">
        <v>0</v>
      </c>
      <c r="R33" s="131">
        <v>4</v>
      </c>
      <c r="S33" s="131">
        <v>4</v>
      </c>
      <c r="T33" s="131">
        <v>1</v>
      </c>
      <c r="U33" s="131">
        <v>1</v>
      </c>
      <c r="V33" s="131">
        <v>2</v>
      </c>
      <c r="W33" s="132">
        <v>12</v>
      </c>
      <c r="X33" s="134">
        <v>14</v>
      </c>
      <c r="Y33" s="130">
        <v>39</v>
      </c>
      <c r="Z33" s="131">
        <v>70</v>
      </c>
      <c r="AA33" s="132">
        <v>109</v>
      </c>
      <c r="AB33" s="133">
        <v>0</v>
      </c>
      <c r="AC33" s="131">
        <v>155</v>
      </c>
      <c r="AD33" s="131">
        <v>133</v>
      </c>
      <c r="AE33" s="131">
        <v>60</v>
      </c>
      <c r="AF33" s="131">
        <v>59</v>
      </c>
      <c r="AG33" s="131">
        <v>35</v>
      </c>
      <c r="AH33" s="132">
        <v>442</v>
      </c>
      <c r="AI33" s="134">
        <v>551</v>
      </c>
    </row>
    <row r="34" spans="2:35" ht="21" customHeight="1" x14ac:dyDescent="0.2">
      <c r="B34" s="106" t="s">
        <v>33</v>
      </c>
      <c r="C34" s="130">
        <v>31</v>
      </c>
      <c r="D34" s="131">
        <v>53</v>
      </c>
      <c r="E34" s="132">
        <v>84</v>
      </c>
      <c r="F34" s="133">
        <v>0</v>
      </c>
      <c r="G34" s="131">
        <v>150</v>
      </c>
      <c r="H34" s="131">
        <v>85</v>
      </c>
      <c r="I34" s="131">
        <v>59</v>
      </c>
      <c r="J34" s="131">
        <v>25</v>
      </c>
      <c r="K34" s="131">
        <v>24</v>
      </c>
      <c r="L34" s="132">
        <v>343</v>
      </c>
      <c r="M34" s="134">
        <v>427</v>
      </c>
      <c r="N34" s="135">
        <v>0</v>
      </c>
      <c r="O34" s="131">
        <v>0</v>
      </c>
      <c r="P34" s="132">
        <v>0</v>
      </c>
      <c r="Q34" s="133">
        <v>0</v>
      </c>
      <c r="R34" s="131">
        <v>1</v>
      </c>
      <c r="S34" s="131">
        <v>1</v>
      </c>
      <c r="T34" s="131">
        <v>0</v>
      </c>
      <c r="U34" s="131">
        <v>0</v>
      </c>
      <c r="V34" s="131">
        <v>1</v>
      </c>
      <c r="W34" s="132">
        <v>3</v>
      </c>
      <c r="X34" s="134">
        <v>3</v>
      </c>
      <c r="Y34" s="130">
        <v>31</v>
      </c>
      <c r="Z34" s="131">
        <v>53</v>
      </c>
      <c r="AA34" s="132">
        <v>84</v>
      </c>
      <c r="AB34" s="133">
        <v>0</v>
      </c>
      <c r="AC34" s="131">
        <v>151</v>
      </c>
      <c r="AD34" s="131">
        <v>86</v>
      </c>
      <c r="AE34" s="131">
        <v>59</v>
      </c>
      <c r="AF34" s="131">
        <v>25</v>
      </c>
      <c r="AG34" s="131">
        <v>25</v>
      </c>
      <c r="AH34" s="132">
        <v>346</v>
      </c>
      <c r="AI34" s="134">
        <v>430</v>
      </c>
    </row>
    <row r="35" spans="2:35" ht="21" customHeight="1" x14ac:dyDescent="0.2">
      <c r="B35" s="106" t="s">
        <v>34</v>
      </c>
      <c r="C35" s="130">
        <v>26</v>
      </c>
      <c r="D35" s="131">
        <v>33</v>
      </c>
      <c r="E35" s="132">
        <v>59</v>
      </c>
      <c r="F35" s="133">
        <v>0</v>
      </c>
      <c r="G35" s="131">
        <v>128</v>
      </c>
      <c r="H35" s="131">
        <v>66</v>
      </c>
      <c r="I35" s="131">
        <v>31</v>
      </c>
      <c r="J35" s="131">
        <v>36</v>
      </c>
      <c r="K35" s="131">
        <v>19</v>
      </c>
      <c r="L35" s="132">
        <v>280</v>
      </c>
      <c r="M35" s="134">
        <v>339</v>
      </c>
      <c r="N35" s="135">
        <v>0</v>
      </c>
      <c r="O35" s="131">
        <v>0</v>
      </c>
      <c r="P35" s="132">
        <v>0</v>
      </c>
      <c r="Q35" s="133">
        <v>0</v>
      </c>
      <c r="R35" s="131">
        <v>2</v>
      </c>
      <c r="S35" s="131">
        <v>1</v>
      </c>
      <c r="T35" s="131">
        <v>1</v>
      </c>
      <c r="U35" s="131">
        <v>1</v>
      </c>
      <c r="V35" s="131">
        <v>1</v>
      </c>
      <c r="W35" s="132">
        <v>6</v>
      </c>
      <c r="X35" s="134">
        <v>6</v>
      </c>
      <c r="Y35" s="130">
        <v>26</v>
      </c>
      <c r="Z35" s="131">
        <v>33</v>
      </c>
      <c r="AA35" s="132">
        <v>59</v>
      </c>
      <c r="AB35" s="133">
        <v>0</v>
      </c>
      <c r="AC35" s="131">
        <v>130</v>
      </c>
      <c r="AD35" s="131">
        <v>67</v>
      </c>
      <c r="AE35" s="131">
        <v>32</v>
      </c>
      <c r="AF35" s="131">
        <v>37</v>
      </c>
      <c r="AG35" s="131">
        <v>20</v>
      </c>
      <c r="AH35" s="132">
        <v>286</v>
      </c>
      <c r="AI35" s="134">
        <v>345</v>
      </c>
    </row>
    <row r="36" spans="2:35" ht="21" customHeight="1" x14ac:dyDescent="0.2">
      <c r="B36" s="106" t="s">
        <v>35</v>
      </c>
      <c r="C36" s="130">
        <v>97</v>
      </c>
      <c r="D36" s="131">
        <v>145</v>
      </c>
      <c r="E36" s="132">
        <v>242</v>
      </c>
      <c r="F36" s="133">
        <v>0</v>
      </c>
      <c r="G36" s="131">
        <v>378</v>
      </c>
      <c r="H36" s="131">
        <v>200</v>
      </c>
      <c r="I36" s="131">
        <v>142</v>
      </c>
      <c r="J36" s="131">
        <v>119</v>
      </c>
      <c r="K36" s="131">
        <v>70</v>
      </c>
      <c r="L36" s="132">
        <v>909</v>
      </c>
      <c r="M36" s="134">
        <v>1151</v>
      </c>
      <c r="N36" s="135">
        <v>0</v>
      </c>
      <c r="O36" s="131">
        <v>3</v>
      </c>
      <c r="P36" s="132">
        <v>3</v>
      </c>
      <c r="Q36" s="133">
        <v>0</v>
      </c>
      <c r="R36" s="131">
        <v>5</v>
      </c>
      <c r="S36" s="131">
        <v>4</v>
      </c>
      <c r="T36" s="131">
        <v>1</v>
      </c>
      <c r="U36" s="131">
        <v>4</v>
      </c>
      <c r="V36" s="131">
        <v>1</v>
      </c>
      <c r="W36" s="132">
        <v>15</v>
      </c>
      <c r="X36" s="134">
        <v>18</v>
      </c>
      <c r="Y36" s="130">
        <v>97</v>
      </c>
      <c r="Z36" s="131">
        <v>148</v>
      </c>
      <c r="AA36" s="132">
        <v>245</v>
      </c>
      <c r="AB36" s="133">
        <v>0</v>
      </c>
      <c r="AC36" s="131">
        <v>383</v>
      </c>
      <c r="AD36" s="131">
        <v>204</v>
      </c>
      <c r="AE36" s="131">
        <v>143</v>
      </c>
      <c r="AF36" s="131">
        <v>123</v>
      </c>
      <c r="AG36" s="131">
        <v>71</v>
      </c>
      <c r="AH36" s="132">
        <v>924</v>
      </c>
      <c r="AI36" s="134">
        <v>1169</v>
      </c>
    </row>
    <row r="37" spans="2:35" ht="21" customHeight="1" x14ac:dyDescent="0.2">
      <c r="B37" s="106" t="s">
        <v>36</v>
      </c>
      <c r="C37" s="130">
        <v>48</v>
      </c>
      <c r="D37" s="131">
        <v>147</v>
      </c>
      <c r="E37" s="132">
        <v>195</v>
      </c>
      <c r="F37" s="133">
        <v>0</v>
      </c>
      <c r="G37" s="131">
        <v>284</v>
      </c>
      <c r="H37" s="131">
        <v>300</v>
      </c>
      <c r="I37" s="131">
        <v>172</v>
      </c>
      <c r="J37" s="131">
        <v>104</v>
      </c>
      <c r="K37" s="131">
        <v>80</v>
      </c>
      <c r="L37" s="132">
        <v>940</v>
      </c>
      <c r="M37" s="134">
        <v>1135</v>
      </c>
      <c r="N37" s="135">
        <v>1</v>
      </c>
      <c r="O37" s="131">
        <v>5</v>
      </c>
      <c r="P37" s="132">
        <v>6</v>
      </c>
      <c r="Q37" s="133">
        <v>0</v>
      </c>
      <c r="R37" s="131">
        <v>5</v>
      </c>
      <c r="S37" s="131">
        <v>5</v>
      </c>
      <c r="T37" s="131">
        <v>10</v>
      </c>
      <c r="U37" s="131">
        <v>5</v>
      </c>
      <c r="V37" s="131">
        <v>4</v>
      </c>
      <c r="W37" s="132">
        <v>29</v>
      </c>
      <c r="X37" s="134">
        <v>35</v>
      </c>
      <c r="Y37" s="130">
        <v>49</v>
      </c>
      <c r="Z37" s="131">
        <v>152</v>
      </c>
      <c r="AA37" s="132">
        <v>201</v>
      </c>
      <c r="AB37" s="133">
        <v>0</v>
      </c>
      <c r="AC37" s="131">
        <v>289</v>
      </c>
      <c r="AD37" s="131">
        <v>305</v>
      </c>
      <c r="AE37" s="131">
        <v>182</v>
      </c>
      <c r="AF37" s="131">
        <v>109</v>
      </c>
      <c r="AG37" s="131">
        <v>84</v>
      </c>
      <c r="AH37" s="132">
        <v>969</v>
      </c>
      <c r="AI37" s="134">
        <v>1170</v>
      </c>
    </row>
    <row r="38" spans="2:35" ht="21" customHeight="1" thickBot="1" x14ac:dyDescent="0.25">
      <c r="B38" s="108" t="s">
        <v>37</v>
      </c>
      <c r="C38" s="136">
        <v>11</v>
      </c>
      <c r="D38" s="137">
        <v>4</v>
      </c>
      <c r="E38" s="138">
        <v>15</v>
      </c>
      <c r="F38" s="139">
        <v>0</v>
      </c>
      <c r="G38" s="137">
        <v>27</v>
      </c>
      <c r="H38" s="137">
        <v>25</v>
      </c>
      <c r="I38" s="137">
        <v>22</v>
      </c>
      <c r="J38" s="137">
        <v>12</v>
      </c>
      <c r="K38" s="137">
        <v>6</v>
      </c>
      <c r="L38" s="138">
        <v>92</v>
      </c>
      <c r="M38" s="140">
        <v>107</v>
      </c>
      <c r="N38" s="141">
        <v>0</v>
      </c>
      <c r="O38" s="137">
        <v>0</v>
      </c>
      <c r="P38" s="138">
        <v>0</v>
      </c>
      <c r="Q38" s="139">
        <v>0</v>
      </c>
      <c r="R38" s="137">
        <v>0</v>
      </c>
      <c r="S38" s="137">
        <v>2</v>
      </c>
      <c r="T38" s="137">
        <v>0</v>
      </c>
      <c r="U38" s="137">
        <v>1</v>
      </c>
      <c r="V38" s="137">
        <v>0</v>
      </c>
      <c r="W38" s="138">
        <v>3</v>
      </c>
      <c r="X38" s="140">
        <v>3</v>
      </c>
      <c r="Y38" s="136">
        <v>11</v>
      </c>
      <c r="Z38" s="137">
        <v>4</v>
      </c>
      <c r="AA38" s="138">
        <v>15</v>
      </c>
      <c r="AB38" s="139">
        <v>0</v>
      </c>
      <c r="AC38" s="137">
        <v>27</v>
      </c>
      <c r="AD38" s="137">
        <v>27</v>
      </c>
      <c r="AE38" s="137">
        <v>22</v>
      </c>
      <c r="AF38" s="137">
        <v>13</v>
      </c>
      <c r="AG38" s="137">
        <v>6</v>
      </c>
      <c r="AH38" s="138">
        <v>95</v>
      </c>
      <c r="AI38" s="140">
        <v>110</v>
      </c>
    </row>
    <row r="39" spans="2:35" x14ac:dyDescent="0.2">
      <c r="AA39" s="11"/>
      <c r="AB39" s="11"/>
      <c r="AC39" s="11"/>
      <c r="AD39" s="11"/>
      <c r="AE39" s="11"/>
      <c r="AF39" s="11"/>
      <c r="AG39" s="11"/>
      <c r="AH39" s="11"/>
      <c r="AI39" s="11"/>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48"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43" customWidth="1"/>
    <col min="2" max="2" width="9.77734375" style="143" customWidth="1"/>
    <col min="3" max="4" width="9" style="143"/>
    <col min="5" max="5" width="10.33203125" style="143" customWidth="1"/>
    <col min="6" max="6" width="7.6640625" style="143" customWidth="1"/>
    <col min="7" max="7" width="10.21875" style="143" customWidth="1"/>
    <col min="8" max="8" width="10.44140625" style="143" customWidth="1"/>
    <col min="9" max="16" width="9" style="143"/>
    <col min="17" max="17" width="7.21875" style="143" customWidth="1"/>
    <col min="18" max="27" width="9" style="143"/>
    <col min="28" max="28" width="7.6640625" style="143" customWidth="1"/>
    <col min="29" max="38" width="9" style="143"/>
    <col min="39" max="39" width="7.6640625" style="143" customWidth="1"/>
    <col min="40" max="49" width="9" style="143"/>
    <col min="50" max="50" width="7.21875" style="143" customWidth="1"/>
    <col min="51" max="60" width="9" style="143"/>
    <col min="61" max="61" width="7.21875" style="143" customWidth="1"/>
    <col min="62" max="71" width="9" style="143"/>
    <col min="72" max="72" width="7.33203125" style="143" customWidth="1"/>
    <col min="73" max="82" width="9" style="143"/>
    <col min="83" max="83" width="7.44140625" style="143" customWidth="1"/>
    <col min="84" max="93" width="9" style="143"/>
    <col min="94" max="94" width="7.6640625" style="143" customWidth="1"/>
    <col min="95" max="104" width="9" style="143"/>
    <col min="105" max="105" width="7.44140625" style="143" customWidth="1"/>
    <col min="106" max="115" width="9" style="143"/>
    <col min="116" max="116" width="7.44140625" style="143" customWidth="1"/>
    <col min="117" max="126" width="9" style="143"/>
    <col min="127" max="127" width="7.44140625" style="143" customWidth="1"/>
    <col min="128" max="137" width="9" style="143"/>
    <col min="138" max="138" width="7.33203125" style="143" customWidth="1"/>
    <col min="139" max="148" width="9" style="143"/>
    <col min="149" max="149" width="7.77734375" style="143" customWidth="1"/>
    <col min="150" max="16384" width="9" style="143"/>
  </cols>
  <sheetData>
    <row r="1" spans="2:156" ht="24" customHeight="1" x14ac:dyDescent="0.2">
      <c r="B1" s="142" t="s">
        <v>120</v>
      </c>
      <c r="I1" s="442">
        <f>第１表!F2</f>
        <v>6</v>
      </c>
      <c r="J1" s="442"/>
      <c r="K1" s="18">
        <f>第１表!G2</f>
        <v>10</v>
      </c>
      <c r="L1" s="459">
        <f>IF(K1&lt;3,K1+12-2,K1-2)</f>
        <v>8</v>
      </c>
      <c r="M1" s="459"/>
    </row>
    <row r="2" spans="2:156" ht="24" customHeight="1" thickBot="1" x14ac:dyDescent="0.25">
      <c r="B2" s="142" t="s">
        <v>135</v>
      </c>
      <c r="G2" s="17"/>
      <c r="H2" s="18"/>
      <c r="J2" s="68"/>
      <c r="K2" s="68"/>
    </row>
    <row r="3" spans="2:156" ht="21" customHeight="1" thickBot="1" x14ac:dyDescent="0.25">
      <c r="B3" s="460"/>
      <c r="C3" s="450" t="s">
        <v>70</v>
      </c>
      <c r="D3" s="451"/>
      <c r="E3" s="451"/>
      <c r="F3" s="451"/>
      <c r="G3" s="451"/>
      <c r="H3" s="451"/>
      <c r="I3" s="451"/>
      <c r="J3" s="451"/>
      <c r="K3" s="451"/>
      <c r="L3" s="451"/>
      <c r="M3" s="452"/>
      <c r="N3" s="450" t="s">
        <v>71</v>
      </c>
      <c r="O3" s="451"/>
      <c r="P3" s="451"/>
      <c r="Q3" s="451"/>
      <c r="R3" s="451"/>
      <c r="S3" s="451"/>
      <c r="T3" s="451"/>
      <c r="U3" s="451"/>
      <c r="V3" s="451"/>
      <c r="W3" s="451"/>
      <c r="X3" s="452"/>
      <c r="Y3" s="450" t="s">
        <v>72</v>
      </c>
      <c r="Z3" s="451"/>
      <c r="AA3" s="451"/>
      <c r="AB3" s="451"/>
      <c r="AC3" s="451"/>
      <c r="AD3" s="451"/>
      <c r="AE3" s="451"/>
      <c r="AF3" s="451"/>
      <c r="AG3" s="451"/>
      <c r="AH3" s="451"/>
      <c r="AI3" s="452"/>
      <c r="AJ3" s="450" t="s">
        <v>73</v>
      </c>
      <c r="AK3" s="451"/>
      <c r="AL3" s="451"/>
      <c r="AM3" s="451"/>
      <c r="AN3" s="451"/>
      <c r="AO3" s="451"/>
      <c r="AP3" s="451"/>
      <c r="AQ3" s="451"/>
      <c r="AR3" s="451"/>
      <c r="AS3" s="451"/>
      <c r="AT3" s="452"/>
      <c r="AU3" s="450" t="s">
        <v>74</v>
      </c>
      <c r="AV3" s="451"/>
      <c r="AW3" s="451"/>
      <c r="AX3" s="451"/>
      <c r="AY3" s="451"/>
      <c r="AZ3" s="451"/>
      <c r="BA3" s="451"/>
      <c r="BB3" s="451"/>
      <c r="BC3" s="451"/>
      <c r="BD3" s="451"/>
      <c r="BE3" s="452"/>
      <c r="BF3" s="450" t="s">
        <v>75</v>
      </c>
      <c r="BG3" s="451"/>
      <c r="BH3" s="451"/>
      <c r="BI3" s="451"/>
      <c r="BJ3" s="451"/>
      <c r="BK3" s="451"/>
      <c r="BL3" s="451"/>
      <c r="BM3" s="451"/>
      <c r="BN3" s="451"/>
      <c r="BO3" s="451"/>
      <c r="BP3" s="452"/>
      <c r="BQ3" s="450" t="s">
        <v>76</v>
      </c>
      <c r="BR3" s="451"/>
      <c r="BS3" s="451"/>
      <c r="BT3" s="451"/>
      <c r="BU3" s="451"/>
      <c r="BV3" s="451"/>
      <c r="BW3" s="451"/>
      <c r="BX3" s="451"/>
      <c r="BY3" s="451"/>
      <c r="BZ3" s="451"/>
      <c r="CA3" s="452"/>
      <c r="CB3" s="450" t="s">
        <v>77</v>
      </c>
      <c r="CC3" s="451"/>
      <c r="CD3" s="451"/>
      <c r="CE3" s="451"/>
      <c r="CF3" s="451"/>
      <c r="CG3" s="451"/>
      <c r="CH3" s="451"/>
      <c r="CI3" s="451"/>
      <c r="CJ3" s="451"/>
      <c r="CK3" s="451"/>
      <c r="CL3" s="452"/>
      <c r="CM3" s="450" t="s">
        <v>78</v>
      </c>
      <c r="CN3" s="451"/>
      <c r="CO3" s="451"/>
      <c r="CP3" s="451"/>
      <c r="CQ3" s="451"/>
      <c r="CR3" s="451"/>
      <c r="CS3" s="451"/>
      <c r="CT3" s="451"/>
      <c r="CU3" s="451"/>
      <c r="CV3" s="451"/>
      <c r="CW3" s="452"/>
      <c r="CX3" s="450" t="s">
        <v>79</v>
      </c>
      <c r="CY3" s="451"/>
      <c r="CZ3" s="451"/>
      <c r="DA3" s="451"/>
      <c r="DB3" s="451"/>
      <c r="DC3" s="451"/>
      <c r="DD3" s="451"/>
      <c r="DE3" s="451"/>
      <c r="DF3" s="451"/>
      <c r="DG3" s="451"/>
      <c r="DH3" s="452"/>
      <c r="DI3" s="450" t="s">
        <v>149</v>
      </c>
      <c r="DJ3" s="451"/>
      <c r="DK3" s="451"/>
      <c r="DL3" s="451"/>
      <c r="DM3" s="451"/>
      <c r="DN3" s="451"/>
      <c r="DO3" s="451"/>
      <c r="DP3" s="451"/>
      <c r="DQ3" s="451"/>
      <c r="DR3" s="451"/>
      <c r="DS3" s="452"/>
      <c r="DT3" s="450" t="s">
        <v>80</v>
      </c>
      <c r="DU3" s="451"/>
      <c r="DV3" s="451"/>
      <c r="DW3" s="451"/>
      <c r="DX3" s="451"/>
      <c r="DY3" s="451"/>
      <c r="DZ3" s="451"/>
      <c r="EA3" s="451"/>
      <c r="EB3" s="451"/>
      <c r="EC3" s="451"/>
      <c r="ED3" s="452"/>
      <c r="EE3" s="450" t="s">
        <v>68</v>
      </c>
      <c r="EF3" s="451"/>
      <c r="EG3" s="451"/>
      <c r="EH3" s="451"/>
      <c r="EI3" s="451"/>
      <c r="EJ3" s="451"/>
      <c r="EK3" s="451"/>
      <c r="EL3" s="451"/>
      <c r="EM3" s="451"/>
      <c r="EN3" s="451"/>
      <c r="EO3" s="452"/>
      <c r="EP3" s="447" t="s">
        <v>69</v>
      </c>
      <c r="EQ3" s="448"/>
      <c r="ER3" s="448"/>
      <c r="ES3" s="448"/>
      <c r="ET3" s="448"/>
      <c r="EU3" s="448"/>
      <c r="EV3" s="448"/>
      <c r="EW3" s="448"/>
      <c r="EX3" s="448"/>
      <c r="EY3" s="448"/>
      <c r="EZ3" s="449"/>
    </row>
    <row r="4" spans="2:156" ht="21" customHeight="1" x14ac:dyDescent="0.2">
      <c r="B4" s="461"/>
      <c r="C4" s="458" t="s">
        <v>61</v>
      </c>
      <c r="D4" s="454"/>
      <c r="E4" s="455"/>
      <c r="F4" s="453" t="s">
        <v>62</v>
      </c>
      <c r="G4" s="454"/>
      <c r="H4" s="454"/>
      <c r="I4" s="454"/>
      <c r="J4" s="454"/>
      <c r="K4" s="454"/>
      <c r="L4" s="463"/>
      <c r="M4" s="456" t="s">
        <v>52</v>
      </c>
      <c r="N4" s="458" t="s">
        <v>61</v>
      </c>
      <c r="O4" s="454"/>
      <c r="P4" s="455"/>
      <c r="Q4" s="453" t="s">
        <v>62</v>
      </c>
      <c r="R4" s="454"/>
      <c r="S4" s="454"/>
      <c r="T4" s="454"/>
      <c r="U4" s="454"/>
      <c r="V4" s="454"/>
      <c r="W4" s="455"/>
      <c r="X4" s="456" t="s">
        <v>52</v>
      </c>
      <c r="Y4" s="458" t="s">
        <v>61</v>
      </c>
      <c r="Z4" s="454"/>
      <c r="AA4" s="455"/>
      <c r="AB4" s="453" t="s">
        <v>62</v>
      </c>
      <c r="AC4" s="454"/>
      <c r="AD4" s="454"/>
      <c r="AE4" s="454"/>
      <c r="AF4" s="454"/>
      <c r="AG4" s="454"/>
      <c r="AH4" s="455"/>
      <c r="AI4" s="456" t="s">
        <v>52</v>
      </c>
      <c r="AJ4" s="458" t="s">
        <v>61</v>
      </c>
      <c r="AK4" s="454"/>
      <c r="AL4" s="455"/>
      <c r="AM4" s="453" t="s">
        <v>62</v>
      </c>
      <c r="AN4" s="454"/>
      <c r="AO4" s="454"/>
      <c r="AP4" s="454"/>
      <c r="AQ4" s="454"/>
      <c r="AR4" s="454"/>
      <c r="AS4" s="455"/>
      <c r="AT4" s="456" t="s">
        <v>52</v>
      </c>
      <c r="AU4" s="458" t="s">
        <v>61</v>
      </c>
      <c r="AV4" s="454"/>
      <c r="AW4" s="455"/>
      <c r="AX4" s="453" t="s">
        <v>62</v>
      </c>
      <c r="AY4" s="454"/>
      <c r="AZ4" s="454"/>
      <c r="BA4" s="454"/>
      <c r="BB4" s="454"/>
      <c r="BC4" s="454"/>
      <c r="BD4" s="463"/>
      <c r="BE4" s="456" t="s">
        <v>52</v>
      </c>
      <c r="BF4" s="458" t="s">
        <v>61</v>
      </c>
      <c r="BG4" s="454"/>
      <c r="BH4" s="455"/>
      <c r="BI4" s="453" t="s">
        <v>62</v>
      </c>
      <c r="BJ4" s="454"/>
      <c r="BK4" s="454"/>
      <c r="BL4" s="454"/>
      <c r="BM4" s="454"/>
      <c r="BN4" s="454"/>
      <c r="BO4" s="455"/>
      <c r="BP4" s="456" t="s">
        <v>52</v>
      </c>
      <c r="BQ4" s="458" t="s">
        <v>61</v>
      </c>
      <c r="BR4" s="454"/>
      <c r="BS4" s="455"/>
      <c r="BT4" s="453" t="s">
        <v>62</v>
      </c>
      <c r="BU4" s="454"/>
      <c r="BV4" s="454"/>
      <c r="BW4" s="454"/>
      <c r="BX4" s="454"/>
      <c r="BY4" s="454"/>
      <c r="BZ4" s="455"/>
      <c r="CA4" s="456" t="s">
        <v>52</v>
      </c>
      <c r="CB4" s="458" t="s">
        <v>61</v>
      </c>
      <c r="CC4" s="454"/>
      <c r="CD4" s="455"/>
      <c r="CE4" s="453" t="s">
        <v>62</v>
      </c>
      <c r="CF4" s="454"/>
      <c r="CG4" s="454"/>
      <c r="CH4" s="454"/>
      <c r="CI4" s="454"/>
      <c r="CJ4" s="454"/>
      <c r="CK4" s="455"/>
      <c r="CL4" s="456" t="s">
        <v>52</v>
      </c>
      <c r="CM4" s="458" t="s">
        <v>61</v>
      </c>
      <c r="CN4" s="454"/>
      <c r="CO4" s="455"/>
      <c r="CP4" s="453" t="s">
        <v>62</v>
      </c>
      <c r="CQ4" s="454"/>
      <c r="CR4" s="454"/>
      <c r="CS4" s="454"/>
      <c r="CT4" s="454"/>
      <c r="CU4" s="454"/>
      <c r="CV4" s="455"/>
      <c r="CW4" s="456" t="s">
        <v>52</v>
      </c>
      <c r="CX4" s="458" t="s">
        <v>61</v>
      </c>
      <c r="CY4" s="454"/>
      <c r="CZ4" s="455"/>
      <c r="DA4" s="453" t="s">
        <v>62</v>
      </c>
      <c r="DB4" s="454"/>
      <c r="DC4" s="454"/>
      <c r="DD4" s="454"/>
      <c r="DE4" s="454"/>
      <c r="DF4" s="454"/>
      <c r="DG4" s="455"/>
      <c r="DH4" s="456" t="s">
        <v>52</v>
      </c>
      <c r="DI4" s="458" t="s">
        <v>61</v>
      </c>
      <c r="DJ4" s="454"/>
      <c r="DK4" s="455"/>
      <c r="DL4" s="453" t="s">
        <v>62</v>
      </c>
      <c r="DM4" s="454"/>
      <c r="DN4" s="454"/>
      <c r="DO4" s="454"/>
      <c r="DP4" s="454"/>
      <c r="DQ4" s="454"/>
      <c r="DR4" s="455"/>
      <c r="DS4" s="456" t="s">
        <v>52</v>
      </c>
      <c r="DT4" s="458" t="s">
        <v>61</v>
      </c>
      <c r="DU4" s="454"/>
      <c r="DV4" s="455"/>
      <c r="DW4" s="453" t="s">
        <v>62</v>
      </c>
      <c r="DX4" s="454"/>
      <c r="DY4" s="454"/>
      <c r="DZ4" s="454"/>
      <c r="EA4" s="454"/>
      <c r="EB4" s="454"/>
      <c r="EC4" s="455"/>
      <c r="ED4" s="456" t="s">
        <v>52</v>
      </c>
      <c r="EE4" s="458" t="s">
        <v>61</v>
      </c>
      <c r="EF4" s="454"/>
      <c r="EG4" s="455"/>
      <c r="EH4" s="453" t="s">
        <v>62</v>
      </c>
      <c r="EI4" s="454"/>
      <c r="EJ4" s="454"/>
      <c r="EK4" s="454"/>
      <c r="EL4" s="454"/>
      <c r="EM4" s="454"/>
      <c r="EN4" s="455"/>
      <c r="EO4" s="456" t="s">
        <v>52</v>
      </c>
      <c r="EP4" s="458" t="s">
        <v>61</v>
      </c>
      <c r="EQ4" s="454"/>
      <c r="ER4" s="455"/>
      <c r="ES4" s="453" t="s">
        <v>62</v>
      </c>
      <c r="ET4" s="454"/>
      <c r="EU4" s="454"/>
      <c r="EV4" s="454"/>
      <c r="EW4" s="454"/>
      <c r="EX4" s="454"/>
      <c r="EY4" s="455"/>
      <c r="EZ4" s="456" t="s">
        <v>52</v>
      </c>
    </row>
    <row r="5" spans="2:156" ht="30" customHeight="1" thickBot="1" x14ac:dyDescent="0.25">
      <c r="B5" s="462"/>
      <c r="C5" s="144" t="s">
        <v>43</v>
      </c>
      <c r="D5" s="145" t="s">
        <v>44</v>
      </c>
      <c r="E5" s="146" t="s">
        <v>45</v>
      </c>
      <c r="F5" s="147" t="s">
        <v>83</v>
      </c>
      <c r="G5" s="145" t="s">
        <v>47</v>
      </c>
      <c r="H5" s="145" t="s">
        <v>48</v>
      </c>
      <c r="I5" s="145" t="s">
        <v>49</v>
      </c>
      <c r="J5" s="145" t="s">
        <v>50</v>
      </c>
      <c r="K5" s="145" t="s">
        <v>51</v>
      </c>
      <c r="L5" s="148" t="s">
        <v>45</v>
      </c>
      <c r="M5" s="457"/>
      <c r="N5" s="144" t="s">
        <v>43</v>
      </c>
      <c r="O5" s="145" t="s">
        <v>44</v>
      </c>
      <c r="P5" s="149" t="s">
        <v>45</v>
      </c>
      <c r="Q5" s="147" t="s">
        <v>83</v>
      </c>
      <c r="R5" s="145" t="s">
        <v>47</v>
      </c>
      <c r="S5" s="145" t="s">
        <v>48</v>
      </c>
      <c r="T5" s="145" t="s">
        <v>49</v>
      </c>
      <c r="U5" s="145" t="s">
        <v>50</v>
      </c>
      <c r="V5" s="145" t="s">
        <v>51</v>
      </c>
      <c r="W5" s="149" t="s">
        <v>45</v>
      </c>
      <c r="X5" s="457"/>
      <c r="Y5" s="144" t="s">
        <v>43</v>
      </c>
      <c r="Z5" s="145" t="s">
        <v>44</v>
      </c>
      <c r="AA5" s="149" t="s">
        <v>45</v>
      </c>
      <c r="AB5" s="147" t="s">
        <v>83</v>
      </c>
      <c r="AC5" s="145" t="s">
        <v>47</v>
      </c>
      <c r="AD5" s="145" t="s">
        <v>48</v>
      </c>
      <c r="AE5" s="145" t="s">
        <v>49</v>
      </c>
      <c r="AF5" s="145" t="s">
        <v>50</v>
      </c>
      <c r="AG5" s="145" t="s">
        <v>51</v>
      </c>
      <c r="AH5" s="149" t="s">
        <v>45</v>
      </c>
      <c r="AI5" s="457"/>
      <c r="AJ5" s="144" t="s">
        <v>43</v>
      </c>
      <c r="AK5" s="145" t="s">
        <v>44</v>
      </c>
      <c r="AL5" s="149" t="s">
        <v>45</v>
      </c>
      <c r="AM5" s="147" t="s">
        <v>83</v>
      </c>
      <c r="AN5" s="145" t="s">
        <v>47</v>
      </c>
      <c r="AO5" s="145" t="s">
        <v>48</v>
      </c>
      <c r="AP5" s="145" t="s">
        <v>49</v>
      </c>
      <c r="AQ5" s="145" t="s">
        <v>50</v>
      </c>
      <c r="AR5" s="145" t="s">
        <v>51</v>
      </c>
      <c r="AS5" s="149" t="s">
        <v>45</v>
      </c>
      <c r="AT5" s="457"/>
      <c r="AU5" s="144" t="s">
        <v>43</v>
      </c>
      <c r="AV5" s="145" t="s">
        <v>44</v>
      </c>
      <c r="AW5" s="149" t="s">
        <v>45</v>
      </c>
      <c r="AX5" s="147" t="s">
        <v>83</v>
      </c>
      <c r="AY5" s="145" t="s">
        <v>47</v>
      </c>
      <c r="AZ5" s="145" t="s">
        <v>48</v>
      </c>
      <c r="BA5" s="145" t="s">
        <v>49</v>
      </c>
      <c r="BB5" s="145" t="s">
        <v>50</v>
      </c>
      <c r="BC5" s="145" t="s">
        <v>51</v>
      </c>
      <c r="BD5" s="148" t="s">
        <v>45</v>
      </c>
      <c r="BE5" s="457"/>
      <c r="BF5" s="144" t="s">
        <v>43</v>
      </c>
      <c r="BG5" s="145" t="s">
        <v>44</v>
      </c>
      <c r="BH5" s="149" t="s">
        <v>45</v>
      </c>
      <c r="BI5" s="147" t="s">
        <v>83</v>
      </c>
      <c r="BJ5" s="145" t="s">
        <v>47</v>
      </c>
      <c r="BK5" s="145" t="s">
        <v>48</v>
      </c>
      <c r="BL5" s="145" t="s">
        <v>49</v>
      </c>
      <c r="BM5" s="145" t="s">
        <v>50</v>
      </c>
      <c r="BN5" s="145" t="s">
        <v>51</v>
      </c>
      <c r="BO5" s="149" t="s">
        <v>45</v>
      </c>
      <c r="BP5" s="457"/>
      <c r="BQ5" s="144" t="s">
        <v>43</v>
      </c>
      <c r="BR5" s="145" t="s">
        <v>44</v>
      </c>
      <c r="BS5" s="149" t="s">
        <v>45</v>
      </c>
      <c r="BT5" s="147" t="s">
        <v>83</v>
      </c>
      <c r="BU5" s="145" t="s">
        <v>47</v>
      </c>
      <c r="BV5" s="145" t="s">
        <v>48</v>
      </c>
      <c r="BW5" s="145" t="s">
        <v>49</v>
      </c>
      <c r="BX5" s="145" t="s">
        <v>50</v>
      </c>
      <c r="BY5" s="145" t="s">
        <v>51</v>
      </c>
      <c r="BZ5" s="149" t="s">
        <v>45</v>
      </c>
      <c r="CA5" s="457"/>
      <c r="CB5" s="144" t="s">
        <v>43</v>
      </c>
      <c r="CC5" s="145" t="s">
        <v>44</v>
      </c>
      <c r="CD5" s="149" t="s">
        <v>45</v>
      </c>
      <c r="CE5" s="147" t="s">
        <v>83</v>
      </c>
      <c r="CF5" s="145" t="s">
        <v>47</v>
      </c>
      <c r="CG5" s="145" t="s">
        <v>48</v>
      </c>
      <c r="CH5" s="145" t="s">
        <v>49</v>
      </c>
      <c r="CI5" s="145" t="s">
        <v>50</v>
      </c>
      <c r="CJ5" s="145" t="s">
        <v>51</v>
      </c>
      <c r="CK5" s="149" t="s">
        <v>45</v>
      </c>
      <c r="CL5" s="457"/>
      <c r="CM5" s="144" t="s">
        <v>43</v>
      </c>
      <c r="CN5" s="145" t="s">
        <v>44</v>
      </c>
      <c r="CO5" s="149" t="s">
        <v>45</v>
      </c>
      <c r="CP5" s="147" t="s">
        <v>83</v>
      </c>
      <c r="CQ5" s="145" t="s">
        <v>47</v>
      </c>
      <c r="CR5" s="145" t="s">
        <v>48</v>
      </c>
      <c r="CS5" s="145" t="s">
        <v>49</v>
      </c>
      <c r="CT5" s="145" t="s">
        <v>50</v>
      </c>
      <c r="CU5" s="145" t="s">
        <v>51</v>
      </c>
      <c r="CV5" s="149" t="s">
        <v>45</v>
      </c>
      <c r="CW5" s="457"/>
      <c r="CX5" s="144" t="s">
        <v>43</v>
      </c>
      <c r="CY5" s="145" t="s">
        <v>44</v>
      </c>
      <c r="CZ5" s="149" t="s">
        <v>45</v>
      </c>
      <c r="DA5" s="147" t="s">
        <v>83</v>
      </c>
      <c r="DB5" s="145" t="s">
        <v>47</v>
      </c>
      <c r="DC5" s="145" t="s">
        <v>48</v>
      </c>
      <c r="DD5" s="145" t="s">
        <v>49</v>
      </c>
      <c r="DE5" s="145" t="s">
        <v>50</v>
      </c>
      <c r="DF5" s="145" t="s">
        <v>51</v>
      </c>
      <c r="DG5" s="149" t="s">
        <v>45</v>
      </c>
      <c r="DH5" s="457"/>
      <c r="DI5" s="144" t="s">
        <v>43</v>
      </c>
      <c r="DJ5" s="145" t="s">
        <v>44</v>
      </c>
      <c r="DK5" s="149" t="s">
        <v>45</v>
      </c>
      <c r="DL5" s="147" t="s">
        <v>83</v>
      </c>
      <c r="DM5" s="145" t="s">
        <v>47</v>
      </c>
      <c r="DN5" s="145" t="s">
        <v>48</v>
      </c>
      <c r="DO5" s="145" t="s">
        <v>49</v>
      </c>
      <c r="DP5" s="145" t="s">
        <v>50</v>
      </c>
      <c r="DQ5" s="145" t="s">
        <v>51</v>
      </c>
      <c r="DR5" s="149" t="s">
        <v>45</v>
      </c>
      <c r="DS5" s="457"/>
      <c r="DT5" s="144" t="s">
        <v>43</v>
      </c>
      <c r="DU5" s="145" t="s">
        <v>44</v>
      </c>
      <c r="DV5" s="149" t="s">
        <v>45</v>
      </c>
      <c r="DW5" s="147" t="s">
        <v>83</v>
      </c>
      <c r="DX5" s="145" t="s">
        <v>47</v>
      </c>
      <c r="DY5" s="145" t="s">
        <v>48</v>
      </c>
      <c r="DZ5" s="145" t="s">
        <v>49</v>
      </c>
      <c r="EA5" s="145" t="s">
        <v>50</v>
      </c>
      <c r="EB5" s="145" t="s">
        <v>51</v>
      </c>
      <c r="EC5" s="149" t="s">
        <v>45</v>
      </c>
      <c r="ED5" s="457"/>
      <c r="EE5" s="144" t="s">
        <v>43</v>
      </c>
      <c r="EF5" s="145" t="s">
        <v>44</v>
      </c>
      <c r="EG5" s="149" t="s">
        <v>45</v>
      </c>
      <c r="EH5" s="147" t="s">
        <v>83</v>
      </c>
      <c r="EI5" s="145" t="s">
        <v>47</v>
      </c>
      <c r="EJ5" s="145" t="s">
        <v>48</v>
      </c>
      <c r="EK5" s="145" t="s">
        <v>49</v>
      </c>
      <c r="EL5" s="145" t="s">
        <v>50</v>
      </c>
      <c r="EM5" s="145" t="s">
        <v>51</v>
      </c>
      <c r="EN5" s="149" t="s">
        <v>45</v>
      </c>
      <c r="EO5" s="457"/>
      <c r="EP5" s="144" t="s">
        <v>43</v>
      </c>
      <c r="EQ5" s="145" t="s">
        <v>44</v>
      </c>
      <c r="ER5" s="149" t="s">
        <v>45</v>
      </c>
      <c r="ES5" s="147" t="s">
        <v>83</v>
      </c>
      <c r="ET5" s="145" t="s">
        <v>47</v>
      </c>
      <c r="EU5" s="145" t="s">
        <v>48</v>
      </c>
      <c r="EV5" s="145" t="s">
        <v>49</v>
      </c>
      <c r="EW5" s="145" t="s">
        <v>50</v>
      </c>
      <c r="EX5" s="145" t="s">
        <v>51</v>
      </c>
      <c r="EY5" s="149" t="s">
        <v>45</v>
      </c>
      <c r="EZ5" s="457"/>
    </row>
    <row r="6" spans="2:156" ht="21" customHeight="1" x14ac:dyDescent="0.2">
      <c r="B6" s="150" t="s">
        <v>4</v>
      </c>
      <c r="C6" s="151">
        <v>0</v>
      </c>
      <c r="D6" s="152">
        <v>0</v>
      </c>
      <c r="E6" s="153">
        <v>0</v>
      </c>
      <c r="F6" s="154">
        <v>0</v>
      </c>
      <c r="G6" s="152">
        <v>19051</v>
      </c>
      <c r="H6" s="152">
        <v>23617</v>
      </c>
      <c r="I6" s="152">
        <v>12869</v>
      </c>
      <c r="J6" s="152">
        <v>10171</v>
      </c>
      <c r="K6" s="152">
        <v>7773</v>
      </c>
      <c r="L6" s="155">
        <v>73481</v>
      </c>
      <c r="M6" s="156">
        <v>73481</v>
      </c>
      <c r="N6" s="151">
        <v>3</v>
      </c>
      <c r="O6" s="152">
        <v>22</v>
      </c>
      <c r="P6" s="157">
        <v>25</v>
      </c>
      <c r="Q6" s="154">
        <v>0</v>
      </c>
      <c r="R6" s="152">
        <v>92</v>
      </c>
      <c r="S6" s="152">
        <v>400</v>
      </c>
      <c r="T6" s="152">
        <v>728</v>
      </c>
      <c r="U6" s="152">
        <v>2011</v>
      </c>
      <c r="V6" s="152">
        <v>3397</v>
      </c>
      <c r="W6" s="157">
        <v>6628</v>
      </c>
      <c r="X6" s="156">
        <v>6653</v>
      </c>
      <c r="Y6" s="151">
        <v>2560</v>
      </c>
      <c r="Z6" s="152">
        <v>6557</v>
      </c>
      <c r="AA6" s="157">
        <v>9117</v>
      </c>
      <c r="AB6" s="154">
        <v>0</v>
      </c>
      <c r="AC6" s="152">
        <v>13057</v>
      </c>
      <c r="AD6" s="152">
        <v>18916</v>
      </c>
      <c r="AE6" s="152">
        <v>10930</v>
      </c>
      <c r="AF6" s="152">
        <v>8960</v>
      </c>
      <c r="AG6" s="152">
        <v>6722</v>
      </c>
      <c r="AH6" s="157">
        <v>58585</v>
      </c>
      <c r="AI6" s="156">
        <v>67702</v>
      </c>
      <c r="AJ6" s="151">
        <v>274</v>
      </c>
      <c r="AK6" s="152">
        <v>842</v>
      </c>
      <c r="AL6" s="157">
        <v>1116</v>
      </c>
      <c r="AM6" s="154">
        <v>0</v>
      </c>
      <c r="AN6" s="152">
        <v>1113</v>
      </c>
      <c r="AO6" s="152">
        <v>1749</v>
      </c>
      <c r="AP6" s="152">
        <v>1062</v>
      </c>
      <c r="AQ6" s="152">
        <v>873</v>
      </c>
      <c r="AR6" s="152">
        <v>613</v>
      </c>
      <c r="AS6" s="157">
        <v>5410</v>
      </c>
      <c r="AT6" s="156">
        <v>6526</v>
      </c>
      <c r="AU6" s="151">
        <v>3143</v>
      </c>
      <c r="AV6" s="152">
        <v>4346</v>
      </c>
      <c r="AW6" s="157">
        <v>7489</v>
      </c>
      <c r="AX6" s="154">
        <v>0</v>
      </c>
      <c r="AY6" s="152">
        <v>19856</v>
      </c>
      <c r="AZ6" s="152">
        <v>25517</v>
      </c>
      <c r="BA6" s="152">
        <v>21239</v>
      </c>
      <c r="BB6" s="152">
        <v>20488</v>
      </c>
      <c r="BC6" s="152">
        <v>15274</v>
      </c>
      <c r="BD6" s="155">
        <v>102374</v>
      </c>
      <c r="BE6" s="156">
        <v>109863</v>
      </c>
      <c r="BF6" s="151">
        <v>1</v>
      </c>
      <c r="BG6" s="152">
        <v>0</v>
      </c>
      <c r="BH6" s="157">
        <v>1</v>
      </c>
      <c r="BI6" s="154">
        <v>0</v>
      </c>
      <c r="BJ6" s="152">
        <v>22541</v>
      </c>
      <c r="BK6" s="152">
        <v>21591</v>
      </c>
      <c r="BL6" s="152">
        <v>11173</v>
      </c>
      <c r="BM6" s="152">
        <v>6347</v>
      </c>
      <c r="BN6" s="152">
        <v>3060</v>
      </c>
      <c r="BO6" s="157">
        <v>64712</v>
      </c>
      <c r="BP6" s="156">
        <v>64713</v>
      </c>
      <c r="BQ6" s="151">
        <v>1664</v>
      </c>
      <c r="BR6" s="152">
        <v>2761</v>
      </c>
      <c r="BS6" s="157">
        <v>4425</v>
      </c>
      <c r="BT6" s="154">
        <v>0</v>
      </c>
      <c r="BU6" s="152">
        <v>4558</v>
      </c>
      <c r="BV6" s="152">
        <v>6501</v>
      </c>
      <c r="BW6" s="152">
        <v>3683</v>
      </c>
      <c r="BX6" s="152">
        <v>2262</v>
      </c>
      <c r="BY6" s="152">
        <v>830</v>
      </c>
      <c r="BZ6" s="157">
        <v>17834</v>
      </c>
      <c r="CA6" s="156">
        <v>22259</v>
      </c>
      <c r="CB6" s="151">
        <v>89</v>
      </c>
      <c r="CC6" s="152">
        <v>255</v>
      </c>
      <c r="CD6" s="157">
        <v>344</v>
      </c>
      <c r="CE6" s="154">
        <v>0</v>
      </c>
      <c r="CF6" s="152">
        <v>2381</v>
      </c>
      <c r="CG6" s="152">
        <v>3915</v>
      </c>
      <c r="CH6" s="152">
        <v>4518</v>
      </c>
      <c r="CI6" s="152">
        <v>3163</v>
      </c>
      <c r="CJ6" s="152">
        <v>1792</v>
      </c>
      <c r="CK6" s="157">
        <v>15769</v>
      </c>
      <c r="CL6" s="156">
        <v>16113</v>
      </c>
      <c r="CM6" s="151">
        <v>5</v>
      </c>
      <c r="CN6" s="152">
        <v>15</v>
      </c>
      <c r="CO6" s="157">
        <v>20</v>
      </c>
      <c r="CP6" s="154">
        <v>0</v>
      </c>
      <c r="CQ6" s="152">
        <v>200</v>
      </c>
      <c r="CR6" s="152">
        <v>502</v>
      </c>
      <c r="CS6" s="152">
        <v>510</v>
      </c>
      <c r="CT6" s="152">
        <v>514</v>
      </c>
      <c r="CU6" s="152">
        <v>330</v>
      </c>
      <c r="CV6" s="157">
        <v>2056</v>
      </c>
      <c r="CW6" s="156">
        <v>2076</v>
      </c>
      <c r="CX6" s="151">
        <v>0</v>
      </c>
      <c r="CY6" s="152">
        <v>0</v>
      </c>
      <c r="CZ6" s="157">
        <v>0</v>
      </c>
      <c r="DA6" s="154">
        <v>0</v>
      </c>
      <c r="DB6" s="152">
        <v>0</v>
      </c>
      <c r="DC6" s="152">
        <v>0</v>
      </c>
      <c r="DD6" s="152">
        <v>0</v>
      </c>
      <c r="DE6" s="152">
        <v>0</v>
      </c>
      <c r="DF6" s="152">
        <v>0</v>
      </c>
      <c r="DG6" s="157">
        <v>0</v>
      </c>
      <c r="DH6" s="156">
        <v>0</v>
      </c>
      <c r="DI6" s="151">
        <v>0</v>
      </c>
      <c r="DJ6" s="152">
        <v>0</v>
      </c>
      <c r="DK6" s="157">
        <v>0</v>
      </c>
      <c r="DL6" s="154">
        <v>0</v>
      </c>
      <c r="DM6" s="152">
        <v>1</v>
      </c>
      <c r="DN6" s="152">
        <v>0</v>
      </c>
      <c r="DO6" s="152">
        <v>0</v>
      </c>
      <c r="DP6" s="152">
        <v>0</v>
      </c>
      <c r="DQ6" s="152">
        <v>0</v>
      </c>
      <c r="DR6" s="157">
        <v>1</v>
      </c>
      <c r="DS6" s="156">
        <v>1</v>
      </c>
      <c r="DT6" s="151">
        <v>11748</v>
      </c>
      <c r="DU6" s="152">
        <v>25278</v>
      </c>
      <c r="DV6" s="157">
        <v>37026</v>
      </c>
      <c r="DW6" s="154">
        <v>0</v>
      </c>
      <c r="DX6" s="152">
        <v>28313</v>
      </c>
      <c r="DY6" s="152">
        <v>48420</v>
      </c>
      <c r="DZ6" s="152">
        <v>27120</v>
      </c>
      <c r="EA6" s="152">
        <v>20689</v>
      </c>
      <c r="EB6" s="152">
        <v>13206</v>
      </c>
      <c r="EC6" s="157">
        <v>137748</v>
      </c>
      <c r="ED6" s="156">
        <v>174774</v>
      </c>
      <c r="EE6" s="151">
        <v>1643</v>
      </c>
      <c r="EF6" s="152">
        <v>1297</v>
      </c>
      <c r="EG6" s="157">
        <v>2940</v>
      </c>
      <c r="EH6" s="154">
        <v>0</v>
      </c>
      <c r="EI6" s="152">
        <v>6303</v>
      </c>
      <c r="EJ6" s="152">
        <v>6085</v>
      </c>
      <c r="EK6" s="152">
        <v>5055</v>
      </c>
      <c r="EL6" s="152">
        <v>5672</v>
      </c>
      <c r="EM6" s="152">
        <v>3282</v>
      </c>
      <c r="EN6" s="157">
        <v>26397</v>
      </c>
      <c r="EO6" s="156">
        <v>29337</v>
      </c>
      <c r="EP6" s="151">
        <v>15243</v>
      </c>
      <c r="EQ6" s="152">
        <v>30424</v>
      </c>
      <c r="ER6" s="157">
        <v>45667</v>
      </c>
      <c r="ES6" s="154">
        <v>0</v>
      </c>
      <c r="ET6" s="152">
        <v>59289</v>
      </c>
      <c r="EU6" s="152">
        <v>64050</v>
      </c>
      <c r="EV6" s="152">
        <v>32318</v>
      </c>
      <c r="EW6" s="152">
        <v>22200</v>
      </c>
      <c r="EX6" s="152">
        <v>13456</v>
      </c>
      <c r="EY6" s="157">
        <v>191313</v>
      </c>
      <c r="EZ6" s="156">
        <v>236980</v>
      </c>
    </row>
    <row r="7" spans="2:156" ht="21" customHeight="1" x14ac:dyDescent="0.2">
      <c r="B7" s="158" t="s">
        <v>5</v>
      </c>
      <c r="C7" s="159">
        <v>0</v>
      </c>
      <c r="D7" s="160">
        <v>0</v>
      </c>
      <c r="E7" s="161">
        <v>0</v>
      </c>
      <c r="F7" s="162">
        <v>0</v>
      </c>
      <c r="G7" s="160">
        <v>6689</v>
      </c>
      <c r="H7" s="160">
        <v>11502</v>
      </c>
      <c r="I7" s="160">
        <v>5581</v>
      </c>
      <c r="J7" s="160">
        <v>4109</v>
      </c>
      <c r="K7" s="160">
        <v>3099</v>
      </c>
      <c r="L7" s="163">
        <v>30980</v>
      </c>
      <c r="M7" s="164">
        <v>30980</v>
      </c>
      <c r="N7" s="159">
        <v>1</v>
      </c>
      <c r="O7" s="160">
        <v>12</v>
      </c>
      <c r="P7" s="165">
        <v>13</v>
      </c>
      <c r="Q7" s="162">
        <v>0</v>
      </c>
      <c r="R7" s="160">
        <v>23</v>
      </c>
      <c r="S7" s="160">
        <v>141</v>
      </c>
      <c r="T7" s="160">
        <v>284</v>
      </c>
      <c r="U7" s="160">
        <v>806</v>
      </c>
      <c r="V7" s="160">
        <v>1448</v>
      </c>
      <c r="W7" s="165">
        <v>2702</v>
      </c>
      <c r="X7" s="164">
        <v>2715</v>
      </c>
      <c r="Y7" s="159">
        <v>1051</v>
      </c>
      <c r="Z7" s="160">
        <v>3470</v>
      </c>
      <c r="AA7" s="165">
        <v>4521</v>
      </c>
      <c r="AB7" s="162">
        <v>0</v>
      </c>
      <c r="AC7" s="160">
        <v>4649</v>
      </c>
      <c r="AD7" s="160">
        <v>9571</v>
      </c>
      <c r="AE7" s="160">
        <v>5171</v>
      </c>
      <c r="AF7" s="160">
        <v>3951</v>
      </c>
      <c r="AG7" s="160">
        <v>2864</v>
      </c>
      <c r="AH7" s="165">
        <v>26206</v>
      </c>
      <c r="AI7" s="164">
        <v>30727</v>
      </c>
      <c r="AJ7" s="159">
        <v>101</v>
      </c>
      <c r="AK7" s="160">
        <v>421</v>
      </c>
      <c r="AL7" s="165">
        <v>522</v>
      </c>
      <c r="AM7" s="162">
        <v>0</v>
      </c>
      <c r="AN7" s="160">
        <v>280</v>
      </c>
      <c r="AO7" s="160">
        <v>721</v>
      </c>
      <c r="AP7" s="160">
        <v>479</v>
      </c>
      <c r="AQ7" s="160">
        <v>354</v>
      </c>
      <c r="AR7" s="160">
        <v>250</v>
      </c>
      <c r="AS7" s="165">
        <v>2084</v>
      </c>
      <c r="AT7" s="164">
        <v>2606</v>
      </c>
      <c r="AU7" s="159">
        <v>1238</v>
      </c>
      <c r="AV7" s="160">
        <v>2155</v>
      </c>
      <c r="AW7" s="165">
        <v>3393</v>
      </c>
      <c r="AX7" s="162">
        <v>0</v>
      </c>
      <c r="AY7" s="160">
        <v>7134</v>
      </c>
      <c r="AZ7" s="160">
        <v>11218</v>
      </c>
      <c r="BA7" s="160">
        <v>8657</v>
      </c>
      <c r="BB7" s="160">
        <v>8268</v>
      </c>
      <c r="BC7" s="160">
        <v>6144</v>
      </c>
      <c r="BD7" s="163">
        <v>41421</v>
      </c>
      <c r="BE7" s="164">
        <v>44814</v>
      </c>
      <c r="BF7" s="159">
        <v>0</v>
      </c>
      <c r="BG7" s="160">
        <v>0</v>
      </c>
      <c r="BH7" s="165">
        <v>0</v>
      </c>
      <c r="BI7" s="162">
        <v>0</v>
      </c>
      <c r="BJ7" s="160">
        <v>7015</v>
      </c>
      <c r="BK7" s="160">
        <v>8863</v>
      </c>
      <c r="BL7" s="160">
        <v>4123</v>
      </c>
      <c r="BM7" s="160">
        <v>2215</v>
      </c>
      <c r="BN7" s="160">
        <v>1085</v>
      </c>
      <c r="BO7" s="165">
        <v>23301</v>
      </c>
      <c r="BP7" s="164">
        <v>23301</v>
      </c>
      <c r="BQ7" s="159">
        <v>730</v>
      </c>
      <c r="BR7" s="160">
        <v>1254</v>
      </c>
      <c r="BS7" s="165">
        <v>1984</v>
      </c>
      <c r="BT7" s="162">
        <v>0</v>
      </c>
      <c r="BU7" s="160">
        <v>1335</v>
      </c>
      <c r="BV7" s="160">
        <v>2979</v>
      </c>
      <c r="BW7" s="160">
        <v>1645</v>
      </c>
      <c r="BX7" s="160">
        <v>979</v>
      </c>
      <c r="BY7" s="160">
        <v>347</v>
      </c>
      <c r="BZ7" s="165">
        <v>7285</v>
      </c>
      <c r="CA7" s="164">
        <v>9269</v>
      </c>
      <c r="CB7" s="159">
        <v>30</v>
      </c>
      <c r="CC7" s="160">
        <v>99</v>
      </c>
      <c r="CD7" s="165">
        <v>129</v>
      </c>
      <c r="CE7" s="162">
        <v>0</v>
      </c>
      <c r="CF7" s="160">
        <v>729</v>
      </c>
      <c r="CG7" s="160">
        <v>1488</v>
      </c>
      <c r="CH7" s="160">
        <v>1717</v>
      </c>
      <c r="CI7" s="160">
        <v>1131</v>
      </c>
      <c r="CJ7" s="160">
        <v>670</v>
      </c>
      <c r="CK7" s="165">
        <v>5735</v>
      </c>
      <c r="CL7" s="164">
        <v>5864</v>
      </c>
      <c r="CM7" s="159">
        <v>2</v>
      </c>
      <c r="CN7" s="160">
        <v>8</v>
      </c>
      <c r="CO7" s="165">
        <v>10</v>
      </c>
      <c r="CP7" s="162">
        <v>0</v>
      </c>
      <c r="CQ7" s="160">
        <v>81</v>
      </c>
      <c r="CR7" s="160">
        <v>279</v>
      </c>
      <c r="CS7" s="160">
        <v>295</v>
      </c>
      <c r="CT7" s="160">
        <v>295</v>
      </c>
      <c r="CU7" s="160">
        <v>181</v>
      </c>
      <c r="CV7" s="165">
        <v>1131</v>
      </c>
      <c r="CW7" s="164">
        <v>1141</v>
      </c>
      <c r="CX7" s="159">
        <v>0</v>
      </c>
      <c r="CY7" s="160">
        <v>0</v>
      </c>
      <c r="CZ7" s="165">
        <v>0</v>
      </c>
      <c r="DA7" s="162">
        <v>0</v>
      </c>
      <c r="DB7" s="160">
        <v>0</v>
      </c>
      <c r="DC7" s="160">
        <v>0</v>
      </c>
      <c r="DD7" s="160">
        <v>0</v>
      </c>
      <c r="DE7" s="160">
        <v>0</v>
      </c>
      <c r="DF7" s="160">
        <v>0</v>
      </c>
      <c r="DG7" s="165">
        <v>0</v>
      </c>
      <c r="DH7" s="164">
        <v>0</v>
      </c>
      <c r="DI7" s="159">
        <v>0</v>
      </c>
      <c r="DJ7" s="160">
        <v>0</v>
      </c>
      <c r="DK7" s="165">
        <v>0</v>
      </c>
      <c r="DL7" s="162">
        <v>0</v>
      </c>
      <c r="DM7" s="160">
        <v>0</v>
      </c>
      <c r="DN7" s="160">
        <v>0</v>
      </c>
      <c r="DO7" s="160">
        <v>0</v>
      </c>
      <c r="DP7" s="160">
        <v>0</v>
      </c>
      <c r="DQ7" s="160">
        <v>0</v>
      </c>
      <c r="DR7" s="165">
        <v>0</v>
      </c>
      <c r="DS7" s="164">
        <v>0</v>
      </c>
      <c r="DT7" s="159">
        <v>3842</v>
      </c>
      <c r="DU7" s="160">
        <v>10713</v>
      </c>
      <c r="DV7" s="165">
        <v>14555</v>
      </c>
      <c r="DW7" s="162">
        <v>0</v>
      </c>
      <c r="DX7" s="160">
        <v>7969</v>
      </c>
      <c r="DY7" s="160">
        <v>21510</v>
      </c>
      <c r="DZ7" s="160">
        <v>11079</v>
      </c>
      <c r="EA7" s="160">
        <v>8145</v>
      </c>
      <c r="EB7" s="160">
        <v>5282</v>
      </c>
      <c r="EC7" s="165">
        <v>53985</v>
      </c>
      <c r="ED7" s="164">
        <v>68540</v>
      </c>
      <c r="EE7" s="159">
        <v>662</v>
      </c>
      <c r="EF7" s="160">
        <v>617</v>
      </c>
      <c r="EG7" s="165">
        <v>1279</v>
      </c>
      <c r="EH7" s="162">
        <v>0</v>
      </c>
      <c r="EI7" s="160">
        <v>2498</v>
      </c>
      <c r="EJ7" s="160">
        <v>2890</v>
      </c>
      <c r="EK7" s="160">
        <v>2228</v>
      </c>
      <c r="EL7" s="160">
        <v>2496</v>
      </c>
      <c r="EM7" s="160">
        <v>1368</v>
      </c>
      <c r="EN7" s="165">
        <v>11480</v>
      </c>
      <c r="EO7" s="164">
        <v>12759</v>
      </c>
      <c r="EP7" s="159">
        <v>5329</v>
      </c>
      <c r="EQ7" s="160">
        <v>13439</v>
      </c>
      <c r="ER7" s="165">
        <v>18768</v>
      </c>
      <c r="ES7" s="162">
        <v>0</v>
      </c>
      <c r="ET7" s="160">
        <v>19295</v>
      </c>
      <c r="EU7" s="160">
        <v>29010</v>
      </c>
      <c r="EV7" s="160">
        <v>13478</v>
      </c>
      <c r="EW7" s="160">
        <v>8919</v>
      </c>
      <c r="EX7" s="160">
        <v>5466</v>
      </c>
      <c r="EY7" s="165">
        <v>76168</v>
      </c>
      <c r="EZ7" s="164">
        <v>94936</v>
      </c>
    </row>
    <row r="8" spans="2:156" ht="21" customHeight="1" x14ac:dyDescent="0.2">
      <c r="B8" s="166" t="s">
        <v>6</v>
      </c>
      <c r="C8" s="159">
        <v>0</v>
      </c>
      <c r="D8" s="160">
        <v>0</v>
      </c>
      <c r="E8" s="161">
        <v>0</v>
      </c>
      <c r="F8" s="162">
        <v>0</v>
      </c>
      <c r="G8" s="160">
        <v>3369</v>
      </c>
      <c r="H8" s="160">
        <v>3229</v>
      </c>
      <c r="I8" s="160">
        <v>1799</v>
      </c>
      <c r="J8" s="160">
        <v>1529</v>
      </c>
      <c r="K8" s="160">
        <v>1228</v>
      </c>
      <c r="L8" s="163">
        <v>11154</v>
      </c>
      <c r="M8" s="164">
        <v>11154</v>
      </c>
      <c r="N8" s="159">
        <v>2</v>
      </c>
      <c r="O8" s="160">
        <v>1</v>
      </c>
      <c r="P8" s="165">
        <v>3</v>
      </c>
      <c r="Q8" s="162">
        <v>0</v>
      </c>
      <c r="R8" s="160">
        <v>13</v>
      </c>
      <c r="S8" s="160">
        <v>44</v>
      </c>
      <c r="T8" s="160">
        <v>106</v>
      </c>
      <c r="U8" s="160">
        <v>278</v>
      </c>
      <c r="V8" s="160">
        <v>507</v>
      </c>
      <c r="W8" s="165">
        <v>948</v>
      </c>
      <c r="X8" s="164">
        <v>951</v>
      </c>
      <c r="Y8" s="159">
        <v>436</v>
      </c>
      <c r="Z8" s="160">
        <v>821</v>
      </c>
      <c r="AA8" s="165">
        <v>1257</v>
      </c>
      <c r="AB8" s="162">
        <v>0</v>
      </c>
      <c r="AC8" s="160">
        <v>2451</v>
      </c>
      <c r="AD8" s="160">
        <v>2547</v>
      </c>
      <c r="AE8" s="160">
        <v>1447</v>
      </c>
      <c r="AF8" s="160">
        <v>1206</v>
      </c>
      <c r="AG8" s="160">
        <v>976</v>
      </c>
      <c r="AH8" s="165">
        <v>8627</v>
      </c>
      <c r="AI8" s="164">
        <v>9884</v>
      </c>
      <c r="AJ8" s="159">
        <v>22</v>
      </c>
      <c r="AK8" s="160">
        <v>67</v>
      </c>
      <c r="AL8" s="165">
        <v>89</v>
      </c>
      <c r="AM8" s="162">
        <v>0</v>
      </c>
      <c r="AN8" s="160">
        <v>181</v>
      </c>
      <c r="AO8" s="160">
        <v>202</v>
      </c>
      <c r="AP8" s="160">
        <v>103</v>
      </c>
      <c r="AQ8" s="160">
        <v>112</v>
      </c>
      <c r="AR8" s="160">
        <v>68</v>
      </c>
      <c r="AS8" s="165">
        <v>666</v>
      </c>
      <c r="AT8" s="164">
        <v>755</v>
      </c>
      <c r="AU8" s="159">
        <v>548</v>
      </c>
      <c r="AV8" s="160">
        <v>604</v>
      </c>
      <c r="AW8" s="165">
        <v>1152</v>
      </c>
      <c r="AX8" s="162">
        <v>0</v>
      </c>
      <c r="AY8" s="160">
        <v>3699</v>
      </c>
      <c r="AZ8" s="160">
        <v>4153</v>
      </c>
      <c r="BA8" s="160">
        <v>3374</v>
      </c>
      <c r="BB8" s="160">
        <v>3288</v>
      </c>
      <c r="BC8" s="160">
        <v>2588</v>
      </c>
      <c r="BD8" s="163">
        <v>17102</v>
      </c>
      <c r="BE8" s="164">
        <v>18254</v>
      </c>
      <c r="BF8" s="159">
        <v>1</v>
      </c>
      <c r="BG8" s="160">
        <v>0</v>
      </c>
      <c r="BH8" s="165">
        <v>1</v>
      </c>
      <c r="BI8" s="162">
        <v>0</v>
      </c>
      <c r="BJ8" s="160">
        <v>3844</v>
      </c>
      <c r="BK8" s="160">
        <v>3052</v>
      </c>
      <c r="BL8" s="160">
        <v>1596</v>
      </c>
      <c r="BM8" s="160">
        <v>941</v>
      </c>
      <c r="BN8" s="160">
        <v>463</v>
      </c>
      <c r="BO8" s="165">
        <v>9896</v>
      </c>
      <c r="BP8" s="164">
        <v>9897</v>
      </c>
      <c r="BQ8" s="159">
        <v>114</v>
      </c>
      <c r="BR8" s="160">
        <v>217</v>
      </c>
      <c r="BS8" s="165">
        <v>331</v>
      </c>
      <c r="BT8" s="162">
        <v>0</v>
      </c>
      <c r="BU8" s="160">
        <v>678</v>
      </c>
      <c r="BV8" s="160">
        <v>716</v>
      </c>
      <c r="BW8" s="160">
        <v>458</v>
      </c>
      <c r="BX8" s="160">
        <v>284</v>
      </c>
      <c r="BY8" s="160">
        <v>115</v>
      </c>
      <c r="BZ8" s="165">
        <v>2251</v>
      </c>
      <c r="CA8" s="164">
        <v>2582</v>
      </c>
      <c r="CB8" s="159">
        <v>2</v>
      </c>
      <c r="CC8" s="160">
        <v>26</v>
      </c>
      <c r="CD8" s="165">
        <v>28</v>
      </c>
      <c r="CE8" s="162">
        <v>0</v>
      </c>
      <c r="CF8" s="160">
        <v>277</v>
      </c>
      <c r="CG8" s="160">
        <v>459</v>
      </c>
      <c r="CH8" s="160">
        <v>558</v>
      </c>
      <c r="CI8" s="160">
        <v>405</v>
      </c>
      <c r="CJ8" s="160">
        <v>236</v>
      </c>
      <c r="CK8" s="165">
        <v>1935</v>
      </c>
      <c r="CL8" s="164">
        <v>1963</v>
      </c>
      <c r="CM8" s="159">
        <v>1</v>
      </c>
      <c r="CN8" s="160">
        <v>2</v>
      </c>
      <c r="CO8" s="165">
        <v>3</v>
      </c>
      <c r="CP8" s="162">
        <v>0</v>
      </c>
      <c r="CQ8" s="160">
        <v>35</v>
      </c>
      <c r="CR8" s="160">
        <v>75</v>
      </c>
      <c r="CS8" s="160">
        <v>67</v>
      </c>
      <c r="CT8" s="160">
        <v>70</v>
      </c>
      <c r="CU8" s="160">
        <v>53</v>
      </c>
      <c r="CV8" s="165">
        <v>300</v>
      </c>
      <c r="CW8" s="164">
        <v>303</v>
      </c>
      <c r="CX8" s="159">
        <v>0</v>
      </c>
      <c r="CY8" s="160">
        <v>0</v>
      </c>
      <c r="CZ8" s="165">
        <v>0</v>
      </c>
      <c r="DA8" s="162">
        <v>0</v>
      </c>
      <c r="DB8" s="160">
        <v>0</v>
      </c>
      <c r="DC8" s="160">
        <v>0</v>
      </c>
      <c r="DD8" s="160">
        <v>0</v>
      </c>
      <c r="DE8" s="160">
        <v>0</v>
      </c>
      <c r="DF8" s="160">
        <v>0</v>
      </c>
      <c r="DG8" s="165">
        <v>0</v>
      </c>
      <c r="DH8" s="164">
        <v>0</v>
      </c>
      <c r="DI8" s="159">
        <v>0</v>
      </c>
      <c r="DJ8" s="160">
        <v>0</v>
      </c>
      <c r="DK8" s="165">
        <v>0</v>
      </c>
      <c r="DL8" s="162">
        <v>0</v>
      </c>
      <c r="DM8" s="160">
        <v>0</v>
      </c>
      <c r="DN8" s="160">
        <v>0</v>
      </c>
      <c r="DO8" s="160">
        <v>0</v>
      </c>
      <c r="DP8" s="160">
        <v>0</v>
      </c>
      <c r="DQ8" s="160">
        <v>0</v>
      </c>
      <c r="DR8" s="165">
        <v>0</v>
      </c>
      <c r="DS8" s="164">
        <v>0</v>
      </c>
      <c r="DT8" s="159">
        <v>1733</v>
      </c>
      <c r="DU8" s="160">
        <v>3072</v>
      </c>
      <c r="DV8" s="165">
        <v>4805</v>
      </c>
      <c r="DW8" s="162">
        <v>0</v>
      </c>
      <c r="DX8" s="160">
        <v>5086</v>
      </c>
      <c r="DY8" s="160">
        <v>6378</v>
      </c>
      <c r="DZ8" s="160">
        <v>3749</v>
      </c>
      <c r="EA8" s="160">
        <v>3012</v>
      </c>
      <c r="EB8" s="160">
        <v>2025</v>
      </c>
      <c r="EC8" s="165">
        <v>20250</v>
      </c>
      <c r="ED8" s="164">
        <v>25055</v>
      </c>
      <c r="EE8" s="159">
        <v>238</v>
      </c>
      <c r="EF8" s="160">
        <v>157</v>
      </c>
      <c r="EG8" s="165">
        <v>395</v>
      </c>
      <c r="EH8" s="162">
        <v>0</v>
      </c>
      <c r="EI8" s="160">
        <v>950</v>
      </c>
      <c r="EJ8" s="160">
        <v>816</v>
      </c>
      <c r="EK8" s="160">
        <v>732</v>
      </c>
      <c r="EL8" s="160">
        <v>800</v>
      </c>
      <c r="EM8" s="160">
        <v>527</v>
      </c>
      <c r="EN8" s="165">
        <v>3825</v>
      </c>
      <c r="EO8" s="164">
        <v>4220</v>
      </c>
      <c r="EP8" s="159">
        <v>2168</v>
      </c>
      <c r="EQ8" s="160">
        <v>3609</v>
      </c>
      <c r="ER8" s="165">
        <v>5777</v>
      </c>
      <c r="ES8" s="162">
        <v>0</v>
      </c>
      <c r="ET8" s="160">
        <v>9703</v>
      </c>
      <c r="EU8" s="160">
        <v>8293</v>
      </c>
      <c r="EV8" s="160">
        <v>4358</v>
      </c>
      <c r="EW8" s="160">
        <v>3171</v>
      </c>
      <c r="EX8" s="160">
        <v>2055</v>
      </c>
      <c r="EY8" s="165">
        <v>27580</v>
      </c>
      <c r="EZ8" s="164">
        <v>33357</v>
      </c>
    </row>
    <row r="9" spans="2:156" ht="21" customHeight="1" x14ac:dyDescent="0.2">
      <c r="B9" s="166" t="s">
        <v>14</v>
      </c>
      <c r="C9" s="159">
        <v>0</v>
      </c>
      <c r="D9" s="160">
        <v>0</v>
      </c>
      <c r="E9" s="161">
        <v>0</v>
      </c>
      <c r="F9" s="162">
        <v>0</v>
      </c>
      <c r="G9" s="160">
        <v>1182</v>
      </c>
      <c r="H9" s="160">
        <v>1755</v>
      </c>
      <c r="I9" s="160">
        <v>1059</v>
      </c>
      <c r="J9" s="160">
        <v>785</v>
      </c>
      <c r="K9" s="160">
        <v>527</v>
      </c>
      <c r="L9" s="163">
        <v>5308</v>
      </c>
      <c r="M9" s="164">
        <v>5308</v>
      </c>
      <c r="N9" s="159">
        <v>0</v>
      </c>
      <c r="O9" s="160">
        <v>1</v>
      </c>
      <c r="P9" s="165">
        <v>1</v>
      </c>
      <c r="Q9" s="162">
        <v>0</v>
      </c>
      <c r="R9" s="160">
        <v>1</v>
      </c>
      <c r="S9" s="160">
        <v>20</v>
      </c>
      <c r="T9" s="160">
        <v>45</v>
      </c>
      <c r="U9" s="160">
        <v>141</v>
      </c>
      <c r="V9" s="160">
        <v>200</v>
      </c>
      <c r="W9" s="165">
        <v>407</v>
      </c>
      <c r="X9" s="164">
        <v>408</v>
      </c>
      <c r="Y9" s="159">
        <v>119</v>
      </c>
      <c r="Z9" s="160">
        <v>427</v>
      </c>
      <c r="AA9" s="165">
        <v>546</v>
      </c>
      <c r="AB9" s="162">
        <v>0</v>
      </c>
      <c r="AC9" s="160">
        <v>754</v>
      </c>
      <c r="AD9" s="160">
        <v>1303</v>
      </c>
      <c r="AE9" s="160">
        <v>875</v>
      </c>
      <c r="AF9" s="160">
        <v>668</v>
      </c>
      <c r="AG9" s="160">
        <v>451</v>
      </c>
      <c r="AH9" s="165">
        <v>4051</v>
      </c>
      <c r="AI9" s="164">
        <v>4597</v>
      </c>
      <c r="AJ9" s="159">
        <v>6</v>
      </c>
      <c r="AK9" s="160">
        <v>31</v>
      </c>
      <c r="AL9" s="165">
        <v>37</v>
      </c>
      <c r="AM9" s="162">
        <v>0</v>
      </c>
      <c r="AN9" s="160">
        <v>17</v>
      </c>
      <c r="AO9" s="160">
        <v>62</v>
      </c>
      <c r="AP9" s="160">
        <v>33</v>
      </c>
      <c r="AQ9" s="160">
        <v>39</v>
      </c>
      <c r="AR9" s="160">
        <v>20</v>
      </c>
      <c r="AS9" s="165">
        <v>171</v>
      </c>
      <c r="AT9" s="164">
        <v>208</v>
      </c>
      <c r="AU9" s="159">
        <v>235</v>
      </c>
      <c r="AV9" s="160">
        <v>391</v>
      </c>
      <c r="AW9" s="165">
        <v>626</v>
      </c>
      <c r="AX9" s="162">
        <v>0</v>
      </c>
      <c r="AY9" s="160">
        <v>1379</v>
      </c>
      <c r="AZ9" s="160">
        <v>1967</v>
      </c>
      <c r="BA9" s="160">
        <v>1891</v>
      </c>
      <c r="BB9" s="160">
        <v>1575</v>
      </c>
      <c r="BC9" s="160">
        <v>1115</v>
      </c>
      <c r="BD9" s="163">
        <v>7927</v>
      </c>
      <c r="BE9" s="164">
        <v>8553</v>
      </c>
      <c r="BF9" s="159">
        <v>0</v>
      </c>
      <c r="BG9" s="160">
        <v>0</v>
      </c>
      <c r="BH9" s="165">
        <v>0</v>
      </c>
      <c r="BI9" s="162">
        <v>0</v>
      </c>
      <c r="BJ9" s="160">
        <v>1656</v>
      </c>
      <c r="BK9" s="160">
        <v>1962</v>
      </c>
      <c r="BL9" s="160">
        <v>1155</v>
      </c>
      <c r="BM9" s="160">
        <v>603</v>
      </c>
      <c r="BN9" s="160">
        <v>263</v>
      </c>
      <c r="BO9" s="165">
        <v>5639</v>
      </c>
      <c r="BP9" s="164">
        <v>5639</v>
      </c>
      <c r="BQ9" s="159">
        <v>85</v>
      </c>
      <c r="BR9" s="160">
        <v>167</v>
      </c>
      <c r="BS9" s="165">
        <v>252</v>
      </c>
      <c r="BT9" s="162">
        <v>0</v>
      </c>
      <c r="BU9" s="160">
        <v>150</v>
      </c>
      <c r="BV9" s="160">
        <v>400</v>
      </c>
      <c r="BW9" s="160">
        <v>234</v>
      </c>
      <c r="BX9" s="160">
        <v>128</v>
      </c>
      <c r="BY9" s="160">
        <v>47</v>
      </c>
      <c r="BZ9" s="165">
        <v>959</v>
      </c>
      <c r="CA9" s="164">
        <v>1211</v>
      </c>
      <c r="CB9" s="159">
        <v>5</v>
      </c>
      <c r="CC9" s="160">
        <v>18</v>
      </c>
      <c r="CD9" s="165">
        <v>23</v>
      </c>
      <c r="CE9" s="162">
        <v>0</v>
      </c>
      <c r="CF9" s="160">
        <v>158</v>
      </c>
      <c r="CG9" s="160">
        <v>299</v>
      </c>
      <c r="CH9" s="160">
        <v>409</v>
      </c>
      <c r="CI9" s="160">
        <v>285</v>
      </c>
      <c r="CJ9" s="160">
        <v>131</v>
      </c>
      <c r="CK9" s="165">
        <v>1282</v>
      </c>
      <c r="CL9" s="164">
        <v>1305</v>
      </c>
      <c r="CM9" s="159">
        <v>0</v>
      </c>
      <c r="CN9" s="160">
        <v>1</v>
      </c>
      <c r="CO9" s="165">
        <v>1</v>
      </c>
      <c r="CP9" s="162">
        <v>0</v>
      </c>
      <c r="CQ9" s="160">
        <v>1</v>
      </c>
      <c r="CR9" s="160">
        <v>6</v>
      </c>
      <c r="CS9" s="160">
        <v>11</v>
      </c>
      <c r="CT9" s="160">
        <v>8</v>
      </c>
      <c r="CU9" s="160">
        <v>6</v>
      </c>
      <c r="CV9" s="165">
        <v>32</v>
      </c>
      <c r="CW9" s="164">
        <v>33</v>
      </c>
      <c r="CX9" s="159">
        <v>0</v>
      </c>
      <c r="CY9" s="160">
        <v>0</v>
      </c>
      <c r="CZ9" s="165">
        <v>0</v>
      </c>
      <c r="DA9" s="162">
        <v>0</v>
      </c>
      <c r="DB9" s="160">
        <v>0</v>
      </c>
      <c r="DC9" s="160">
        <v>0</v>
      </c>
      <c r="DD9" s="160">
        <v>0</v>
      </c>
      <c r="DE9" s="160">
        <v>0</v>
      </c>
      <c r="DF9" s="160">
        <v>0</v>
      </c>
      <c r="DG9" s="165">
        <v>0</v>
      </c>
      <c r="DH9" s="164">
        <v>0</v>
      </c>
      <c r="DI9" s="159">
        <v>0</v>
      </c>
      <c r="DJ9" s="160">
        <v>0</v>
      </c>
      <c r="DK9" s="165">
        <v>0</v>
      </c>
      <c r="DL9" s="162">
        <v>0</v>
      </c>
      <c r="DM9" s="160">
        <v>0</v>
      </c>
      <c r="DN9" s="160">
        <v>0</v>
      </c>
      <c r="DO9" s="160">
        <v>0</v>
      </c>
      <c r="DP9" s="160">
        <v>0</v>
      </c>
      <c r="DQ9" s="160">
        <v>0</v>
      </c>
      <c r="DR9" s="165">
        <v>0</v>
      </c>
      <c r="DS9" s="164">
        <v>0</v>
      </c>
      <c r="DT9" s="159">
        <v>918</v>
      </c>
      <c r="DU9" s="160">
        <v>2498</v>
      </c>
      <c r="DV9" s="165">
        <v>3416</v>
      </c>
      <c r="DW9" s="162">
        <v>0</v>
      </c>
      <c r="DX9" s="160">
        <v>2022</v>
      </c>
      <c r="DY9" s="160">
        <v>4080</v>
      </c>
      <c r="DZ9" s="160">
        <v>2458</v>
      </c>
      <c r="EA9" s="160">
        <v>1765</v>
      </c>
      <c r="EB9" s="160">
        <v>982</v>
      </c>
      <c r="EC9" s="165">
        <v>11307</v>
      </c>
      <c r="ED9" s="164">
        <v>14723</v>
      </c>
      <c r="EE9" s="159">
        <v>123</v>
      </c>
      <c r="EF9" s="160">
        <v>115</v>
      </c>
      <c r="EG9" s="165">
        <v>238</v>
      </c>
      <c r="EH9" s="162">
        <v>0</v>
      </c>
      <c r="EI9" s="160">
        <v>340</v>
      </c>
      <c r="EJ9" s="160">
        <v>309</v>
      </c>
      <c r="EK9" s="160">
        <v>291</v>
      </c>
      <c r="EL9" s="160">
        <v>300</v>
      </c>
      <c r="EM9" s="160">
        <v>172</v>
      </c>
      <c r="EN9" s="165">
        <v>1412</v>
      </c>
      <c r="EO9" s="164">
        <v>1650</v>
      </c>
      <c r="EP9" s="159">
        <v>1064</v>
      </c>
      <c r="EQ9" s="160">
        <v>2781</v>
      </c>
      <c r="ER9" s="165">
        <v>3845</v>
      </c>
      <c r="ES9" s="162">
        <v>0</v>
      </c>
      <c r="ET9" s="160">
        <v>4142</v>
      </c>
      <c r="EU9" s="160">
        <v>5305</v>
      </c>
      <c r="EV9" s="160">
        <v>2915</v>
      </c>
      <c r="EW9" s="160">
        <v>1849</v>
      </c>
      <c r="EX9" s="160">
        <v>1003</v>
      </c>
      <c r="EY9" s="165">
        <v>15214</v>
      </c>
      <c r="EZ9" s="164">
        <v>19059</v>
      </c>
    </row>
    <row r="10" spans="2:156" ht="21" customHeight="1" x14ac:dyDescent="0.2">
      <c r="B10" s="166" t="s">
        <v>7</v>
      </c>
      <c r="C10" s="159">
        <v>0</v>
      </c>
      <c r="D10" s="160">
        <v>0</v>
      </c>
      <c r="E10" s="161">
        <v>0</v>
      </c>
      <c r="F10" s="162">
        <v>0</v>
      </c>
      <c r="G10" s="160">
        <v>1533</v>
      </c>
      <c r="H10" s="160">
        <v>1073</v>
      </c>
      <c r="I10" s="160">
        <v>614</v>
      </c>
      <c r="J10" s="160">
        <v>577</v>
      </c>
      <c r="K10" s="160">
        <v>388</v>
      </c>
      <c r="L10" s="163">
        <v>4185</v>
      </c>
      <c r="M10" s="164">
        <v>4185</v>
      </c>
      <c r="N10" s="159">
        <v>0</v>
      </c>
      <c r="O10" s="160">
        <v>0</v>
      </c>
      <c r="P10" s="165">
        <v>0</v>
      </c>
      <c r="Q10" s="162">
        <v>0</v>
      </c>
      <c r="R10" s="160">
        <v>12</v>
      </c>
      <c r="S10" s="160">
        <v>38</v>
      </c>
      <c r="T10" s="160">
        <v>40</v>
      </c>
      <c r="U10" s="160">
        <v>160</v>
      </c>
      <c r="V10" s="160">
        <v>211</v>
      </c>
      <c r="W10" s="165">
        <v>461</v>
      </c>
      <c r="X10" s="164">
        <v>461</v>
      </c>
      <c r="Y10" s="159">
        <v>20</v>
      </c>
      <c r="Z10" s="160">
        <v>40</v>
      </c>
      <c r="AA10" s="165">
        <v>60</v>
      </c>
      <c r="AB10" s="162">
        <v>0</v>
      </c>
      <c r="AC10" s="160">
        <v>603</v>
      </c>
      <c r="AD10" s="160">
        <v>530</v>
      </c>
      <c r="AE10" s="160">
        <v>321</v>
      </c>
      <c r="AF10" s="160">
        <v>352</v>
      </c>
      <c r="AG10" s="160">
        <v>324</v>
      </c>
      <c r="AH10" s="165">
        <v>2130</v>
      </c>
      <c r="AI10" s="164">
        <v>2190</v>
      </c>
      <c r="AJ10" s="159">
        <v>4</v>
      </c>
      <c r="AK10" s="160">
        <v>10</v>
      </c>
      <c r="AL10" s="165">
        <v>14</v>
      </c>
      <c r="AM10" s="162">
        <v>0</v>
      </c>
      <c r="AN10" s="160">
        <v>64</v>
      </c>
      <c r="AO10" s="160">
        <v>74</v>
      </c>
      <c r="AP10" s="160">
        <v>40</v>
      </c>
      <c r="AQ10" s="160">
        <v>48</v>
      </c>
      <c r="AR10" s="160">
        <v>29</v>
      </c>
      <c r="AS10" s="165">
        <v>255</v>
      </c>
      <c r="AT10" s="164">
        <v>269</v>
      </c>
      <c r="AU10" s="159">
        <v>165</v>
      </c>
      <c r="AV10" s="160">
        <v>117</v>
      </c>
      <c r="AW10" s="165">
        <v>282</v>
      </c>
      <c r="AX10" s="162">
        <v>0</v>
      </c>
      <c r="AY10" s="160">
        <v>1324</v>
      </c>
      <c r="AZ10" s="160">
        <v>1221</v>
      </c>
      <c r="BA10" s="160">
        <v>1027</v>
      </c>
      <c r="BB10" s="160">
        <v>1075</v>
      </c>
      <c r="BC10" s="160">
        <v>710</v>
      </c>
      <c r="BD10" s="163">
        <v>5357</v>
      </c>
      <c r="BE10" s="164">
        <v>5639</v>
      </c>
      <c r="BF10" s="159">
        <v>0</v>
      </c>
      <c r="BG10" s="160">
        <v>0</v>
      </c>
      <c r="BH10" s="165">
        <v>0</v>
      </c>
      <c r="BI10" s="162">
        <v>0</v>
      </c>
      <c r="BJ10" s="160">
        <v>1769</v>
      </c>
      <c r="BK10" s="160">
        <v>1056</v>
      </c>
      <c r="BL10" s="160">
        <v>527</v>
      </c>
      <c r="BM10" s="160">
        <v>286</v>
      </c>
      <c r="BN10" s="160">
        <v>147</v>
      </c>
      <c r="BO10" s="165">
        <v>3785</v>
      </c>
      <c r="BP10" s="164">
        <v>3785</v>
      </c>
      <c r="BQ10" s="159">
        <v>62</v>
      </c>
      <c r="BR10" s="160">
        <v>74</v>
      </c>
      <c r="BS10" s="165">
        <v>136</v>
      </c>
      <c r="BT10" s="162">
        <v>0</v>
      </c>
      <c r="BU10" s="160">
        <v>300</v>
      </c>
      <c r="BV10" s="160">
        <v>223</v>
      </c>
      <c r="BW10" s="160">
        <v>115</v>
      </c>
      <c r="BX10" s="160">
        <v>78</v>
      </c>
      <c r="BY10" s="160">
        <v>30</v>
      </c>
      <c r="BZ10" s="165">
        <v>746</v>
      </c>
      <c r="CA10" s="164">
        <v>882</v>
      </c>
      <c r="CB10" s="159">
        <v>5</v>
      </c>
      <c r="CC10" s="160">
        <v>3</v>
      </c>
      <c r="CD10" s="165">
        <v>8</v>
      </c>
      <c r="CE10" s="162">
        <v>0</v>
      </c>
      <c r="CF10" s="160">
        <v>263</v>
      </c>
      <c r="CG10" s="160">
        <v>281</v>
      </c>
      <c r="CH10" s="160">
        <v>279</v>
      </c>
      <c r="CI10" s="160">
        <v>194</v>
      </c>
      <c r="CJ10" s="160">
        <v>117</v>
      </c>
      <c r="CK10" s="165">
        <v>1134</v>
      </c>
      <c r="CL10" s="164">
        <v>1142</v>
      </c>
      <c r="CM10" s="159">
        <v>0</v>
      </c>
      <c r="CN10" s="160">
        <v>0</v>
      </c>
      <c r="CO10" s="165">
        <v>0</v>
      </c>
      <c r="CP10" s="162">
        <v>0</v>
      </c>
      <c r="CQ10" s="160">
        <v>11</v>
      </c>
      <c r="CR10" s="160">
        <v>7</v>
      </c>
      <c r="CS10" s="160">
        <v>9</v>
      </c>
      <c r="CT10" s="160">
        <v>19</v>
      </c>
      <c r="CU10" s="160">
        <v>4</v>
      </c>
      <c r="CV10" s="165">
        <v>50</v>
      </c>
      <c r="CW10" s="164">
        <v>50</v>
      </c>
      <c r="CX10" s="159">
        <v>0</v>
      </c>
      <c r="CY10" s="160">
        <v>0</v>
      </c>
      <c r="CZ10" s="165">
        <v>0</v>
      </c>
      <c r="DA10" s="162">
        <v>0</v>
      </c>
      <c r="DB10" s="160">
        <v>0</v>
      </c>
      <c r="DC10" s="160">
        <v>0</v>
      </c>
      <c r="DD10" s="160">
        <v>0</v>
      </c>
      <c r="DE10" s="160">
        <v>0</v>
      </c>
      <c r="DF10" s="160">
        <v>0</v>
      </c>
      <c r="DG10" s="165">
        <v>0</v>
      </c>
      <c r="DH10" s="164">
        <v>0</v>
      </c>
      <c r="DI10" s="159">
        <v>0</v>
      </c>
      <c r="DJ10" s="160">
        <v>0</v>
      </c>
      <c r="DK10" s="165">
        <v>0</v>
      </c>
      <c r="DL10" s="162">
        <v>0</v>
      </c>
      <c r="DM10" s="160">
        <v>0</v>
      </c>
      <c r="DN10" s="160">
        <v>0</v>
      </c>
      <c r="DO10" s="160">
        <v>0</v>
      </c>
      <c r="DP10" s="160">
        <v>0</v>
      </c>
      <c r="DQ10" s="160">
        <v>0</v>
      </c>
      <c r="DR10" s="165">
        <v>0</v>
      </c>
      <c r="DS10" s="164">
        <v>0</v>
      </c>
      <c r="DT10" s="159">
        <v>437</v>
      </c>
      <c r="DU10" s="160">
        <v>824</v>
      </c>
      <c r="DV10" s="165">
        <v>1261</v>
      </c>
      <c r="DW10" s="162">
        <v>0</v>
      </c>
      <c r="DX10" s="160">
        <v>2238</v>
      </c>
      <c r="DY10" s="160">
        <v>2264</v>
      </c>
      <c r="DZ10" s="160">
        <v>1216</v>
      </c>
      <c r="EA10" s="160">
        <v>987</v>
      </c>
      <c r="EB10" s="160">
        <v>645</v>
      </c>
      <c r="EC10" s="165">
        <v>7350</v>
      </c>
      <c r="ED10" s="164">
        <v>8611</v>
      </c>
      <c r="EE10" s="159">
        <v>99</v>
      </c>
      <c r="EF10" s="160">
        <v>48</v>
      </c>
      <c r="EG10" s="165">
        <v>147</v>
      </c>
      <c r="EH10" s="162">
        <v>0</v>
      </c>
      <c r="EI10" s="160">
        <v>471</v>
      </c>
      <c r="EJ10" s="160">
        <v>334</v>
      </c>
      <c r="EK10" s="160">
        <v>270</v>
      </c>
      <c r="EL10" s="160">
        <v>325</v>
      </c>
      <c r="EM10" s="160">
        <v>161</v>
      </c>
      <c r="EN10" s="165">
        <v>1561</v>
      </c>
      <c r="EO10" s="164">
        <v>1708</v>
      </c>
      <c r="EP10" s="159">
        <v>517</v>
      </c>
      <c r="EQ10" s="160">
        <v>915</v>
      </c>
      <c r="ER10" s="165">
        <v>1432</v>
      </c>
      <c r="ES10" s="162">
        <v>0</v>
      </c>
      <c r="ET10" s="160">
        <v>4653</v>
      </c>
      <c r="EU10" s="160">
        <v>3046</v>
      </c>
      <c r="EV10" s="160">
        <v>1503</v>
      </c>
      <c r="EW10" s="160">
        <v>1109</v>
      </c>
      <c r="EX10" s="160">
        <v>664</v>
      </c>
      <c r="EY10" s="165">
        <v>10975</v>
      </c>
      <c r="EZ10" s="164">
        <v>12407</v>
      </c>
    </row>
    <row r="11" spans="2:156" ht="21" customHeight="1" x14ac:dyDescent="0.2">
      <c r="B11" s="166" t="s">
        <v>8</v>
      </c>
      <c r="C11" s="159">
        <v>0</v>
      </c>
      <c r="D11" s="160">
        <v>0</v>
      </c>
      <c r="E11" s="161">
        <v>0</v>
      </c>
      <c r="F11" s="162">
        <v>0</v>
      </c>
      <c r="G11" s="160">
        <v>480</v>
      </c>
      <c r="H11" s="160">
        <v>658</v>
      </c>
      <c r="I11" s="160">
        <v>405</v>
      </c>
      <c r="J11" s="160">
        <v>309</v>
      </c>
      <c r="K11" s="160">
        <v>270</v>
      </c>
      <c r="L11" s="163">
        <v>2122</v>
      </c>
      <c r="M11" s="164">
        <v>2122</v>
      </c>
      <c r="N11" s="159">
        <v>0</v>
      </c>
      <c r="O11" s="160">
        <v>0</v>
      </c>
      <c r="P11" s="165">
        <v>0</v>
      </c>
      <c r="Q11" s="162">
        <v>0</v>
      </c>
      <c r="R11" s="160">
        <v>5</v>
      </c>
      <c r="S11" s="160">
        <v>14</v>
      </c>
      <c r="T11" s="160">
        <v>24</v>
      </c>
      <c r="U11" s="160">
        <v>49</v>
      </c>
      <c r="V11" s="160">
        <v>94</v>
      </c>
      <c r="W11" s="165">
        <v>186</v>
      </c>
      <c r="X11" s="164">
        <v>186</v>
      </c>
      <c r="Y11" s="159">
        <v>64</v>
      </c>
      <c r="Z11" s="160">
        <v>100</v>
      </c>
      <c r="AA11" s="165">
        <v>164</v>
      </c>
      <c r="AB11" s="162">
        <v>0</v>
      </c>
      <c r="AC11" s="160">
        <v>321</v>
      </c>
      <c r="AD11" s="160">
        <v>456</v>
      </c>
      <c r="AE11" s="160">
        <v>275</v>
      </c>
      <c r="AF11" s="160">
        <v>262</v>
      </c>
      <c r="AG11" s="160">
        <v>205</v>
      </c>
      <c r="AH11" s="165">
        <v>1519</v>
      </c>
      <c r="AI11" s="164">
        <v>1683</v>
      </c>
      <c r="AJ11" s="159">
        <v>11</v>
      </c>
      <c r="AK11" s="160">
        <v>23</v>
      </c>
      <c r="AL11" s="165">
        <v>34</v>
      </c>
      <c r="AM11" s="162">
        <v>0</v>
      </c>
      <c r="AN11" s="160">
        <v>54</v>
      </c>
      <c r="AO11" s="160">
        <v>87</v>
      </c>
      <c r="AP11" s="160">
        <v>35</v>
      </c>
      <c r="AQ11" s="160">
        <v>33</v>
      </c>
      <c r="AR11" s="160">
        <v>23</v>
      </c>
      <c r="AS11" s="165">
        <v>232</v>
      </c>
      <c r="AT11" s="164">
        <v>266</v>
      </c>
      <c r="AU11" s="159">
        <v>79</v>
      </c>
      <c r="AV11" s="160">
        <v>57</v>
      </c>
      <c r="AW11" s="165">
        <v>136</v>
      </c>
      <c r="AX11" s="162">
        <v>0</v>
      </c>
      <c r="AY11" s="160">
        <v>527</v>
      </c>
      <c r="AZ11" s="160">
        <v>642</v>
      </c>
      <c r="BA11" s="160">
        <v>616</v>
      </c>
      <c r="BB11" s="160">
        <v>562</v>
      </c>
      <c r="BC11" s="160">
        <v>460</v>
      </c>
      <c r="BD11" s="163">
        <v>2807</v>
      </c>
      <c r="BE11" s="164">
        <v>2943</v>
      </c>
      <c r="BF11" s="159">
        <v>0</v>
      </c>
      <c r="BG11" s="160">
        <v>0</v>
      </c>
      <c r="BH11" s="165">
        <v>0</v>
      </c>
      <c r="BI11" s="162">
        <v>0</v>
      </c>
      <c r="BJ11" s="160">
        <v>610</v>
      </c>
      <c r="BK11" s="160">
        <v>636</v>
      </c>
      <c r="BL11" s="160">
        <v>365</v>
      </c>
      <c r="BM11" s="160">
        <v>225</v>
      </c>
      <c r="BN11" s="160">
        <v>117</v>
      </c>
      <c r="BO11" s="165">
        <v>1953</v>
      </c>
      <c r="BP11" s="164">
        <v>1953</v>
      </c>
      <c r="BQ11" s="159">
        <v>69</v>
      </c>
      <c r="BR11" s="160">
        <v>65</v>
      </c>
      <c r="BS11" s="165">
        <v>134</v>
      </c>
      <c r="BT11" s="162">
        <v>0</v>
      </c>
      <c r="BU11" s="160">
        <v>161</v>
      </c>
      <c r="BV11" s="160">
        <v>172</v>
      </c>
      <c r="BW11" s="160">
        <v>110</v>
      </c>
      <c r="BX11" s="160">
        <v>65</v>
      </c>
      <c r="BY11" s="160">
        <v>19</v>
      </c>
      <c r="BZ11" s="165">
        <v>527</v>
      </c>
      <c r="CA11" s="164">
        <v>661</v>
      </c>
      <c r="CB11" s="159">
        <v>6</v>
      </c>
      <c r="CC11" s="160">
        <v>9</v>
      </c>
      <c r="CD11" s="165">
        <v>15</v>
      </c>
      <c r="CE11" s="162">
        <v>0</v>
      </c>
      <c r="CF11" s="160">
        <v>100</v>
      </c>
      <c r="CG11" s="160">
        <v>174</v>
      </c>
      <c r="CH11" s="160">
        <v>210</v>
      </c>
      <c r="CI11" s="160">
        <v>140</v>
      </c>
      <c r="CJ11" s="160">
        <v>69</v>
      </c>
      <c r="CK11" s="165">
        <v>693</v>
      </c>
      <c r="CL11" s="164">
        <v>708</v>
      </c>
      <c r="CM11" s="159">
        <v>1</v>
      </c>
      <c r="CN11" s="160">
        <v>0</v>
      </c>
      <c r="CO11" s="165">
        <v>1</v>
      </c>
      <c r="CP11" s="162">
        <v>0</v>
      </c>
      <c r="CQ11" s="160">
        <v>2</v>
      </c>
      <c r="CR11" s="160">
        <v>5</v>
      </c>
      <c r="CS11" s="160">
        <v>3</v>
      </c>
      <c r="CT11" s="160">
        <v>4</v>
      </c>
      <c r="CU11" s="160">
        <v>2</v>
      </c>
      <c r="CV11" s="165">
        <v>16</v>
      </c>
      <c r="CW11" s="164">
        <v>17</v>
      </c>
      <c r="CX11" s="159">
        <v>0</v>
      </c>
      <c r="CY11" s="160">
        <v>0</v>
      </c>
      <c r="CZ11" s="165">
        <v>0</v>
      </c>
      <c r="DA11" s="162">
        <v>0</v>
      </c>
      <c r="DB11" s="160">
        <v>0</v>
      </c>
      <c r="DC11" s="160">
        <v>0</v>
      </c>
      <c r="DD11" s="160">
        <v>0</v>
      </c>
      <c r="DE11" s="160">
        <v>0</v>
      </c>
      <c r="DF11" s="160">
        <v>0</v>
      </c>
      <c r="DG11" s="165">
        <v>0</v>
      </c>
      <c r="DH11" s="164">
        <v>0</v>
      </c>
      <c r="DI11" s="159">
        <v>0</v>
      </c>
      <c r="DJ11" s="160">
        <v>0</v>
      </c>
      <c r="DK11" s="165">
        <v>0</v>
      </c>
      <c r="DL11" s="162">
        <v>0</v>
      </c>
      <c r="DM11" s="160">
        <v>0</v>
      </c>
      <c r="DN11" s="160">
        <v>0</v>
      </c>
      <c r="DO11" s="160">
        <v>0</v>
      </c>
      <c r="DP11" s="160">
        <v>0</v>
      </c>
      <c r="DQ11" s="160">
        <v>0</v>
      </c>
      <c r="DR11" s="165">
        <v>0</v>
      </c>
      <c r="DS11" s="164">
        <v>0</v>
      </c>
      <c r="DT11" s="159">
        <v>483</v>
      </c>
      <c r="DU11" s="160">
        <v>632</v>
      </c>
      <c r="DV11" s="165">
        <v>1115</v>
      </c>
      <c r="DW11" s="162">
        <v>0</v>
      </c>
      <c r="DX11" s="160">
        <v>1057</v>
      </c>
      <c r="DY11" s="160">
        <v>1594</v>
      </c>
      <c r="DZ11" s="160">
        <v>894</v>
      </c>
      <c r="EA11" s="160">
        <v>647</v>
      </c>
      <c r="EB11" s="160">
        <v>422</v>
      </c>
      <c r="EC11" s="165">
        <v>4614</v>
      </c>
      <c r="ED11" s="164">
        <v>5729</v>
      </c>
      <c r="EE11" s="159">
        <v>47</v>
      </c>
      <c r="EF11" s="160">
        <v>20</v>
      </c>
      <c r="EG11" s="165">
        <v>67</v>
      </c>
      <c r="EH11" s="162">
        <v>0</v>
      </c>
      <c r="EI11" s="160">
        <v>148</v>
      </c>
      <c r="EJ11" s="160">
        <v>132</v>
      </c>
      <c r="EK11" s="160">
        <v>114</v>
      </c>
      <c r="EL11" s="160">
        <v>126</v>
      </c>
      <c r="EM11" s="160">
        <v>78</v>
      </c>
      <c r="EN11" s="165">
        <v>598</v>
      </c>
      <c r="EO11" s="164">
        <v>665</v>
      </c>
      <c r="EP11" s="159">
        <v>584</v>
      </c>
      <c r="EQ11" s="160">
        <v>705</v>
      </c>
      <c r="ER11" s="165">
        <v>1289</v>
      </c>
      <c r="ES11" s="162">
        <v>0</v>
      </c>
      <c r="ET11" s="160">
        <v>1946</v>
      </c>
      <c r="EU11" s="160">
        <v>1983</v>
      </c>
      <c r="EV11" s="160">
        <v>1031</v>
      </c>
      <c r="EW11" s="160">
        <v>694</v>
      </c>
      <c r="EX11" s="160">
        <v>438</v>
      </c>
      <c r="EY11" s="165">
        <v>6092</v>
      </c>
      <c r="EZ11" s="164">
        <v>7381</v>
      </c>
    </row>
    <row r="12" spans="2:156" ht="21" customHeight="1" x14ac:dyDescent="0.2">
      <c r="B12" s="166" t="s">
        <v>9</v>
      </c>
      <c r="C12" s="159">
        <v>0</v>
      </c>
      <c r="D12" s="160">
        <v>0</v>
      </c>
      <c r="E12" s="161">
        <v>0</v>
      </c>
      <c r="F12" s="162">
        <v>0</v>
      </c>
      <c r="G12" s="160">
        <v>631</v>
      </c>
      <c r="H12" s="160">
        <v>513</v>
      </c>
      <c r="I12" s="160">
        <v>368</v>
      </c>
      <c r="J12" s="160">
        <v>335</v>
      </c>
      <c r="K12" s="160">
        <v>245</v>
      </c>
      <c r="L12" s="163">
        <v>2092</v>
      </c>
      <c r="M12" s="164">
        <v>2092</v>
      </c>
      <c r="N12" s="159">
        <v>0</v>
      </c>
      <c r="O12" s="160">
        <v>0</v>
      </c>
      <c r="P12" s="165">
        <v>0</v>
      </c>
      <c r="Q12" s="162">
        <v>0</v>
      </c>
      <c r="R12" s="160">
        <v>2</v>
      </c>
      <c r="S12" s="160">
        <v>7</v>
      </c>
      <c r="T12" s="160">
        <v>15</v>
      </c>
      <c r="U12" s="160">
        <v>51</v>
      </c>
      <c r="V12" s="160">
        <v>92</v>
      </c>
      <c r="W12" s="165">
        <v>167</v>
      </c>
      <c r="X12" s="164">
        <v>167</v>
      </c>
      <c r="Y12" s="159">
        <v>71</v>
      </c>
      <c r="Z12" s="160">
        <v>104</v>
      </c>
      <c r="AA12" s="165">
        <v>175</v>
      </c>
      <c r="AB12" s="162">
        <v>0</v>
      </c>
      <c r="AC12" s="160">
        <v>399</v>
      </c>
      <c r="AD12" s="160">
        <v>367</v>
      </c>
      <c r="AE12" s="160">
        <v>253</v>
      </c>
      <c r="AF12" s="160">
        <v>274</v>
      </c>
      <c r="AG12" s="160">
        <v>217</v>
      </c>
      <c r="AH12" s="165">
        <v>1510</v>
      </c>
      <c r="AI12" s="164">
        <v>1685</v>
      </c>
      <c r="AJ12" s="159">
        <v>1</v>
      </c>
      <c r="AK12" s="160">
        <v>10</v>
      </c>
      <c r="AL12" s="165">
        <v>11</v>
      </c>
      <c r="AM12" s="162">
        <v>0</v>
      </c>
      <c r="AN12" s="160">
        <v>37</v>
      </c>
      <c r="AO12" s="160">
        <v>44</v>
      </c>
      <c r="AP12" s="160">
        <v>27</v>
      </c>
      <c r="AQ12" s="160">
        <v>32</v>
      </c>
      <c r="AR12" s="160">
        <v>30</v>
      </c>
      <c r="AS12" s="165">
        <v>170</v>
      </c>
      <c r="AT12" s="164">
        <v>181</v>
      </c>
      <c r="AU12" s="159">
        <v>99</v>
      </c>
      <c r="AV12" s="160">
        <v>73</v>
      </c>
      <c r="AW12" s="165">
        <v>172</v>
      </c>
      <c r="AX12" s="162">
        <v>0</v>
      </c>
      <c r="AY12" s="160">
        <v>569</v>
      </c>
      <c r="AZ12" s="160">
        <v>605</v>
      </c>
      <c r="BA12" s="160">
        <v>581</v>
      </c>
      <c r="BB12" s="160">
        <v>606</v>
      </c>
      <c r="BC12" s="160">
        <v>442</v>
      </c>
      <c r="BD12" s="163">
        <v>2803</v>
      </c>
      <c r="BE12" s="164">
        <v>2975</v>
      </c>
      <c r="BF12" s="159">
        <v>0</v>
      </c>
      <c r="BG12" s="160">
        <v>0</v>
      </c>
      <c r="BH12" s="165">
        <v>0</v>
      </c>
      <c r="BI12" s="162">
        <v>0</v>
      </c>
      <c r="BJ12" s="160">
        <v>595</v>
      </c>
      <c r="BK12" s="160">
        <v>414</v>
      </c>
      <c r="BL12" s="160">
        <v>260</v>
      </c>
      <c r="BM12" s="160">
        <v>152</v>
      </c>
      <c r="BN12" s="160">
        <v>69</v>
      </c>
      <c r="BO12" s="165">
        <v>1490</v>
      </c>
      <c r="BP12" s="164">
        <v>1490</v>
      </c>
      <c r="BQ12" s="159">
        <v>50</v>
      </c>
      <c r="BR12" s="160">
        <v>75</v>
      </c>
      <c r="BS12" s="165">
        <v>125</v>
      </c>
      <c r="BT12" s="162">
        <v>0</v>
      </c>
      <c r="BU12" s="160">
        <v>162</v>
      </c>
      <c r="BV12" s="160">
        <v>122</v>
      </c>
      <c r="BW12" s="160">
        <v>88</v>
      </c>
      <c r="BX12" s="160">
        <v>81</v>
      </c>
      <c r="BY12" s="160">
        <v>24</v>
      </c>
      <c r="BZ12" s="165">
        <v>477</v>
      </c>
      <c r="CA12" s="164">
        <v>602</v>
      </c>
      <c r="CB12" s="159">
        <v>2</v>
      </c>
      <c r="CC12" s="160">
        <v>5</v>
      </c>
      <c r="CD12" s="165">
        <v>7</v>
      </c>
      <c r="CE12" s="162">
        <v>0</v>
      </c>
      <c r="CF12" s="160">
        <v>69</v>
      </c>
      <c r="CG12" s="160">
        <v>101</v>
      </c>
      <c r="CH12" s="160">
        <v>121</v>
      </c>
      <c r="CI12" s="160">
        <v>99</v>
      </c>
      <c r="CJ12" s="160">
        <v>53</v>
      </c>
      <c r="CK12" s="165">
        <v>443</v>
      </c>
      <c r="CL12" s="164">
        <v>450</v>
      </c>
      <c r="CM12" s="159">
        <v>0</v>
      </c>
      <c r="CN12" s="160">
        <v>0</v>
      </c>
      <c r="CO12" s="165">
        <v>0</v>
      </c>
      <c r="CP12" s="162">
        <v>0</v>
      </c>
      <c r="CQ12" s="160">
        <v>9</v>
      </c>
      <c r="CR12" s="160">
        <v>13</v>
      </c>
      <c r="CS12" s="160">
        <v>21</v>
      </c>
      <c r="CT12" s="160">
        <v>20</v>
      </c>
      <c r="CU12" s="160">
        <v>14</v>
      </c>
      <c r="CV12" s="165">
        <v>77</v>
      </c>
      <c r="CW12" s="164">
        <v>77</v>
      </c>
      <c r="CX12" s="159">
        <v>0</v>
      </c>
      <c r="CY12" s="160">
        <v>0</v>
      </c>
      <c r="CZ12" s="165">
        <v>0</v>
      </c>
      <c r="DA12" s="162">
        <v>0</v>
      </c>
      <c r="DB12" s="160">
        <v>0</v>
      </c>
      <c r="DC12" s="160">
        <v>0</v>
      </c>
      <c r="DD12" s="160">
        <v>0</v>
      </c>
      <c r="DE12" s="160">
        <v>0</v>
      </c>
      <c r="DF12" s="160">
        <v>0</v>
      </c>
      <c r="DG12" s="165">
        <v>0</v>
      </c>
      <c r="DH12" s="164">
        <v>0</v>
      </c>
      <c r="DI12" s="159">
        <v>0</v>
      </c>
      <c r="DJ12" s="160">
        <v>0</v>
      </c>
      <c r="DK12" s="165">
        <v>0</v>
      </c>
      <c r="DL12" s="162">
        <v>0</v>
      </c>
      <c r="DM12" s="160">
        <v>0</v>
      </c>
      <c r="DN12" s="160">
        <v>0</v>
      </c>
      <c r="DO12" s="160">
        <v>0</v>
      </c>
      <c r="DP12" s="160">
        <v>0</v>
      </c>
      <c r="DQ12" s="160">
        <v>0</v>
      </c>
      <c r="DR12" s="165">
        <v>0</v>
      </c>
      <c r="DS12" s="164">
        <v>0</v>
      </c>
      <c r="DT12" s="159">
        <v>364</v>
      </c>
      <c r="DU12" s="160">
        <v>467</v>
      </c>
      <c r="DV12" s="165">
        <v>831</v>
      </c>
      <c r="DW12" s="162">
        <v>0</v>
      </c>
      <c r="DX12" s="160">
        <v>923</v>
      </c>
      <c r="DY12" s="160">
        <v>1001</v>
      </c>
      <c r="DZ12" s="160">
        <v>656</v>
      </c>
      <c r="EA12" s="160">
        <v>558</v>
      </c>
      <c r="EB12" s="160">
        <v>377</v>
      </c>
      <c r="EC12" s="165">
        <v>3515</v>
      </c>
      <c r="ED12" s="164">
        <v>4346</v>
      </c>
      <c r="EE12" s="159">
        <v>57</v>
      </c>
      <c r="EF12" s="160">
        <v>22</v>
      </c>
      <c r="EG12" s="165">
        <v>79</v>
      </c>
      <c r="EH12" s="162">
        <v>0</v>
      </c>
      <c r="EI12" s="160">
        <v>222</v>
      </c>
      <c r="EJ12" s="160">
        <v>166</v>
      </c>
      <c r="EK12" s="160">
        <v>158</v>
      </c>
      <c r="EL12" s="160">
        <v>173</v>
      </c>
      <c r="EM12" s="160">
        <v>118</v>
      </c>
      <c r="EN12" s="165">
        <v>837</v>
      </c>
      <c r="EO12" s="164">
        <v>916</v>
      </c>
      <c r="EP12" s="159">
        <v>458</v>
      </c>
      <c r="EQ12" s="160">
        <v>558</v>
      </c>
      <c r="ER12" s="165">
        <v>1016</v>
      </c>
      <c r="ES12" s="162">
        <v>0</v>
      </c>
      <c r="ET12" s="160">
        <v>1747</v>
      </c>
      <c r="EU12" s="160">
        <v>1315</v>
      </c>
      <c r="EV12" s="160">
        <v>785</v>
      </c>
      <c r="EW12" s="160">
        <v>609</v>
      </c>
      <c r="EX12" s="160">
        <v>377</v>
      </c>
      <c r="EY12" s="165">
        <v>4833</v>
      </c>
      <c r="EZ12" s="164">
        <v>5849</v>
      </c>
    </row>
    <row r="13" spans="2:156" ht="21" customHeight="1" x14ac:dyDescent="0.2">
      <c r="B13" s="166" t="s">
        <v>10</v>
      </c>
      <c r="C13" s="159">
        <v>0</v>
      </c>
      <c r="D13" s="160">
        <v>0</v>
      </c>
      <c r="E13" s="161">
        <v>0</v>
      </c>
      <c r="F13" s="162">
        <v>0</v>
      </c>
      <c r="G13" s="160">
        <v>1334</v>
      </c>
      <c r="H13" s="160">
        <v>779</v>
      </c>
      <c r="I13" s="160">
        <v>512</v>
      </c>
      <c r="J13" s="160">
        <v>491</v>
      </c>
      <c r="K13" s="160">
        <v>374</v>
      </c>
      <c r="L13" s="163">
        <v>3490</v>
      </c>
      <c r="M13" s="164">
        <v>3490</v>
      </c>
      <c r="N13" s="159">
        <v>0</v>
      </c>
      <c r="O13" s="160">
        <v>1</v>
      </c>
      <c r="P13" s="165">
        <v>1</v>
      </c>
      <c r="Q13" s="162">
        <v>0</v>
      </c>
      <c r="R13" s="160">
        <v>4</v>
      </c>
      <c r="S13" s="160">
        <v>27</v>
      </c>
      <c r="T13" s="160">
        <v>41</v>
      </c>
      <c r="U13" s="160">
        <v>76</v>
      </c>
      <c r="V13" s="160">
        <v>170</v>
      </c>
      <c r="W13" s="165">
        <v>318</v>
      </c>
      <c r="X13" s="164">
        <v>319</v>
      </c>
      <c r="Y13" s="159">
        <v>182</v>
      </c>
      <c r="Z13" s="160">
        <v>304</v>
      </c>
      <c r="AA13" s="165">
        <v>486</v>
      </c>
      <c r="AB13" s="162">
        <v>0</v>
      </c>
      <c r="AC13" s="160">
        <v>889</v>
      </c>
      <c r="AD13" s="160">
        <v>604</v>
      </c>
      <c r="AE13" s="160">
        <v>372</v>
      </c>
      <c r="AF13" s="160">
        <v>371</v>
      </c>
      <c r="AG13" s="160">
        <v>275</v>
      </c>
      <c r="AH13" s="165">
        <v>2511</v>
      </c>
      <c r="AI13" s="164">
        <v>2997</v>
      </c>
      <c r="AJ13" s="159">
        <v>22</v>
      </c>
      <c r="AK13" s="160">
        <v>49</v>
      </c>
      <c r="AL13" s="165">
        <v>71</v>
      </c>
      <c r="AM13" s="162">
        <v>0</v>
      </c>
      <c r="AN13" s="160">
        <v>117</v>
      </c>
      <c r="AO13" s="160">
        <v>89</v>
      </c>
      <c r="AP13" s="160">
        <v>61</v>
      </c>
      <c r="AQ13" s="160">
        <v>44</v>
      </c>
      <c r="AR13" s="160">
        <v>53</v>
      </c>
      <c r="AS13" s="165">
        <v>364</v>
      </c>
      <c r="AT13" s="164">
        <v>435</v>
      </c>
      <c r="AU13" s="159">
        <v>205</v>
      </c>
      <c r="AV13" s="160">
        <v>281</v>
      </c>
      <c r="AW13" s="165">
        <v>486</v>
      </c>
      <c r="AX13" s="162">
        <v>0</v>
      </c>
      <c r="AY13" s="160">
        <v>1386</v>
      </c>
      <c r="AZ13" s="160">
        <v>1156</v>
      </c>
      <c r="BA13" s="160">
        <v>1016</v>
      </c>
      <c r="BB13" s="160">
        <v>1023</v>
      </c>
      <c r="BC13" s="160">
        <v>799</v>
      </c>
      <c r="BD13" s="163">
        <v>5380</v>
      </c>
      <c r="BE13" s="164">
        <v>5866</v>
      </c>
      <c r="BF13" s="159">
        <v>0</v>
      </c>
      <c r="BG13" s="160">
        <v>0</v>
      </c>
      <c r="BH13" s="165">
        <v>0</v>
      </c>
      <c r="BI13" s="162">
        <v>0</v>
      </c>
      <c r="BJ13" s="160">
        <v>1740</v>
      </c>
      <c r="BK13" s="160">
        <v>871</v>
      </c>
      <c r="BL13" s="160">
        <v>457</v>
      </c>
      <c r="BM13" s="160">
        <v>290</v>
      </c>
      <c r="BN13" s="160">
        <v>140</v>
      </c>
      <c r="BO13" s="165">
        <v>3498</v>
      </c>
      <c r="BP13" s="164">
        <v>3498</v>
      </c>
      <c r="BQ13" s="159">
        <v>45</v>
      </c>
      <c r="BR13" s="160">
        <v>82</v>
      </c>
      <c r="BS13" s="165">
        <v>127</v>
      </c>
      <c r="BT13" s="162">
        <v>0</v>
      </c>
      <c r="BU13" s="160">
        <v>246</v>
      </c>
      <c r="BV13" s="160">
        <v>195</v>
      </c>
      <c r="BW13" s="160">
        <v>113</v>
      </c>
      <c r="BX13" s="160">
        <v>58</v>
      </c>
      <c r="BY13" s="160">
        <v>31</v>
      </c>
      <c r="BZ13" s="165">
        <v>643</v>
      </c>
      <c r="CA13" s="164">
        <v>770</v>
      </c>
      <c r="CB13" s="159">
        <v>8</v>
      </c>
      <c r="CC13" s="160">
        <v>23</v>
      </c>
      <c r="CD13" s="165">
        <v>31</v>
      </c>
      <c r="CE13" s="162">
        <v>0</v>
      </c>
      <c r="CF13" s="160">
        <v>194</v>
      </c>
      <c r="CG13" s="160">
        <v>175</v>
      </c>
      <c r="CH13" s="160">
        <v>164</v>
      </c>
      <c r="CI13" s="160">
        <v>155</v>
      </c>
      <c r="CJ13" s="160">
        <v>91</v>
      </c>
      <c r="CK13" s="165">
        <v>779</v>
      </c>
      <c r="CL13" s="164">
        <v>810</v>
      </c>
      <c r="CM13" s="159">
        <v>0</v>
      </c>
      <c r="CN13" s="160">
        <v>0</v>
      </c>
      <c r="CO13" s="165">
        <v>0</v>
      </c>
      <c r="CP13" s="162">
        <v>0</v>
      </c>
      <c r="CQ13" s="160">
        <v>3</v>
      </c>
      <c r="CR13" s="160">
        <v>13</v>
      </c>
      <c r="CS13" s="160">
        <v>18</v>
      </c>
      <c r="CT13" s="160">
        <v>10</v>
      </c>
      <c r="CU13" s="160">
        <v>9</v>
      </c>
      <c r="CV13" s="165">
        <v>53</v>
      </c>
      <c r="CW13" s="164">
        <v>53</v>
      </c>
      <c r="CX13" s="159">
        <v>0</v>
      </c>
      <c r="CY13" s="160">
        <v>0</v>
      </c>
      <c r="CZ13" s="165">
        <v>0</v>
      </c>
      <c r="DA13" s="162">
        <v>0</v>
      </c>
      <c r="DB13" s="160">
        <v>0</v>
      </c>
      <c r="DC13" s="160">
        <v>0</v>
      </c>
      <c r="DD13" s="160">
        <v>0</v>
      </c>
      <c r="DE13" s="160">
        <v>0</v>
      </c>
      <c r="DF13" s="160">
        <v>0</v>
      </c>
      <c r="DG13" s="165">
        <v>0</v>
      </c>
      <c r="DH13" s="164">
        <v>0</v>
      </c>
      <c r="DI13" s="159">
        <v>0</v>
      </c>
      <c r="DJ13" s="160">
        <v>0</v>
      </c>
      <c r="DK13" s="165">
        <v>0</v>
      </c>
      <c r="DL13" s="162">
        <v>0</v>
      </c>
      <c r="DM13" s="160">
        <v>0</v>
      </c>
      <c r="DN13" s="160">
        <v>0</v>
      </c>
      <c r="DO13" s="160">
        <v>0</v>
      </c>
      <c r="DP13" s="160">
        <v>0</v>
      </c>
      <c r="DQ13" s="160">
        <v>0</v>
      </c>
      <c r="DR13" s="165">
        <v>0</v>
      </c>
      <c r="DS13" s="164">
        <v>0</v>
      </c>
      <c r="DT13" s="159">
        <v>1012</v>
      </c>
      <c r="DU13" s="160">
        <v>1309</v>
      </c>
      <c r="DV13" s="165">
        <v>2321</v>
      </c>
      <c r="DW13" s="162">
        <v>0</v>
      </c>
      <c r="DX13" s="160">
        <v>2103</v>
      </c>
      <c r="DY13" s="160">
        <v>1666</v>
      </c>
      <c r="DZ13" s="160">
        <v>1025</v>
      </c>
      <c r="EA13" s="160">
        <v>906</v>
      </c>
      <c r="EB13" s="160">
        <v>602</v>
      </c>
      <c r="EC13" s="165">
        <v>6302</v>
      </c>
      <c r="ED13" s="164">
        <v>8623</v>
      </c>
      <c r="EE13" s="159">
        <v>75</v>
      </c>
      <c r="EF13" s="160">
        <v>67</v>
      </c>
      <c r="EG13" s="165">
        <v>142</v>
      </c>
      <c r="EH13" s="162">
        <v>0</v>
      </c>
      <c r="EI13" s="160">
        <v>309</v>
      </c>
      <c r="EJ13" s="160">
        <v>266</v>
      </c>
      <c r="EK13" s="160">
        <v>232</v>
      </c>
      <c r="EL13" s="160">
        <v>242</v>
      </c>
      <c r="EM13" s="160">
        <v>144</v>
      </c>
      <c r="EN13" s="165">
        <v>1193</v>
      </c>
      <c r="EO13" s="164">
        <v>1335</v>
      </c>
      <c r="EP13" s="159">
        <v>1209</v>
      </c>
      <c r="EQ13" s="160">
        <v>1515</v>
      </c>
      <c r="ER13" s="165">
        <v>2724</v>
      </c>
      <c r="ES13" s="162">
        <v>0</v>
      </c>
      <c r="ET13" s="160">
        <v>3713</v>
      </c>
      <c r="EU13" s="160">
        <v>2036</v>
      </c>
      <c r="EV13" s="160">
        <v>1130</v>
      </c>
      <c r="EW13" s="160">
        <v>898</v>
      </c>
      <c r="EX13" s="160">
        <v>572</v>
      </c>
      <c r="EY13" s="165">
        <v>8349</v>
      </c>
      <c r="EZ13" s="164">
        <v>11073</v>
      </c>
    </row>
    <row r="14" spans="2:156" ht="21" customHeight="1" x14ac:dyDescent="0.2">
      <c r="B14" s="166" t="s">
        <v>11</v>
      </c>
      <c r="C14" s="159">
        <v>0</v>
      </c>
      <c r="D14" s="160">
        <v>0</v>
      </c>
      <c r="E14" s="161">
        <v>0</v>
      </c>
      <c r="F14" s="162">
        <v>0</v>
      </c>
      <c r="G14" s="160">
        <v>513</v>
      </c>
      <c r="H14" s="160">
        <v>359</v>
      </c>
      <c r="I14" s="160">
        <v>268</v>
      </c>
      <c r="J14" s="160">
        <v>231</v>
      </c>
      <c r="K14" s="160">
        <v>187</v>
      </c>
      <c r="L14" s="163">
        <v>1558</v>
      </c>
      <c r="M14" s="164">
        <v>1558</v>
      </c>
      <c r="N14" s="159">
        <v>0</v>
      </c>
      <c r="O14" s="160">
        <v>0</v>
      </c>
      <c r="P14" s="165">
        <v>0</v>
      </c>
      <c r="Q14" s="162">
        <v>0</v>
      </c>
      <c r="R14" s="160">
        <v>5</v>
      </c>
      <c r="S14" s="160">
        <v>8</v>
      </c>
      <c r="T14" s="160">
        <v>22</v>
      </c>
      <c r="U14" s="160">
        <v>47</v>
      </c>
      <c r="V14" s="160">
        <v>79</v>
      </c>
      <c r="W14" s="165">
        <v>161</v>
      </c>
      <c r="X14" s="164">
        <v>161</v>
      </c>
      <c r="Y14" s="159">
        <v>45</v>
      </c>
      <c r="Z14" s="160">
        <v>69</v>
      </c>
      <c r="AA14" s="165">
        <v>114</v>
      </c>
      <c r="AB14" s="162">
        <v>0</v>
      </c>
      <c r="AC14" s="160">
        <v>353</v>
      </c>
      <c r="AD14" s="160">
        <v>253</v>
      </c>
      <c r="AE14" s="160">
        <v>225</v>
      </c>
      <c r="AF14" s="160">
        <v>197</v>
      </c>
      <c r="AG14" s="160">
        <v>167</v>
      </c>
      <c r="AH14" s="165">
        <v>1195</v>
      </c>
      <c r="AI14" s="164">
        <v>1309</v>
      </c>
      <c r="AJ14" s="159">
        <v>4</v>
      </c>
      <c r="AK14" s="160">
        <v>6</v>
      </c>
      <c r="AL14" s="165">
        <v>10</v>
      </c>
      <c r="AM14" s="162">
        <v>0</v>
      </c>
      <c r="AN14" s="160">
        <v>26</v>
      </c>
      <c r="AO14" s="160">
        <v>21</v>
      </c>
      <c r="AP14" s="160">
        <v>23</v>
      </c>
      <c r="AQ14" s="160">
        <v>20</v>
      </c>
      <c r="AR14" s="160">
        <v>10</v>
      </c>
      <c r="AS14" s="165">
        <v>100</v>
      </c>
      <c r="AT14" s="164">
        <v>110</v>
      </c>
      <c r="AU14" s="159">
        <v>51</v>
      </c>
      <c r="AV14" s="160">
        <v>52</v>
      </c>
      <c r="AW14" s="165">
        <v>103</v>
      </c>
      <c r="AX14" s="162">
        <v>0</v>
      </c>
      <c r="AY14" s="160">
        <v>469</v>
      </c>
      <c r="AZ14" s="160">
        <v>505</v>
      </c>
      <c r="BA14" s="160">
        <v>451</v>
      </c>
      <c r="BB14" s="160">
        <v>473</v>
      </c>
      <c r="BC14" s="160">
        <v>317</v>
      </c>
      <c r="BD14" s="163">
        <v>2215</v>
      </c>
      <c r="BE14" s="164">
        <v>2318</v>
      </c>
      <c r="BF14" s="159">
        <v>0</v>
      </c>
      <c r="BG14" s="160">
        <v>0</v>
      </c>
      <c r="BH14" s="165">
        <v>0</v>
      </c>
      <c r="BI14" s="162">
        <v>0</v>
      </c>
      <c r="BJ14" s="160">
        <v>658</v>
      </c>
      <c r="BK14" s="160">
        <v>420</v>
      </c>
      <c r="BL14" s="160">
        <v>268</v>
      </c>
      <c r="BM14" s="160">
        <v>187</v>
      </c>
      <c r="BN14" s="160">
        <v>79</v>
      </c>
      <c r="BO14" s="165">
        <v>1612</v>
      </c>
      <c r="BP14" s="164">
        <v>1612</v>
      </c>
      <c r="BQ14" s="159">
        <v>85</v>
      </c>
      <c r="BR14" s="160">
        <v>69</v>
      </c>
      <c r="BS14" s="165">
        <v>154</v>
      </c>
      <c r="BT14" s="162">
        <v>0</v>
      </c>
      <c r="BU14" s="160">
        <v>217</v>
      </c>
      <c r="BV14" s="160">
        <v>140</v>
      </c>
      <c r="BW14" s="160">
        <v>87</v>
      </c>
      <c r="BX14" s="160">
        <v>70</v>
      </c>
      <c r="BY14" s="160">
        <v>27</v>
      </c>
      <c r="BZ14" s="165">
        <v>541</v>
      </c>
      <c r="CA14" s="164">
        <v>695</v>
      </c>
      <c r="CB14" s="159">
        <v>9</v>
      </c>
      <c r="CC14" s="160">
        <v>12</v>
      </c>
      <c r="CD14" s="165">
        <v>21</v>
      </c>
      <c r="CE14" s="162">
        <v>0</v>
      </c>
      <c r="CF14" s="160">
        <v>89</v>
      </c>
      <c r="CG14" s="160">
        <v>89</v>
      </c>
      <c r="CH14" s="160">
        <v>93</v>
      </c>
      <c r="CI14" s="160">
        <v>82</v>
      </c>
      <c r="CJ14" s="160">
        <v>44</v>
      </c>
      <c r="CK14" s="165">
        <v>397</v>
      </c>
      <c r="CL14" s="164">
        <v>418</v>
      </c>
      <c r="CM14" s="159">
        <v>0</v>
      </c>
      <c r="CN14" s="160">
        <v>1</v>
      </c>
      <c r="CO14" s="165">
        <v>1</v>
      </c>
      <c r="CP14" s="162">
        <v>0</v>
      </c>
      <c r="CQ14" s="160">
        <v>7</v>
      </c>
      <c r="CR14" s="160">
        <v>7</v>
      </c>
      <c r="CS14" s="160">
        <v>6</v>
      </c>
      <c r="CT14" s="160">
        <v>8</v>
      </c>
      <c r="CU14" s="160">
        <v>9</v>
      </c>
      <c r="CV14" s="165">
        <v>37</v>
      </c>
      <c r="CW14" s="164">
        <v>38</v>
      </c>
      <c r="CX14" s="159">
        <v>0</v>
      </c>
      <c r="CY14" s="160">
        <v>0</v>
      </c>
      <c r="CZ14" s="165">
        <v>0</v>
      </c>
      <c r="DA14" s="162">
        <v>0</v>
      </c>
      <c r="DB14" s="160">
        <v>0</v>
      </c>
      <c r="DC14" s="160">
        <v>0</v>
      </c>
      <c r="DD14" s="160">
        <v>0</v>
      </c>
      <c r="DE14" s="160">
        <v>0</v>
      </c>
      <c r="DF14" s="160">
        <v>0</v>
      </c>
      <c r="DG14" s="165">
        <v>0</v>
      </c>
      <c r="DH14" s="164">
        <v>0</v>
      </c>
      <c r="DI14" s="159">
        <v>0</v>
      </c>
      <c r="DJ14" s="160">
        <v>0</v>
      </c>
      <c r="DK14" s="165">
        <v>0</v>
      </c>
      <c r="DL14" s="162">
        <v>0</v>
      </c>
      <c r="DM14" s="160">
        <v>0</v>
      </c>
      <c r="DN14" s="160">
        <v>0</v>
      </c>
      <c r="DO14" s="160">
        <v>0</v>
      </c>
      <c r="DP14" s="160">
        <v>0</v>
      </c>
      <c r="DQ14" s="160">
        <v>0</v>
      </c>
      <c r="DR14" s="165">
        <v>0</v>
      </c>
      <c r="DS14" s="164">
        <v>0</v>
      </c>
      <c r="DT14" s="159">
        <v>383</v>
      </c>
      <c r="DU14" s="160">
        <v>509</v>
      </c>
      <c r="DV14" s="165">
        <v>892</v>
      </c>
      <c r="DW14" s="162">
        <v>0</v>
      </c>
      <c r="DX14" s="160">
        <v>986</v>
      </c>
      <c r="DY14" s="160">
        <v>875</v>
      </c>
      <c r="DZ14" s="160">
        <v>645</v>
      </c>
      <c r="EA14" s="160">
        <v>519</v>
      </c>
      <c r="EB14" s="160">
        <v>319</v>
      </c>
      <c r="EC14" s="165">
        <v>3344</v>
      </c>
      <c r="ED14" s="164">
        <v>4236</v>
      </c>
      <c r="EE14" s="159">
        <v>42</v>
      </c>
      <c r="EF14" s="160">
        <v>24</v>
      </c>
      <c r="EG14" s="165">
        <v>66</v>
      </c>
      <c r="EH14" s="162">
        <v>0</v>
      </c>
      <c r="EI14" s="160">
        <v>183</v>
      </c>
      <c r="EJ14" s="160">
        <v>155</v>
      </c>
      <c r="EK14" s="160">
        <v>112</v>
      </c>
      <c r="EL14" s="160">
        <v>164</v>
      </c>
      <c r="EM14" s="160">
        <v>82</v>
      </c>
      <c r="EN14" s="165">
        <v>696</v>
      </c>
      <c r="EO14" s="164">
        <v>762</v>
      </c>
      <c r="EP14" s="159">
        <v>505</v>
      </c>
      <c r="EQ14" s="160">
        <v>600</v>
      </c>
      <c r="ER14" s="165">
        <v>1105</v>
      </c>
      <c r="ES14" s="162">
        <v>0</v>
      </c>
      <c r="ET14" s="160">
        <v>1831</v>
      </c>
      <c r="EU14" s="160">
        <v>1137</v>
      </c>
      <c r="EV14" s="160">
        <v>750</v>
      </c>
      <c r="EW14" s="160">
        <v>552</v>
      </c>
      <c r="EX14" s="160">
        <v>300</v>
      </c>
      <c r="EY14" s="165">
        <v>4570</v>
      </c>
      <c r="EZ14" s="164">
        <v>5675</v>
      </c>
    </row>
    <row r="15" spans="2:156" ht="21" customHeight="1" x14ac:dyDescent="0.2">
      <c r="B15" s="166" t="s">
        <v>12</v>
      </c>
      <c r="C15" s="159">
        <v>0</v>
      </c>
      <c r="D15" s="160">
        <v>0</v>
      </c>
      <c r="E15" s="161">
        <v>0</v>
      </c>
      <c r="F15" s="162">
        <v>0</v>
      </c>
      <c r="G15" s="160">
        <v>532</v>
      </c>
      <c r="H15" s="160">
        <v>511</v>
      </c>
      <c r="I15" s="160">
        <v>334</v>
      </c>
      <c r="J15" s="160">
        <v>292</v>
      </c>
      <c r="K15" s="160">
        <v>218</v>
      </c>
      <c r="L15" s="163">
        <v>1887</v>
      </c>
      <c r="M15" s="164">
        <v>1887</v>
      </c>
      <c r="N15" s="159">
        <v>0</v>
      </c>
      <c r="O15" s="160">
        <v>4</v>
      </c>
      <c r="P15" s="165">
        <v>4</v>
      </c>
      <c r="Q15" s="162">
        <v>0</v>
      </c>
      <c r="R15" s="160">
        <v>3</v>
      </c>
      <c r="S15" s="160">
        <v>18</v>
      </c>
      <c r="T15" s="160">
        <v>15</v>
      </c>
      <c r="U15" s="160">
        <v>64</v>
      </c>
      <c r="V15" s="160">
        <v>74</v>
      </c>
      <c r="W15" s="165">
        <v>174</v>
      </c>
      <c r="X15" s="164">
        <v>178</v>
      </c>
      <c r="Y15" s="159">
        <v>117</v>
      </c>
      <c r="Z15" s="160">
        <v>304</v>
      </c>
      <c r="AA15" s="165">
        <v>421</v>
      </c>
      <c r="AB15" s="162">
        <v>0</v>
      </c>
      <c r="AC15" s="160">
        <v>363</v>
      </c>
      <c r="AD15" s="160">
        <v>453</v>
      </c>
      <c r="AE15" s="160">
        <v>263</v>
      </c>
      <c r="AF15" s="160">
        <v>242</v>
      </c>
      <c r="AG15" s="160">
        <v>172</v>
      </c>
      <c r="AH15" s="165">
        <v>1493</v>
      </c>
      <c r="AI15" s="164">
        <v>1914</v>
      </c>
      <c r="AJ15" s="159">
        <v>9</v>
      </c>
      <c r="AK15" s="160">
        <v>28</v>
      </c>
      <c r="AL15" s="165">
        <v>37</v>
      </c>
      <c r="AM15" s="162">
        <v>0</v>
      </c>
      <c r="AN15" s="160">
        <v>14</v>
      </c>
      <c r="AO15" s="160">
        <v>46</v>
      </c>
      <c r="AP15" s="160">
        <v>25</v>
      </c>
      <c r="AQ15" s="160">
        <v>20</v>
      </c>
      <c r="AR15" s="160">
        <v>14</v>
      </c>
      <c r="AS15" s="165">
        <v>119</v>
      </c>
      <c r="AT15" s="164">
        <v>156</v>
      </c>
      <c r="AU15" s="159">
        <v>76</v>
      </c>
      <c r="AV15" s="160">
        <v>129</v>
      </c>
      <c r="AW15" s="165">
        <v>205</v>
      </c>
      <c r="AX15" s="162">
        <v>0</v>
      </c>
      <c r="AY15" s="160">
        <v>374</v>
      </c>
      <c r="AZ15" s="160">
        <v>428</v>
      </c>
      <c r="BA15" s="160">
        <v>396</v>
      </c>
      <c r="BB15" s="160">
        <v>502</v>
      </c>
      <c r="BC15" s="160">
        <v>356</v>
      </c>
      <c r="BD15" s="163">
        <v>2056</v>
      </c>
      <c r="BE15" s="164">
        <v>2261</v>
      </c>
      <c r="BF15" s="159">
        <v>0</v>
      </c>
      <c r="BG15" s="160">
        <v>0</v>
      </c>
      <c r="BH15" s="165">
        <v>0</v>
      </c>
      <c r="BI15" s="162">
        <v>0</v>
      </c>
      <c r="BJ15" s="160">
        <v>679</v>
      </c>
      <c r="BK15" s="160">
        <v>499</v>
      </c>
      <c r="BL15" s="160">
        <v>267</v>
      </c>
      <c r="BM15" s="160">
        <v>182</v>
      </c>
      <c r="BN15" s="160">
        <v>88</v>
      </c>
      <c r="BO15" s="165">
        <v>1715</v>
      </c>
      <c r="BP15" s="164">
        <v>1715</v>
      </c>
      <c r="BQ15" s="159">
        <v>104</v>
      </c>
      <c r="BR15" s="160">
        <v>145</v>
      </c>
      <c r="BS15" s="165">
        <v>249</v>
      </c>
      <c r="BT15" s="162">
        <v>0</v>
      </c>
      <c r="BU15" s="160">
        <v>117</v>
      </c>
      <c r="BV15" s="160">
        <v>195</v>
      </c>
      <c r="BW15" s="160">
        <v>112</v>
      </c>
      <c r="BX15" s="160">
        <v>77</v>
      </c>
      <c r="BY15" s="160">
        <v>24</v>
      </c>
      <c r="BZ15" s="165">
        <v>525</v>
      </c>
      <c r="CA15" s="164">
        <v>774</v>
      </c>
      <c r="CB15" s="159">
        <v>7</v>
      </c>
      <c r="CC15" s="160">
        <v>15</v>
      </c>
      <c r="CD15" s="165">
        <v>22</v>
      </c>
      <c r="CE15" s="162">
        <v>0</v>
      </c>
      <c r="CF15" s="160">
        <v>92</v>
      </c>
      <c r="CG15" s="160">
        <v>120</v>
      </c>
      <c r="CH15" s="160">
        <v>128</v>
      </c>
      <c r="CI15" s="160">
        <v>103</v>
      </c>
      <c r="CJ15" s="160">
        <v>53</v>
      </c>
      <c r="CK15" s="165">
        <v>496</v>
      </c>
      <c r="CL15" s="164">
        <v>518</v>
      </c>
      <c r="CM15" s="159">
        <v>0</v>
      </c>
      <c r="CN15" s="160">
        <v>1</v>
      </c>
      <c r="CO15" s="165">
        <v>1</v>
      </c>
      <c r="CP15" s="162">
        <v>0</v>
      </c>
      <c r="CQ15" s="160">
        <v>5</v>
      </c>
      <c r="CR15" s="160">
        <v>4</v>
      </c>
      <c r="CS15" s="160">
        <v>7</v>
      </c>
      <c r="CT15" s="160">
        <v>5</v>
      </c>
      <c r="CU15" s="160">
        <v>2</v>
      </c>
      <c r="CV15" s="165">
        <v>23</v>
      </c>
      <c r="CW15" s="164">
        <v>24</v>
      </c>
      <c r="CX15" s="159">
        <v>0</v>
      </c>
      <c r="CY15" s="160">
        <v>0</v>
      </c>
      <c r="CZ15" s="165">
        <v>0</v>
      </c>
      <c r="DA15" s="162">
        <v>0</v>
      </c>
      <c r="DB15" s="160">
        <v>0</v>
      </c>
      <c r="DC15" s="160">
        <v>0</v>
      </c>
      <c r="DD15" s="160">
        <v>0</v>
      </c>
      <c r="DE15" s="160">
        <v>0</v>
      </c>
      <c r="DF15" s="160">
        <v>0</v>
      </c>
      <c r="DG15" s="165">
        <v>0</v>
      </c>
      <c r="DH15" s="164">
        <v>0</v>
      </c>
      <c r="DI15" s="159">
        <v>0</v>
      </c>
      <c r="DJ15" s="160">
        <v>0</v>
      </c>
      <c r="DK15" s="165">
        <v>0</v>
      </c>
      <c r="DL15" s="162">
        <v>0</v>
      </c>
      <c r="DM15" s="160">
        <v>0</v>
      </c>
      <c r="DN15" s="160">
        <v>0</v>
      </c>
      <c r="DO15" s="160">
        <v>0</v>
      </c>
      <c r="DP15" s="160">
        <v>0</v>
      </c>
      <c r="DQ15" s="160">
        <v>0</v>
      </c>
      <c r="DR15" s="165">
        <v>0</v>
      </c>
      <c r="DS15" s="164">
        <v>0</v>
      </c>
      <c r="DT15" s="159">
        <v>503</v>
      </c>
      <c r="DU15" s="160">
        <v>977</v>
      </c>
      <c r="DV15" s="165">
        <v>1480</v>
      </c>
      <c r="DW15" s="162">
        <v>0</v>
      </c>
      <c r="DX15" s="160">
        <v>618</v>
      </c>
      <c r="DY15" s="160">
        <v>1062</v>
      </c>
      <c r="DZ15" s="160">
        <v>703</v>
      </c>
      <c r="EA15" s="160">
        <v>636</v>
      </c>
      <c r="EB15" s="160">
        <v>372</v>
      </c>
      <c r="EC15" s="165">
        <v>3391</v>
      </c>
      <c r="ED15" s="164">
        <v>4871</v>
      </c>
      <c r="EE15" s="159">
        <v>39</v>
      </c>
      <c r="EF15" s="160">
        <v>39</v>
      </c>
      <c r="EG15" s="165">
        <v>78</v>
      </c>
      <c r="EH15" s="162">
        <v>0</v>
      </c>
      <c r="EI15" s="160">
        <v>124</v>
      </c>
      <c r="EJ15" s="160">
        <v>123</v>
      </c>
      <c r="EK15" s="160">
        <v>116</v>
      </c>
      <c r="EL15" s="160">
        <v>138</v>
      </c>
      <c r="EM15" s="160">
        <v>75</v>
      </c>
      <c r="EN15" s="165">
        <v>576</v>
      </c>
      <c r="EO15" s="164">
        <v>654</v>
      </c>
      <c r="EP15" s="159">
        <v>682</v>
      </c>
      <c r="EQ15" s="160">
        <v>1181</v>
      </c>
      <c r="ER15" s="165">
        <v>1863</v>
      </c>
      <c r="ES15" s="162">
        <v>0</v>
      </c>
      <c r="ET15" s="160">
        <v>1572</v>
      </c>
      <c r="EU15" s="160">
        <v>1374</v>
      </c>
      <c r="EV15" s="160">
        <v>777</v>
      </c>
      <c r="EW15" s="160">
        <v>629</v>
      </c>
      <c r="EX15" s="160">
        <v>348</v>
      </c>
      <c r="EY15" s="165">
        <v>4700</v>
      </c>
      <c r="EZ15" s="164">
        <v>6563</v>
      </c>
    </row>
    <row r="16" spans="2:156" ht="21" customHeight="1" x14ac:dyDescent="0.2">
      <c r="B16" s="166" t="s">
        <v>13</v>
      </c>
      <c r="C16" s="159">
        <v>0</v>
      </c>
      <c r="D16" s="160">
        <v>0</v>
      </c>
      <c r="E16" s="161">
        <v>0</v>
      </c>
      <c r="F16" s="162">
        <v>0</v>
      </c>
      <c r="G16" s="160">
        <v>222</v>
      </c>
      <c r="H16" s="160">
        <v>242</v>
      </c>
      <c r="I16" s="160">
        <v>150</v>
      </c>
      <c r="J16" s="160">
        <v>110</v>
      </c>
      <c r="K16" s="160">
        <v>105</v>
      </c>
      <c r="L16" s="163">
        <v>829</v>
      </c>
      <c r="M16" s="164">
        <v>829</v>
      </c>
      <c r="N16" s="159">
        <v>0</v>
      </c>
      <c r="O16" s="160">
        <v>0</v>
      </c>
      <c r="P16" s="165">
        <v>0</v>
      </c>
      <c r="Q16" s="162">
        <v>0</v>
      </c>
      <c r="R16" s="160">
        <v>1</v>
      </c>
      <c r="S16" s="160">
        <v>3</v>
      </c>
      <c r="T16" s="160">
        <v>3</v>
      </c>
      <c r="U16" s="160">
        <v>21</v>
      </c>
      <c r="V16" s="160">
        <v>45</v>
      </c>
      <c r="W16" s="165">
        <v>73</v>
      </c>
      <c r="X16" s="164">
        <v>73</v>
      </c>
      <c r="Y16" s="159">
        <v>13</v>
      </c>
      <c r="Z16" s="160">
        <v>31</v>
      </c>
      <c r="AA16" s="165">
        <v>44</v>
      </c>
      <c r="AB16" s="162">
        <v>0</v>
      </c>
      <c r="AC16" s="160">
        <v>126</v>
      </c>
      <c r="AD16" s="160">
        <v>183</v>
      </c>
      <c r="AE16" s="160">
        <v>103</v>
      </c>
      <c r="AF16" s="160">
        <v>83</v>
      </c>
      <c r="AG16" s="160">
        <v>76</v>
      </c>
      <c r="AH16" s="165">
        <v>571</v>
      </c>
      <c r="AI16" s="164">
        <v>615</v>
      </c>
      <c r="AJ16" s="159">
        <v>2</v>
      </c>
      <c r="AK16" s="160">
        <v>2</v>
      </c>
      <c r="AL16" s="165">
        <v>4</v>
      </c>
      <c r="AM16" s="162">
        <v>0</v>
      </c>
      <c r="AN16" s="160">
        <v>15</v>
      </c>
      <c r="AO16" s="160">
        <v>19</v>
      </c>
      <c r="AP16" s="160">
        <v>18</v>
      </c>
      <c r="AQ16" s="160">
        <v>4</v>
      </c>
      <c r="AR16" s="160">
        <v>9</v>
      </c>
      <c r="AS16" s="165">
        <v>65</v>
      </c>
      <c r="AT16" s="164">
        <v>69</v>
      </c>
      <c r="AU16" s="159">
        <v>33</v>
      </c>
      <c r="AV16" s="160">
        <v>27</v>
      </c>
      <c r="AW16" s="165">
        <v>60</v>
      </c>
      <c r="AX16" s="162">
        <v>0</v>
      </c>
      <c r="AY16" s="160">
        <v>209</v>
      </c>
      <c r="AZ16" s="160">
        <v>248</v>
      </c>
      <c r="BA16" s="160">
        <v>198</v>
      </c>
      <c r="BB16" s="160">
        <v>199</v>
      </c>
      <c r="BC16" s="160">
        <v>177</v>
      </c>
      <c r="BD16" s="163">
        <v>1031</v>
      </c>
      <c r="BE16" s="164">
        <v>1091</v>
      </c>
      <c r="BF16" s="159">
        <v>0</v>
      </c>
      <c r="BG16" s="160">
        <v>0</v>
      </c>
      <c r="BH16" s="165">
        <v>0</v>
      </c>
      <c r="BI16" s="162">
        <v>0</v>
      </c>
      <c r="BJ16" s="160">
        <v>189</v>
      </c>
      <c r="BK16" s="160">
        <v>201</v>
      </c>
      <c r="BL16" s="160">
        <v>87</v>
      </c>
      <c r="BM16" s="160">
        <v>71</v>
      </c>
      <c r="BN16" s="160">
        <v>36</v>
      </c>
      <c r="BO16" s="165">
        <v>584</v>
      </c>
      <c r="BP16" s="164">
        <v>584</v>
      </c>
      <c r="BQ16" s="159">
        <v>14</v>
      </c>
      <c r="BR16" s="160">
        <v>16</v>
      </c>
      <c r="BS16" s="165">
        <v>30</v>
      </c>
      <c r="BT16" s="162">
        <v>0</v>
      </c>
      <c r="BU16" s="160">
        <v>40</v>
      </c>
      <c r="BV16" s="160">
        <v>39</v>
      </c>
      <c r="BW16" s="160">
        <v>24</v>
      </c>
      <c r="BX16" s="160">
        <v>20</v>
      </c>
      <c r="BY16" s="160">
        <v>11</v>
      </c>
      <c r="BZ16" s="165">
        <v>134</v>
      </c>
      <c r="CA16" s="164">
        <v>164</v>
      </c>
      <c r="CB16" s="159">
        <v>0</v>
      </c>
      <c r="CC16" s="160">
        <v>0</v>
      </c>
      <c r="CD16" s="165">
        <v>0</v>
      </c>
      <c r="CE16" s="162">
        <v>0</v>
      </c>
      <c r="CF16" s="160">
        <v>14</v>
      </c>
      <c r="CG16" s="160">
        <v>34</v>
      </c>
      <c r="CH16" s="160">
        <v>49</v>
      </c>
      <c r="CI16" s="160">
        <v>30</v>
      </c>
      <c r="CJ16" s="160">
        <v>31</v>
      </c>
      <c r="CK16" s="165">
        <v>158</v>
      </c>
      <c r="CL16" s="164">
        <v>158</v>
      </c>
      <c r="CM16" s="159">
        <v>0</v>
      </c>
      <c r="CN16" s="160">
        <v>0</v>
      </c>
      <c r="CO16" s="165">
        <v>0</v>
      </c>
      <c r="CP16" s="162">
        <v>0</v>
      </c>
      <c r="CQ16" s="160">
        <v>0</v>
      </c>
      <c r="CR16" s="160">
        <v>3</v>
      </c>
      <c r="CS16" s="160">
        <v>4</v>
      </c>
      <c r="CT16" s="160">
        <v>4</v>
      </c>
      <c r="CU16" s="160">
        <v>3</v>
      </c>
      <c r="CV16" s="165">
        <v>14</v>
      </c>
      <c r="CW16" s="164">
        <v>14</v>
      </c>
      <c r="CX16" s="159">
        <v>0</v>
      </c>
      <c r="CY16" s="160">
        <v>0</v>
      </c>
      <c r="CZ16" s="165">
        <v>0</v>
      </c>
      <c r="DA16" s="162">
        <v>0</v>
      </c>
      <c r="DB16" s="160">
        <v>0</v>
      </c>
      <c r="DC16" s="160">
        <v>0</v>
      </c>
      <c r="DD16" s="160">
        <v>0</v>
      </c>
      <c r="DE16" s="160">
        <v>0</v>
      </c>
      <c r="DF16" s="160">
        <v>0</v>
      </c>
      <c r="DG16" s="165">
        <v>0</v>
      </c>
      <c r="DH16" s="164">
        <v>0</v>
      </c>
      <c r="DI16" s="159">
        <v>0</v>
      </c>
      <c r="DJ16" s="160">
        <v>0</v>
      </c>
      <c r="DK16" s="165">
        <v>0</v>
      </c>
      <c r="DL16" s="162">
        <v>0</v>
      </c>
      <c r="DM16" s="160">
        <v>0</v>
      </c>
      <c r="DN16" s="160">
        <v>0</v>
      </c>
      <c r="DO16" s="160">
        <v>0</v>
      </c>
      <c r="DP16" s="160">
        <v>0</v>
      </c>
      <c r="DQ16" s="160">
        <v>0</v>
      </c>
      <c r="DR16" s="165">
        <v>0</v>
      </c>
      <c r="DS16" s="164">
        <v>0</v>
      </c>
      <c r="DT16" s="159">
        <v>77</v>
      </c>
      <c r="DU16" s="160">
        <v>170</v>
      </c>
      <c r="DV16" s="165">
        <v>247</v>
      </c>
      <c r="DW16" s="162">
        <v>0</v>
      </c>
      <c r="DX16" s="160">
        <v>272</v>
      </c>
      <c r="DY16" s="160">
        <v>448</v>
      </c>
      <c r="DZ16" s="160">
        <v>245</v>
      </c>
      <c r="EA16" s="160">
        <v>198</v>
      </c>
      <c r="EB16" s="160">
        <v>140</v>
      </c>
      <c r="EC16" s="165">
        <v>1303</v>
      </c>
      <c r="ED16" s="164">
        <v>1550</v>
      </c>
      <c r="EE16" s="159">
        <v>17</v>
      </c>
      <c r="EF16" s="160">
        <v>14</v>
      </c>
      <c r="EG16" s="165">
        <v>31</v>
      </c>
      <c r="EH16" s="162">
        <v>0</v>
      </c>
      <c r="EI16" s="160">
        <v>81</v>
      </c>
      <c r="EJ16" s="160">
        <v>74</v>
      </c>
      <c r="EK16" s="160">
        <v>67</v>
      </c>
      <c r="EL16" s="160">
        <v>73</v>
      </c>
      <c r="EM16" s="160">
        <v>50</v>
      </c>
      <c r="EN16" s="165">
        <v>345</v>
      </c>
      <c r="EO16" s="164">
        <v>376</v>
      </c>
      <c r="EP16" s="159">
        <v>101</v>
      </c>
      <c r="EQ16" s="160">
        <v>193</v>
      </c>
      <c r="ER16" s="165">
        <v>294</v>
      </c>
      <c r="ES16" s="162">
        <v>0</v>
      </c>
      <c r="ET16" s="160">
        <v>601</v>
      </c>
      <c r="EU16" s="160">
        <v>624</v>
      </c>
      <c r="EV16" s="160">
        <v>297</v>
      </c>
      <c r="EW16" s="160">
        <v>218</v>
      </c>
      <c r="EX16" s="160">
        <v>164</v>
      </c>
      <c r="EY16" s="165">
        <v>1904</v>
      </c>
      <c r="EZ16" s="164">
        <v>2198</v>
      </c>
    </row>
    <row r="17" spans="2:156" ht="21" customHeight="1" x14ac:dyDescent="0.2">
      <c r="B17" s="166" t="s">
        <v>15</v>
      </c>
      <c r="C17" s="159">
        <v>0</v>
      </c>
      <c r="D17" s="160">
        <v>0</v>
      </c>
      <c r="E17" s="161">
        <v>0</v>
      </c>
      <c r="F17" s="162">
        <v>0</v>
      </c>
      <c r="G17" s="160">
        <v>125</v>
      </c>
      <c r="H17" s="160">
        <v>169</v>
      </c>
      <c r="I17" s="160">
        <v>87</v>
      </c>
      <c r="J17" s="160">
        <v>67</v>
      </c>
      <c r="K17" s="160">
        <v>49</v>
      </c>
      <c r="L17" s="163">
        <v>497</v>
      </c>
      <c r="M17" s="164">
        <v>497</v>
      </c>
      <c r="N17" s="159">
        <v>0</v>
      </c>
      <c r="O17" s="160">
        <v>0</v>
      </c>
      <c r="P17" s="165">
        <v>0</v>
      </c>
      <c r="Q17" s="162">
        <v>0</v>
      </c>
      <c r="R17" s="160">
        <v>0</v>
      </c>
      <c r="S17" s="160">
        <v>3</v>
      </c>
      <c r="T17" s="160">
        <v>8</v>
      </c>
      <c r="U17" s="160">
        <v>17</v>
      </c>
      <c r="V17" s="160">
        <v>23</v>
      </c>
      <c r="W17" s="165">
        <v>51</v>
      </c>
      <c r="X17" s="164">
        <v>51</v>
      </c>
      <c r="Y17" s="159">
        <v>7</v>
      </c>
      <c r="Z17" s="160">
        <v>15</v>
      </c>
      <c r="AA17" s="165">
        <v>22</v>
      </c>
      <c r="AB17" s="162">
        <v>0</v>
      </c>
      <c r="AC17" s="160">
        <v>64</v>
      </c>
      <c r="AD17" s="160">
        <v>88</v>
      </c>
      <c r="AE17" s="160">
        <v>50</v>
      </c>
      <c r="AF17" s="160">
        <v>52</v>
      </c>
      <c r="AG17" s="160">
        <v>41</v>
      </c>
      <c r="AH17" s="165">
        <v>295</v>
      </c>
      <c r="AI17" s="164">
        <v>317</v>
      </c>
      <c r="AJ17" s="159">
        <v>0</v>
      </c>
      <c r="AK17" s="160">
        <v>2</v>
      </c>
      <c r="AL17" s="165">
        <v>2</v>
      </c>
      <c r="AM17" s="162">
        <v>0</v>
      </c>
      <c r="AN17" s="160">
        <v>13</v>
      </c>
      <c r="AO17" s="160">
        <v>15</v>
      </c>
      <c r="AP17" s="160">
        <v>5</v>
      </c>
      <c r="AQ17" s="160">
        <v>4</v>
      </c>
      <c r="AR17" s="160">
        <v>6</v>
      </c>
      <c r="AS17" s="165">
        <v>43</v>
      </c>
      <c r="AT17" s="164">
        <v>45</v>
      </c>
      <c r="AU17" s="159">
        <v>9</v>
      </c>
      <c r="AV17" s="160">
        <v>10</v>
      </c>
      <c r="AW17" s="165">
        <v>19</v>
      </c>
      <c r="AX17" s="162">
        <v>0</v>
      </c>
      <c r="AY17" s="160">
        <v>121</v>
      </c>
      <c r="AZ17" s="160">
        <v>104</v>
      </c>
      <c r="BA17" s="160">
        <v>102</v>
      </c>
      <c r="BB17" s="160">
        <v>118</v>
      </c>
      <c r="BC17" s="160">
        <v>88</v>
      </c>
      <c r="BD17" s="163">
        <v>533</v>
      </c>
      <c r="BE17" s="164">
        <v>552</v>
      </c>
      <c r="BF17" s="159">
        <v>0</v>
      </c>
      <c r="BG17" s="160">
        <v>0</v>
      </c>
      <c r="BH17" s="165">
        <v>0</v>
      </c>
      <c r="BI17" s="162">
        <v>0</v>
      </c>
      <c r="BJ17" s="160">
        <v>95</v>
      </c>
      <c r="BK17" s="160">
        <v>104</v>
      </c>
      <c r="BL17" s="160">
        <v>49</v>
      </c>
      <c r="BM17" s="160">
        <v>33</v>
      </c>
      <c r="BN17" s="160">
        <v>13</v>
      </c>
      <c r="BO17" s="165">
        <v>294</v>
      </c>
      <c r="BP17" s="164">
        <v>294</v>
      </c>
      <c r="BQ17" s="159">
        <v>4</v>
      </c>
      <c r="BR17" s="160">
        <v>6</v>
      </c>
      <c r="BS17" s="165">
        <v>10</v>
      </c>
      <c r="BT17" s="162">
        <v>0</v>
      </c>
      <c r="BU17" s="160">
        <v>30</v>
      </c>
      <c r="BV17" s="160">
        <v>39</v>
      </c>
      <c r="BW17" s="160">
        <v>23</v>
      </c>
      <c r="BX17" s="160">
        <v>14</v>
      </c>
      <c r="BY17" s="160">
        <v>7</v>
      </c>
      <c r="BZ17" s="165">
        <v>113</v>
      </c>
      <c r="CA17" s="164">
        <v>123</v>
      </c>
      <c r="CB17" s="159">
        <v>0</v>
      </c>
      <c r="CC17" s="160">
        <v>1</v>
      </c>
      <c r="CD17" s="165">
        <v>1</v>
      </c>
      <c r="CE17" s="162">
        <v>0</v>
      </c>
      <c r="CF17" s="160">
        <v>19</v>
      </c>
      <c r="CG17" s="160">
        <v>30</v>
      </c>
      <c r="CH17" s="160">
        <v>43</v>
      </c>
      <c r="CI17" s="160">
        <v>42</v>
      </c>
      <c r="CJ17" s="160">
        <v>21</v>
      </c>
      <c r="CK17" s="165">
        <v>155</v>
      </c>
      <c r="CL17" s="164">
        <v>156</v>
      </c>
      <c r="CM17" s="159">
        <v>0</v>
      </c>
      <c r="CN17" s="160">
        <v>0</v>
      </c>
      <c r="CO17" s="165">
        <v>0</v>
      </c>
      <c r="CP17" s="162">
        <v>0</v>
      </c>
      <c r="CQ17" s="160">
        <v>2</v>
      </c>
      <c r="CR17" s="160">
        <v>7</v>
      </c>
      <c r="CS17" s="160">
        <v>1</v>
      </c>
      <c r="CT17" s="160">
        <v>2</v>
      </c>
      <c r="CU17" s="160">
        <v>2</v>
      </c>
      <c r="CV17" s="165">
        <v>14</v>
      </c>
      <c r="CW17" s="164">
        <v>14</v>
      </c>
      <c r="CX17" s="159">
        <v>0</v>
      </c>
      <c r="CY17" s="160">
        <v>0</v>
      </c>
      <c r="CZ17" s="165">
        <v>0</v>
      </c>
      <c r="DA17" s="162">
        <v>0</v>
      </c>
      <c r="DB17" s="160">
        <v>0</v>
      </c>
      <c r="DC17" s="160">
        <v>0</v>
      </c>
      <c r="DD17" s="160">
        <v>0</v>
      </c>
      <c r="DE17" s="160">
        <v>0</v>
      </c>
      <c r="DF17" s="160">
        <v>0</v>
      </c>
      <c r="DG17" s="165">
        <v>0</v>
      </c>
      <c r="DH17" s="164">
        <v>0</v>
      </c>
      <c r="DI17" s="159">
        <v>0</v>
      </c>
      <c r="DJ17" s="160">
        <v>0</v>
      </c>
      <c r="DK17" s="165">
        <v>0</v>
      </c>
      <c r="DL17" s="162">
        <v>0</v>
      </c>
      <c r="DM17" s="160">
        <v>0</v>
      </c>
      <c r="DN17" s="160">
        <v>0</v>
      </c>
      <c r="DO17" s="160">
        <v>0</v>
      </c>
      <c r="DP17" s="160">
        <v>0</v>
      </c>
      <c r="DQ17" s="160">
        <v>0</v>
      </c>
      <c r="DR17" s="165">
        <v>0</v>
      </c>
      <c r="DS17" s="164">
        <v>0</v>
      </c>
      <c r="DT17" s="159">
        <v>75</v>
      </c>
      <c r="DU17" s="160">
        <v>171</v>
      </c>
      <c r="DV17" s="165">
        <v>246</v>
      </c>
      <c r="DW17" s="162">
        <v>0</v>
      </c>
      <c r="DX17" s="160">
        <v>236</v>
      </c>
      <c r="DY17" s="160">
        <v>364</v>
      </c>
      <c r="DZ17" s="160">
        <v>166</v>
      </c>
      <c r="EA17" s="160">
        <v>140</v>
      </c>
      <c r="EB17" s="160">
        <v>93</v>
      </c>
      <c r="EC17" s="165">
        <v>999</v>
      </c>
      <c r="ED17" s="164">
        <v>1245</v>
      </c>
      <c r="EE17" s="159">
        <v>15</v>
      </c>
      <c r="EF17" s="160">
        <v>11</v>
      </c>
      <c r="EG17" s="165">
        <v>26</v>
      </c>
      <c r="EH17" s="162">
        <v>0</v>
      </c>
      <c r="EI17" s="160">
        <v>53</v>
      </c>
      <c r="EJ17" s="160">
        <v>25</v>
      </c>
      <c r="EK17" s="160">
        <v>23</v>
      </c>
      <c r="EL17" s="160">
        <v>43</v>
      </c>
      <c r="EM17" s="160">
        <v>19</v>
      </c>
      <c r="EN17" s="165">
        <v>163</v>
      </c>
      <c r="EO17" s="164">
        <v>189</v>
      </c>
      <c r="EP17" s="159">
        <v>84</v>
      </c>
      <c r="EQ17" s="160">
        <v>170</v>
      </c>
      <c r="ER17" s="165">
        <v>254</v>
      </c>
      <c r="ES17" s="162">
        <v>0</v>
      </c>
      <c r="ET17" s="160">
        <v>455</v>
      </c>
      <c r="EU17" s="160">
        <v>492</v>
      </c>
      <c r="EV17" s="160">
        <v>220</v>
      </c>
      <c r="EW17" s="160">
        <v>161</v>
      </c>
      <c r="EX17" s="160">
        <v>97</v>
      </c>
      <c r="EY17" s="165">
        <v>1425</v>
      </c>
      <c r="EZ17" s="164">
        <v>1679</v>
      </c>
    </row>
    <row r="18" spans="2:156" ht="21" customHeight="1" x14ac:dyDescent="0.2">
      <c r="B18" s="166" t="s">
        <v>16</v>
      </c>
      <c r="C18" s="159">
        <v>0</v>
      </c>
      <c r="D18" s="160">
        <v>0</v>
      </c>
      <c r="E18" s="161">
        <v>0</v>
      </c>
      <c r="F18" s="162">
        <v>0</v>
      </c>
      <c r="G18" s="160">
        <v>202</v>
      </c>
      <c r="H18" s="160">
        <v>303</v>
      </c>
      <c r="I18" s="160">
        <v>162</v>
      </c>
      <c r="J18" s="160">
        <v>136</v>
      </c>
      <c r="K18" s="160">
        <v>89</v>
      </c>
      <c r="L18" s="163">
        <v>892</v>
      </c>
      <c r="M18" s="164">
        <v>892</v>
      </c>
      <c r="N18" s="159">
        <v>0</v>
      </c>
      <c r="O18" s="160">
        <v>0</v>
      </c>
      <c r="P18" s="165">
        <v>0</v>
      </c>
      <c r="Q18" s="162">
        <v>0</v>
      </c>
      <c r="R18" s="160">
        <v>3</v>
      </c>
      <c r="S18" s="160">
        <v>6</v>
      </c>
      <c r="T18" s="160">
        <v>11</v>
      </c>
      <c r="U18" s="160">
        <v>21</v>
      </c>
      <c r="V18" s="160">
        <v>51</v>
      </c>
      <c r="W18" s="165">
        <v>92</v>
      </c>
      <c r="X18" s="164">
        <v>92</v>
      </c>
      <c r="Y18" s="159">
        <v>34</v>
      </c>
      <c r="Z18" s="160">
        <v>71</v>
      </c>
      <c r="AA18" s="165">
        <v>105</v>
      </c>
      <c r="AB18" s="162">
        <v>0</v>
      </c>
      <c r="AC18" s="160">
        <v>157</v>
      </c>
      <c r="AD18" s="160">
        <v>302</v>
      </c>
      <c r="AE18" s="160">
        <v>167</v>
      </c>
      <c r="AF18" s="160">
        <v>159</v>
      </c>
      <c r="AG18" s="160">
        <v>125</v>
      </c>
      <c r="AH18" s="165">
        <v>910</v>
      </c>
      <c r="AI18" s="164">
        <v>1015</v>
      </c>
      <c r="AJ18" s="159">
        <v>5</v>
      </c>
      <c r="AK18" s="160">
        <v>9</v>
      </c>
      <c r="AL18" s="165">
        <v>14</v>
      </c>
      <c r="AM18" s="162">
        <v>0</v>
      </c>
      <c r="AN18" s="160">
        <v>8</v>
      </c>
      <c r="AO18" s="160">
        <v>33</v>
      </c>
      <c r="AP18" s="160">
        <v>16</v>
      </c>
      <c r="AQ18" s="160">
        <v>10</v>
      </c>
      <c r="AR18" s="160">
        <v>13</v>
      </c>
      <c r="AS18" s="165">
        <v>80</v>
      </c>
      <c r="AT18" s="164">
        <v>94</v>
      </c>
      <c r="AU18" s="159">
        <v>38</v>
      </c>
      <c r="AV18" s="160">
        <v>41</v>
      </c>
      <c r="AW18" s="165">
        <v>79</v>
      </c>
      <c r="AX18" s="162">
        <v>0</v>
      </c>
      <c r="AY18" s="160">
        <v>241</v>
      </c>
      <c r="AZ18" s="160">
        <v>369</v>
      </c>
      <c r="BA18" s="160">
        <v>273</v>
      </c>
      <c r="BB18" s="160">
        <v>310</v>
      </c>
      <c r="BC18" s="160">
        <v>203</v>
      </c>
      <c r="BD18" s="163">
        <v>1396</v>
      </c>
      <c r="BE18" s="164">
        <v>1475</v>
      </c>
      <c r="BF18" s="159">
        <v>0</v>
      </c>
      <c r="BG18" s="160">
        <v>0</v>
      </c>
      <c r="BH18" s="165">
        <v>0</v>
      </c>
      <c r="BI18" s="162">
        <v>0</v>
      </c>
      <c r="BJ18" s="160">
        <v>350</v>
      </c>
      <c r="BK18" s="160">
        <v>420</v>
      </c>
      <c r="BL18" s="160">
        <v>243</v>
      </c>
      <c r="BM18" s="160">
        <v>175</v>
      </c>
      <c r="BN18" s="160">
        <v>89</v>
      </c>
      <c r="BO18" s="165">
        <v>1277</v>
      </c>
      <c r="BP18" s="164">
        <v>1277</v>
      </c>
      <c r="BQ18" s="159">
        <v>49</v>
      </c>
      <c r="BR18" s="160">
        <v>108</v>
      </c>
      <c r="BS18" s="165">
        <v>157</v>
      </c>
      <c r="BT18" s="162">
        <v>0</v>
      </c>
      <c r="BU18" s="160">
        <v>172</v>
      </c>
      <c r="BV18" s="160">
        <v>253</v>
      </c>
      <c r="BW18" s="160">
        <v>101</v>
      </c>
      <c r="BX18" s="160">
        <v>65</v>
      </c>
      <c r="BY18" s="160">
        <v>23</v>
      </c>
      <c r="BZ18" s="165">
        <v>614</v>
      </c>
      <c r="CA18" s="164">
        <v>771</v>
      </c>
      <c r="CB18" s="159">
        <v>2</v>
      </c>
      <c r="CC18" s="160">
        <v>5</v>
      </c>
      <c r="CD18" s="165">
        <v>7</v>
      </c>
      <c r="CE18" s="162">
        <v>0</v>
      </c>
      <c r="CF18" s="160">
        <v>44</v>
      </c>
      <c r="CG18" s="160">
        <v>82</v>
      </c>
      <c r="CH18" s="160">
        <v>79</v>
      </c>
      <c r="CI18" s="160">
        <v>48</v>
      </c>
      <c r="CJ18" s="160">
        <v>35</v>
      </c>
      <c r="CK18" s="165">
        <v>288</v>
      </c>
      <c r="CL18" s="164">
        <v>295</v>
      </c>
      <c r="CM18" s="159">
        <v>0</v>
      </c>
      <c r="CN18" s="160">
        <v>0</v>
      </c>
      <c r="CO18" s="165">
        <v>0</v>
      </c>
      <c r="CP18" s="162">
        <v>0</v>
      </c>
      <c r="CQ18" s="160">
        <v>3</v>
      </c>
      <c r="CR18" s="160">
        <v>8</v>
      </c>
      <c r="CS18" s="160">
        <v>10</v>
      </c>
      <c r="CT18" s="160">
        <v>10</v>
      </c>
      <c r="CU18" s="160">
        <v>4</v>
      </c>
      <c r="CV18" s="165">
        <v>35</v>
      </c>
      <c r="CW18" s="164">
        <v>35</v>
      </c>
      <c r="CX18" s="159">
        <v>0</v>
      </c>
      <c r="CY18" s="160">
        <v>0</v>
      </c>
      <c r="CZ18" s="165">
        <v>0</v>
      </c>
      <c r="DA18" s="162">
        <v>0</v>
      </c>
      <c r="DB18" s="160">
        <v>0</v>
      </c>
      <c r="DC18" s="160">
        <v>0</v>
      </c>
      <c r="DD18" s="160">
        <v>0</v>
      </c>
      <c r="DE18" s="160">
        <v>0</v>
      </c>
      <c r="DF18" s="160">
        <v>0</v>
      </c>
      <c r="DG18" s="165">
        <v>0</v>
      </c>
      <c r="DH18" s="164">
        <v>0</v>
      </c>
      <c r="DI18" s="159">
        <v>0</v>
      </c>
      <c r="DJ18" s="160">
        <v>0</v>
      </c>
      <c r="DK18" s="165">
        <v>0</v>
      </c>
      <c r="DL18" s="162">
        <v>0</v>
      </c>
      <c r="DM18" s="160">
        <v>0</v>
      </c>
      <c r="DN18" s="160">
        <v>0</v>
      </c>
      <c r="DO18" s="160">
        <v>0</v>
      </c>
      <c r="DP18" s="160">
        <v>0</v>
      </c>
      <c r="DQ18" s="160">
        <v>0</v>
      </c>
      <c r="DR18" s="165">
        <v>0</v>
      </c>
      <c r="DS18" s="164">
        <v>0</v>
      </c>
      <c r="DT18" s="159">
        <v>167</v>
      </c>
      <c r="DU18" s="160">
        <v>425</v>
      </c>
      <c r="DV18" s="165">
        <v>592</v>
      </c>
      <c r="DW18" s="162">
        <v>0</v>
      </c>
      <c r="DX18" s="160">
        <v>414</v>
      </c>
      <c r="DY18" s="160">
        <v>891</v>
      </c>
      <c r="DZ18" s="160">
        <v>485</v>
      </c>
      <c r="EA18" s="160">
        <v>366</v>
      </c>
      <c r="EB18" s="160">
        <v>221</v>
      </c>
      <c r="EC18" s="165">
        <v>2377</v>
      </c>
      <c r="ED18" s="164">
        <v>2969</v>
      </c>
      <c r="EE18" s="159">
        <v>28</v>
      </c>
      <c r="EF18" s="160">
        <v>15</v>
      </c>
      <c r="EG18" s="165">
        <v>43</v>
      </c>
      <c r="EH18" s="162">
        <v>0</v>
      </c>
      <c r="EI18" s="160">
        <v>105</v>
      </c>
      <c r="EJ18" s="160">
        <v>118</v>
      </c>
      <c r="EK18" s="160">
        <v>88</v>
      </c>
      <c r="EL18" s="160">
        <v>123</v>
      </c>
      <c r="EM18" s="160">
        <v>66</v>
      </c>
      <c r="EN18" s="165">
        <v>500</v>
      </c>
      <c r="EO18" s="164">
        <v>543</v>
      </c>
      <c r="EP18" s="159">
        <v>227</v>
      </c>
      <c r="EQ18" s="160">
        <v>514</v>
      </c>
      <c r="ER18" s="165">
        <v>741</v>
      </c>
      <c r="ES18" s="162">
        <v>0</v>
      </c>
      <c r="ET18" s="160">
        <v>860</v>
      </c>
      <c r="EU18" s="160">
        <v>1168</v>
      </c>
      <c r="EV18" s="160">
        <v>585</v>
      </c>
      <c r="EW18" s="160">
        <v>390</v>
      </c>
      <c r="EX18" s="160">
        <v>213</v>
      </c>
      <c r="EY18" s="165">
        <v>3216</v>
      </c>
      <c r="EZ18" s="164">
        <v>3957</v>
      </c>
    </row>
    <row r="19" spans="2:156" ht="21" customHeight="1" x14ac:dyDescent="0.2">
      <c r="B19" s="166" t="s">
        <v>17</v>
      </c>
      <c r="C19" s="159">
        <v>0</v>
      </c>
      <c r="D19" s="160">
        <v>0</v>
      </c>
      <c r="E19" s="161">
        <v>0</v>
      </c>
      <c r="F19" s="162">
        <v>0</v>
      </c>
      <c r="G19" s="160">
        <v>219</v>
      </c>
      <c r="H19" s="160">
        <v>482</v>
      </c>
      <c r="I19" s="160">
        <v>307</v>
      </c>
      <c r="J19" s="160">
        <v>239</v>
      </c>
      <c r="K19" s="160">
        <v>161</v>
      </c>
      <c r="L19" s="163">
        <v>1408</v>
      </c>
      <c r="M19" s="164">
        <v>1408</v>
      </c>
      <c r="N19" s="159">
        <v>0</v>
      </c>
      <c r="O19" s="160">
        <v>2</v>
      </c>
      <c r="P19" s="165">
        <v>2</v>
      </c>
      <c r="Q19" s="162">
        <v>0</v>
      </c>
      <c r="R19" s="160">
        <v>1</v>
      </c>
      <c r="S19" s="160">
        <v>9</v>
      </c>
      <c r="T19" s="160">
        <v>16</v>
      </c>
      <c r="U19" s="160">
        <v>47</v>
      </c>
      <c r="V19" s="160">
        <v>69</v>
      </c>
      <c r="W19" s="165">
        <v>142</v>
      </c>
      <c r="X19" s="164">
        <v>144</v>
      </c>
      <c r="Y19" s="159">
        <v>31</v>
      </c>
      <c r="Z19" s="160">
        <v>97</v>
      </c>
      <c r="AA19" s="165">
        <v>128</v>
      </c>
      <c r="AB19" s="162">
        <v>0</v>
      </c>
      <c r="AC19" s="160">
        <v>186</v>
      </c>
      <c r="AD19" s="160">
        <v>386</v>
      </c>
      <c r="AE19" s="160">
        <v>259</v>
      </c>
      <c r="AF19" s="160">
        <v>209</v>
      </c>
      <c r="AG19" s="160">
        <v>130</v>
      </c>
      <c r="AH19" s="165">
        <v>1170</v>
      </c>
      <c r="AI19" s="164">
        <v>1298</v>
      </c>
      <c r="AJ19" s="159">
        <v>8</v>
      </c>
      <c r="AK19" s="160">
        <v>12</v>
      </c>
      <c r="AL19" s="165">
        <v>20</v>
      </c>
      <c r="AM19" s="162">
        <v>0</v>
      </c>
      <c r="AN19" s="160">
        <v>12</v>
      </c>
      <c r="AO19" s="160">
        <v>42</v>
      </c>
      <c r="AP19" s="160">
        <v>26</v>
      </c>
      <c r="AQ19" s="160">
        <v>24</v>
      </c>
      <c r="AR19" s="160">
        <v>19</v>
      </c>
      <c r="AS19" s="165">
        <v>123</v>
      </c>
      <c r="AT19" s="164">
        <v>143</v>
      </c>
      <c r="AU19" s="159">
        <v>51</v>
      </c>
      <c r="AV19" s="160">
        <v>69</v>
      </c>
      <c r="AW19" s="165">
        <v>120</v>
      </c>
      <c r="AX19" s="162">
        <v>0</v>
      </c>
      <c r="AY19" s="160">
        <v>255</v>
      </c>
      <c r="AZ19" s="160">
        <v>516</v>
      </c>
      <c r="BA19" s="160">
        <v>498</v>
      </c>
      <c r="BB19" s="160">
        <v>462</v>
      </c>
      <c r="BC19" s="160">
        <v>320</v>
      </c>
      <c r="BD19" s="163">
        <v>2051</v>
      </c>
      <c r="BE19" s="164">
        <v>2171</v>
      </c>
      <c r="BF19" s="159">
        <v>0</v>
      </c>
      <c r="BG19" s="160">
        <v>0</v>
      </c>
      <c r="BH19" s="165">
        <v>0</v>
      </c>
      <c r="BI19" s="162">
        <v>0</v>
      </c>
      <c r="BJ19" s="160">
        <v>293</v>
      </c>
      <c r="BK19" s="160">
        <v>483</v>
      </c>
      <c r="BL19" s="160">
        <v>329</v>
      </c>
      <c r="BM19" s="160">
        <v>168</v>
      </c>
      <c r="BN19" s="160">
        <v>101</v>
      </c>
      <c r="BO19" s="165">
        <v>1374</v>
      </c>
      <c r="BP19" s="164">
        <v>1374</v>
      </c>
      <c r="BQ19" s="159">
        <v>37</v>
      </c>
      <c r="BR19" s="160">
        <v>84</v>
      </c>
      <c r="BS19" s="165">
        <v>121</v>
      </c>
      <c r="BT19" s="162">
        <v>0</v>
      </c>
      <c r="BU19" s="160">
        <v>64</v>
      </c>
      <c r="BV19" s="160">
        <v>218</v>
      </c>
      <c r="BW19" s="160">
        <v>121</v>
      </c>
      <c r="BX19" s="160">
        <v>48</v>
      </c>
      <c r="BY19" s="160">
        <v>21</v>
      </c>
      <c r="BZ19" s="165">
        <v>472</v>
      </c>
      <c r="CA19" s="164">
        <v>593</v>
      </c>
      <c r="CB19" s="159">
        <v>1</v>
      </c>
      <c r="CC19" s="160">
        <v>6</v>
      </c>
      <c r="CD19" s="165">
        <v>7</v>
      </c>
      <c r="CE19" s="162">
        <v>0</v>
      </c>
      <c r="CF19" s="160">
        <v>35</v>
      </c>
      <c r="CG19" s="160">
        <v>102</v>
      </c>
      <c r="CH19" s="160">
        <v>119</v>
      </c>
      <c r="CI19" s="160">
        <v>85</v>
      </c>
      <c r="CJ19" s="160">
        <v>43</v>
      </c>
      <c r="CK19" s="165">
        <v>384</v>
      </c>
      <c r="CL19" s="164">
        <v>391</v>
      </c>
      <c r="CM19" s="159">
        <v>0</v>
      </c>
      <c r="CN19" s="160">
        <v>0</v>
      </c>
      <c r="CO19" s="165">
        <v>0</v>
      </c>
      <c r="CP19" s="162">
        <v>0</v>
      </c>
      <c r="CQ19" s="160">
        <v>4</v>
      </c>
      <c r="CR19" s="160">
        <v>16</v>
      </c>
      <c r="CS19" s="160">
        <v>13</v>
      </c>
      <c r="CT19" s="160">
        <v>12</v>
      </c>
      <c r="CU19" s="160">
        <v>9</v>
      </c>
      <c r="CV19" s="165">
        <v>54</v>
      </c>
      <c r="CW19" s="164">
        <v>54</v>
      </c>
      <c r="CX19" s="159">
        <v>0</v>
      </c>
      <c r="CY19" s="160">
        <v>0</v>
      </c>
      <c r="CZ19" s="165">
        <v>0</v>
      </c>
      <c r="DA19" s="162">
        <v>0</v>
      </c>
      <c r="DB19" s="160">
        <v>0</v>
      </c>
      <c r="DC19" s="160">
        <v>0</v>
      </c>
      <c r="DD19" s="160">
        <v>0</v>
      </c>
      <c r="DE19" s="160">
        <v>0</v>
      </c>
      <c r="DF19" s="160">
        <v>0</v>
      </c>
      <c r="DG19" s="165">
        <v>0</v>
      </c>
      <c r="DH19" s="164">
        <v>0</v>
      </c>
      <c r="DI19" s="159">
        <v>0</v>
      </c>
      <c r="DJ19" s="160">
        <v>0</v>
      </c>
      <c r="DK19" s="165">
        <v>0</v>
      </c>
      <c r="DL19" s="162">
        <v>0</v>
      </c>
      <c r="DM19" s="160">
        <v>0</v>
      </c>
      <c r="DN19" s="160">
        <v>0</v>
      </c>
      <c r="DO19" s="160">
        <v>0</v>
      </c>
      <c r="DP19" s="160">
        <v>0</v>
      </c>
      <c r="DQ19" s="160">
        <v>0</v>
      </c>
      <c r="DR19" s="165">
        <v>0</v>
      </c>
      <c r="DS19" s="164">
        <v>0</v>
      </c>
      <c r="DT19" s="159">
        <v>205</v>
      </c>
      <c r="DU19" s="160">
        <v>553</v>
      </c>
      <c r="DV19" s="165">
        <v>758</v>
      </c>
      <c r="DW19" s="162">
        <v>0</v>
      </c>
      <c r="DX19" s="160">
        <v>381</v>
      </c>
      <c r="DY19" s="160">
        <v>1234</v>
      </c>
      <c r="DZ19" s="160">
        <v>785</v>
      </c>
      <c r="EA19" s="160">
        <v>576</v>
      </c>
      <c r="EB19" s="160">
        <v>331</v>
      </c>
      <c r="EC19" s="165">
        <v>3307</v>
      </c>
      <c r="ED19" s="164">
        <v>4065</v>
      </c>
      <c r="EE19" s="159">
        <v>30</v>
      </c>
      <c r="EF19" s="160">
        <v>35</v>
      </c>
      <c r="EG19" s="165">
        <v>65</v>
      </c>
      <c r="EH19" s="162">
        <v>0</v>
      </c>
      <c r="EI19" s="160">
        <v>101</v>
      </c>
      <c r="EJ19" s="160">
        <v>137</v>
      </c>
      <c r="EK19" s="160">
        <v>97</v>
      </c>
      <c r="EL19" s="160">
        <v>98</v>
      </c>
      <c r="EM19" s="160">
        <v>66</v>
      </c>
      <c r="EN19" s="165">
        <v>499</v>
      </c>
      <c r="EO19" s="164">
        <v>564</v>
      </c>
      <c r="EP19" s="159">
        <v>271</v>
      </c>
      <c r="EQ19" s="160">
        <v>644</v>
      </c>
      <c r="ER19" s="165">
        <v>915</v>
      </c>
      <c r="ES19" s="162">
        <v>0</v>
      </c>
      <c r="ET19" s="160">
        <v>938</v>
      </c>
      <c r="EU19" s="160">
        <v>1614</v>
      </c>
      <c r="EV19" s="160">
        <v>908</v>
      </c>
      <c r="EW19" s="160">
        <v>621</v>
      </c>
      <c r="EX19" s="160">
        <v>321</v>
      </c>
      <c r="EY19" s="165">
        <v>4402</v>
      </c>
      <c r="EZ19" s="164">
        <v>5317</v>
      </c>
    </row>
    <row r="20" spans="2:156" ht="21" customHeight="1" x14ac:dyDescent="0.2">
      <c r="B20" s="166" t="s">
        <v>18</v>
      </c>
      <c r="C20" s="159">
        <v>0</v>
      </c>
      <c r="D20" s="160">
        <v>0</v>
      </c>
      <c r="E20" s="161">
        <v>0</v>
      </c>
      <c r="F20" s="162">
        <v>0</v>
      </c>
      <c r="G20" s="160">
        <v>459</v>
      </c>
      <c r="H20" s="160">
        <v>506</v>
      </c>
      <c r="I20" s="160">
        <v>301</v>
      </c>
      <c r="J20" s="160">
        <v>237</v>
      </c>
      <c r="K20" s="160">
        <v>217</v>
      </c>
      <c r="L20" s="163">
        <v>1720</v>
      </c>
      <c r="M20" s="164">
        <v>1720</v>
      </c>
      <c r="N20" s="159">
        <v>0</v>
      </c>
      <c r="O20" s="160">
        <v>0</v>
      </c>
      <c r="P20" s="165">
        <v>0</v>
      </c>
      <c r="Q20" s="162">
        <v>0</v>
      </c>
      <c r="R20" s="160">
        <v>4</v>
      </c>
      <c r="S20" s="160">
        <v>10</v>
      </c>
      <c r="T20" s="160">
        <v>17</v>
      </c>
      <c r="U20" s="160">
        <v>56</v>
      </c>
      <c r="V20" s="160">
        <v>76</v>
      </c>
      <c r="W20" s="165">
        <v>163</v>
      </c>
      <c r="X20" s="164">
        <v>163</v>
      </c>
      <c r="Y20" s="159">
        <v>64</v>
      </c>
      <c r="Z20" s="160">
        <v>131</v>
      </c>
      <c r="AA20" s="165">
        <v>195</v>
      </c>
      <c r="AB20" s="162">
        <v>0</v>
      </c>
      <c r="AC20" s="160">
        <v>358</v>
      </c>
      <c r="AD20" s="160">
        <v>412</v>
      </c>
      <c r="AE20" s="160">
        <v>262</v>
      </c>
      <c r="AF20" s="160">
        <v>206</v>
      </c>
      <c r="AG20" s="160">
        <v>154</v>
      </c>
      <c r="AH20" s="165">
        <v>1392</v>
      </c>
      <c r="AI20" s="164">
        <v>1587</v>
      </c>
      <c r="AJ20" s="159">
        <v>10</v>
      </c>
      <c r="AK20" s="160">
        <v>14</v>
      </c>
      <c r="AL20" s="165">
        <v>24</v>
      </c>
      <c r="AM20" s="162">
        <v>0</v>
      </c>
      <c r="AN20" s="160">
        <v>38</v>
      </c>
      <c r="AO20" s="160">
        <v>51</v>
      </c>
      <c r="AP20" s="160">
        <v>29</v>
      </c>
      <c r="AQ20" s="160">
        <v>22</v>
      </c>
      <c r="AR20" s="160">
        <v>13</v>
      </c>
      <c r="AS20" s="165">
        <v>153</v>
      </c>
      <c r="AT20" s="164">
        <v>177</v>
      </c>
      <c r="AU20" s="159">
        <v>63</v>
      </c>
      <c r="AV20" s="160">
        <v>87</v>
      </c>
      <c r="AW20" s="165">
        <v>150</v>
      </c>
      <c r="AX20" s="162">
        <v>0</v>
      </c>
      <c r="AY20" s="160">
        <v>505</v>
      </c>
      <c r="AZ20" s="160">
        <v>624</v>
      </c>
      <c r="BA20" s="160">
        <v>564</v>
      </c>
      <c r="BB20" s="160">
        <v>541</v>
      </c>
      <c r="BC20" s="160">
        <v>414</v>
      </c>
      <c r="BD20" s="163">
        <v>2648</v>
      </c>
      <c r="BE20" s="164">
        <v>2798</v>
      </c>
      <c r="BF20" s="159">
        <v>0</v>
      </c>
      <c r="BG20" s="160">
        <v>0</v>
      </c>
      <c r="BH20" s="165">
        <v>0</v>
      </c>
      <c r="BI20" s="162">
        <v>0</v>
      </c>
      <c r="BJ20" s="160">
        <v>695</v>
      </c>
      <c r="BK20" s="160">
        <v>652</v>
      </c>
      <c r="BL20" s="160">
        <v>365</v>
      </c>
      <c r="BM20" s="160">
        <v>198</v>
      </c>
      <c r="BN20" s="160">
        <v>90</v>
      </c>
      <c r="BO20" s="165">
        <v>2000</v>
      </c>
      <c r="BP20" s="164">
        <v>2000</v>
      </c>
      <c r="BQ20" s="159">
        <v>64</v>
      </c>
      <c r="BR20" s="160">
        <v>117</v>
      </c>
      <c r="BS20" s="165">
        <v>181</v>
      </c>
      <c r="BT20" s="162">
        <v>0</v>
      </c>
      <c r="BU20" s="160">
        <v>180</v>
      </c>
      <c r="BV20" s="160">
        <v>189</v>
      </c>
      <c r="BW20" s="160">
        <v>120</v>
      </c>
      <c r="BX20" s="160">
        <v>65</v>
      </c>
      <c r="BY20" s="160">
        <v>24</v>
      </c>
      <c r="BZ20" s="165">
        <v>578</v>
      </c>
      <c r="CA20" s="164">
        <v>759</v>
      </c>
      <c r="CB20" s="159">
        <v>1</v>
      </c>
      <c r="CC20" s="160">
        <v>5</v>
      </c>
      <c r="CD20" s="165">
        <v>6</v>
      </c>
      <c r="CE20" s="162">
        <v>0</v>
      </c>
      <c r="CF20" s="160">
        <v>43</v>
      </c>
      <c r="CG20" s="160">
        <v>89</v>
      </c>
      <c r="CH20" s="160">
        <v>117</v>
      </c>
      <c r="CI20" s="160">
        <v>84</v>
      </c>
      <c r="CJ20" s="160">
        <v>49</v>
      </c>
      <c r="CK20" s="165">
        <v>382</v>
      </c>
      <c r="CL20" s="164">
        <v>388</v>
      </c>
      <c r="CM20" s="159">
        <v>0</v>
      </c>
      <c r="CN20" s="160">
        <v>0</v>
      </c>
      <c r="CO20" s="165">
        <v>0</v>
      </c>
      <c r="CP20" s="162">
        <v>0</v>
      </c>
      <c r="CQ20" s="160">
        <v>2</v>
      </c>
      <c r="CR20" s="160">
        <v>9</v>
      </c>
      <c r="CS20" s="160">
        <v>4</v>
      </c>
      <c r="CT20" s="160">
        <v>3</v>
      </c>
      <c r="CU20" s="160">
        <v>1</v>
      </c>
      <c r="CV20" s="165">
        <v>19</v>
      </c>
      <c r="CW20" s="164">
        <v>19</v>
      </c>
      <c r="CX20" s="159">
        <v>0</v>
      </c>
      <c r="CY20" s="160">
        <v>0</v>
      </c>
      <c r="CZ20" s="165">
        <v>0</v>
      </c>
      <c r="DA20" s="162">
        <v>0</v>
      </c>
      <c r="DB20" s="160">
        <v>0</v>
      </c>
      <c r="DC20" s="160">
        <v>0</v>
      </c>
      <c r="DD20" s="160">
        <v>0</v>
      </c>
      <c r="DE20" s="160">
        <v>0</v>
      </c>
      <c r="DF20" s="160">
        <v>0</v>
      </c>
      <c r="DG20" s="165">
        <v>0</v>
      </c>
      <c r="DH20" s="164">
        <v>0</v>
      </c>
      <c r="DI20" s="159">
        <v>0</v>
      </c>
      <c r="DJ20" s="160">
        <v>0</v>
      </c>
      <c r="DK20" s="165">
        <v>0</v>
      </c>
      <c r="DL20" s="162">
        <v>0</v>
      </c>
      <c r="DM20" s="160">
        <v>0</v>
      </c>
      <c r="DN20" s="160">
        <v>0</v>
      </c>
      <c r="DO20" s="160">
        <v>0</v>
      </c>
      <c r="DP20" s="160">
        <v>0</v>
      </c>
      <c r="DQ20" s="160">
        <v>0</v>
      </c>
      <c r="DR20" s="165">
        <v>0</v>
      </c>
      <c r="DS20" s="164">
        <v>0</v>
      </c>
      <c r="DT20" s="159">
        <v>239</v>
      </c>
      <c r="DU20" s="160">
        <v>571</v>
      </c>
      <c r="DV20" s="165">
        <v>810</v>
      </c>
      <c r="DW20" s="162">
        <v>0</v>
      </c>
      <c r="DX20" s="160">
        <v>827</v>
      </c>
      <c r="DY20" s="160">
        <v>1175</v>
      </c>
      <c r="DZ20" s="160">
        <v>723</v>
      </c>
      <c r="EA20" s="160">
        <v>555</v>
      </c>
      <c r="EB20" s="160">
        <v>376</v>
      </c>
      <c r="EC20" s="165">
        <v>3656</v>
      </c>
      <c r="ED20" s="164">
        <v>4466</v>
      </c>
      <c r="EE20" s="159">
        <v>32</v>
      </c>
      <c r="EF20" s="160">
        <v>9</v>
      </c>
      <c r="EG20" s="165">
        <v>41</v>
      </c>
      <c r="EH20" s="162">
        <v>0</v>
      </c>
      <c r="EI20" s="160">
        <v>130</v>
      </c>
      <c r="EJ20" s="160">
        <v>110</v>
      </c>
      <c r="EK20" s="160">
        <v>113</v>
      </c>
      <c r="EL20" s="160">
        <v>113</v>
      </c>
      <c r="EM20" s="160">
        <v>74</v>
      </c>
      <c r="EN20" s="165">
        <v>540</v>
      </c>
      <c r="EO20" s="164">
        <v>581</v>
      </c>
      <c r="EP20" s="159">
        <v>350</v>
      </c>
      <c r="EQ20" s="160">
        <v>708</v>
      </c>
      <c r="ER20" s="165">
        <v>1058</v>
      </c>
      <c r="ES20" s="162">
        <v>0</v>
      </c>
      <c r="ET20" s="160">
        <v>1655</v>
      </c>
      <c r="EU20" s="160">
        <v>1522</v>
      </c>
      <c r="EV20" s="160">
        <v>845</v>
      </c>
      <c r="EW20" s="160">
        <v>576</v>
      </c>
      <c r="EX20" s="160">
        <v>368</v>
      </c>
      <c r="EY20" s="165">
        <v>4966</v>
      </c>
      <c r="EZ20" s="164">
        <v>6024</v>
      </c>
    </row>
    <row r="21" spans="2:156" ht="21" customHeight="1" x14ac:dyDescent="0.2">
      <c r="B21" s="166" t="s">
        <v>19</v>
      </c>
      <c r="C21" s="159">
        <v>0</v>
      </c>
      <c r="D21" s="160">
        <v>0</v>
      </c>
      <c r="E21" s="161">
        <v>0</v>
      </c>
      <c r="F21" s="162">
        <v>0</v>
      </c>
      <c r="G21" s="160">
        <v>186</v>
      </c>
      <c r="H21" s="160">
        <v>157</v>
      </c>
      <c r="I21" s="160">
        <v>100</v>
      </c>
      <c r="J21" s="160">
        <v>81</v>
      </c>
      <c r="K21" s="160">
        <v>63</v>
      </c>
      <c r="L21" s="163">
        <v>587</v>
      </c>
      <c r="M21" s="164">
        <v>587</v>
      </c>
      <c r="N21" s="159">
        <v>0</v>
      </c>
      <c r="O21" s="160">
        <v>0</v>
      </c>
      <c r="P21" s="165">
        <v>0</v>
      </c>
      <c r="Q21" s="162">
        <v>0</v>
      </c>
      <c r="R21" s="160">
        <v>4</v>
      </c>
      <c r="S21" s="160">
        <v>7</v>
      </c>
      <c r="T21" s="160">
        <v>12</v>
      </c>
      <c r="U21" s="160">
        <v>17</v>
      </c>
      <c r="V21" s="160">
        <v>25</v>
      </c>
      <c r="W21" s="165">
        <v>65</v>
      </c>
      <c r="X21" s="164">
        <v>65</v>
      </c>
      <c r="Y21" s="159">
        <v>43</v>
      </c>
      <c r="Z21" s="160">
        <v>62</v>
      </c>
      <c r="AA21" s="165">
        <v>105</v>
      </c>
      <c r="AB21" s="162">
        <v>0</v>
      </c>
      <c r="AC21" s="160">
        <v>185</v>
      </c>
      <c r="AD21" s="160">
        <v>157</v>
      </c>
      <c r="AE21" s="160">
        <v>114</v>
      </c>
      <c r="AF21" s="160">
        <v>78</v>
      </c>
      <c r="AG21" s="160">
        <v>66</v>
      </c>
      <c r="AH21" s="165">
        <v>600</v>
      </c>
      <c r="AI21" s="164">
        <v>705</v>
      </c>
      <c r="AJ21" s="159">
        <v>3</v>
      </c>
      <c r="AK21" s="160">
        <v>7</v>
      </c>
      <c r="AL21" s="165">
        <v>10</v>
      </c>
      <c r="AM21" s="162">
        <v>0</v>
      </c>
      <c r="AN21" s="160">
        <v>20</v>
      </c>
      <c r="AO21" s="160">
        <v>18</v>
      </c>
      <c r="AP21" s="160">
        <v>7</v>
      </c>
      <c r="AQ21" s="160">
        <v>12</v>
      </c>
      <c r="AR21" s="160">
        <v>3</v>
      </c>
      <c r="AS21" s="165">
        <v>60</v>
      </c>
      <c r="AT21" s="164">
        <v>70</v>
      </c>
      <c r="AU21" s="159">
        <v>42</v>
      </c>
      <c r="AV21" s="160">
        <v>48</v>
      </c>
      <c r="AW21" s="165">
        <v>90</v>
      </c>
      <c r="AX21" s="162">
        <v>0</v>
      </c>
      <c r="AY21" s="160">
        <v>225</v>
      </c>
      <c r="AZ21" s="160">
        <v>227</v>
      </c>
      <c r="BA21" s="160">
        <v>199</v>
      </c>
      <c r="BB21" s="160">
        <v>168</v>
      </c>
      <c r="BC21" s="160">
        <v>155</v>
      </c>
      <c r="BD21" s="163">
        <v>974</v>
      </c>
      <c r="BE21" s="164">
        <v>1064</v>
      </c>
      <c r="BF21" s="159">
        <v>0</v>
      </c>
      <c r="BG21" s="160">
        <v>0</v>
      </c>
      <c r="BH21" s="165">
        <v>0</v>
      </c>
      <c r="BI21" s="162">
        <v>0</v>
      </c>
      <c r="BJ21" s="160">
        <v>265</v>
      </c>
      <c r="BK21" s="160">
        <v>234</v>
      </c>
      <c r="BL21" s="160">
        <v>122</v>
      </c>
      <c r="BM21" s="160">
        <v>61</v>
      </c>
      <c r="BN21" s="160">
        <v>42</v>
      </c>
      <c r="BO21" s="165">
        <v>724</v>
      </c>
      <c r="BP21" s="164">
        <v>724</v>
      </c>
      <c r="BQ21" s="159">
        <v>39</v>
      </c>
      <c r="BR21" s="160">
        <v>69</v>
      </c>
      <c r="BS21" s="165">
        <v>108</v>
      </c>
      <c r="BT21" s="162">
        <v>0</v>
      </c>
      <c r="BU21" s="160">
        <v>137</v>
      </c>
      <c r="BV21" s="160">
        <v>114</v>
      </c>
      <c r="BW21" s="160">
        <v>51</v>
      </c>
      <c r="BX21" s="160">
        <v>35</v>
      </c>
      <c r="BY21" s="160">
        <v>6</v>
      </c>
      <c r="BZ21" s="165">
        <v>343</v>
      </c>
      <c r="CA21" s="164">
        <v>451</v>
      </c>
      <c r="CB21" s="159">
        <v>2</v>
      </c>
      <c r="CC21" s="160">
        <v>5</v>
      </c>
      <c r="CD21" s="165">
        <v>7</v>
      </c>
      <c r="CE21" s="162">
        <v>0</v>
      </c>
      <c r="CF21" s="160">
        <v>25</v>
      </c>
      <c r="CG21" s="160">
        <v>47</v>
      </c>
      <c r="CH21" s="160">
        <v>50</v>
      </c>
      <c r="CI21" s="160">
        <v>22</v>
      </c>
      <c r="CJ21" s="160">
        <v>10</v>
      </c>
      <c r="CK21" s="165">
        <v>154</v>
      </c>
      <c r="CL21" s="164">
        <v>161</v>
      </c>
      <c r="CM21" s="159">
        <v>0</v>
      </c>
      <c r="CN21" s="160">
        <v>0</v>
      </c>
      <c r="CO21" s="165">
        <v>0</v>
      </c>
      <c r="CP21" s="162">
        <v>0</v>
      </c>
      <c r="CQ21" s="160">
        <v>9</v>
      </c>
      <c r="CR21" s="160">
        <v>10</v>
      </c>
      <c r="CS21" s="160">
        <v>7</v>
      </c>
      <c r="CT21" s="160">
        <v>8</v>
      </c>
      <c r="CU21" s="160">
        <v>6</v>
      </c>
      <c r="CV21" s="165">
        <v>40</v>
      </c>
      <c r="CW21" s="164">
        <v>40</v>
      </c>
      <c r="CX21" s="159">
        <v>0</v>
      </c>
      <c r="CY21" s="160">
        <v>0</v>
      </c>
      <c r="CZ21" s="165">
        <v>0</v>
      </c>
      <c r="DA21" s="162">
        <v>0</v>
      </c>
      <c r="DB21" s="160">
        <v>0</v>
      </c>
      <c r="DC21" s="160">
        <v>0</v>
      </c>
      <c r="DD21" s="160">
        <v>0</v>
      </c>
      <c r="DE21" s="160">
        <v>0</v>
      </c>
      <c r="DF21" s="160">
        <v>0</v>
      </c>
      <c r="DG21" s="165">
        <v>0</v>
      </c>
      <c r="DH21" s="164">
        <v>0</v>
      </c>
      <c r="DI21" s="159">
        <v>0</v>
      </c>
      <c r="DJ21" s="160">
        <v>0</v>
      </c>
      <c r="DK21" s="165">
        <v>0</v>
      </c>
      <c r="DL21" s="162">
        <v>0</v>
      </c>
      <c r="DM21" s="160">
        <v>0</v>
      </c>
      <c r="DN21" s="160">
        <v>0</v>
      </c>
      <c r="DO21" s="160">
        <v>0</v>
      </c>
      <c r="DP21" s="160">
        <v>0</v>
      </c>
      <c r="DQ21" s="160">
        <v>0</v>
      </c>
      <c r="DR21" s="165">
        <v>0</v>
      </c>
      <c r="DS21" s="164">
        <v>0</v>
      </c>
      <c r="DT21" s="159">
        <v>163</v>
      </c>
      <c r="DU21" s="160">
        <v>238</v>
      </c>
      <c r="DV21" s="165">
        <v>401</v>
      </c>
      <c r="DW21" s="162">
        <v>0</v>
      </c>
      <c r="DX21" s="160">
        <v>430</v>
      </c>
      <c r="DY21" s="160">
        <v>430</v>
      </c>
      <c r="DZ21" s="160">
        <v>262</v>
      </c>
      <c r="EA21" s="160">
        <v>185</v>
      </c>
      <c r="EB21" s="160">
        <v>122</v>
      </c>
      <c r="EC21" s="165">
        <v>1429</v>
      </c>
      <c r="ED21" s="164">
        <v>1830</v>
      </c>
      <c r="EE21" s="159">
        <v>15</v>
      </c>
      <c r="EF21" s="160">
        <v>15</v>
      </c>
      <c r="EG21" s="165">
        <v>30</v>
      </c>
      <c r="EH21" s="162">
        <v>0</v>
      </c>
      <c r="EI21" s="160">
        <v>66</v>
      </c>
      <c r="EJ21" s="160">
        <v>53</v>
      </c>
      <c r="EK21" s="160">
        <v>54</v>
      </c>
      <c r="EL21" s="160">
        <v>44</v>
      </c>
      <c r="EM21" s="160">
        <v>37</v>
      </c>
      <c r="EN21" s="165">
        <v>254</v>
      </c>
      <c r="EO21" s="164">
        <v>284</v>
      </c>
      <c r="EP21" s="159">
        <v>229</v>
      </c>
      <c r="EQ21" s="160">
        <v>308</v>
      </c>
      <c r="ER21" s="165">
        <v>537</v>
      </c>
      <c r="ES21" s="162">
        <v>0</v>
      </c>
      <c r="ET21" s="160">
        <v>758</v>
      </c>
      <c r="EU21" s="160">
        <v>581</v>
      </c>
      <c r="EV21" s="160">
        <v>300</v>
      </c>
      <c r="EW21" s="160">
        <v>177</v>
      </c>
      <c r="EX21" s="160">
        <v>119</v>
      </c>
      <c r="EY21" s="165">
        <v>1935</v>
      </c>
      <c r="EZ21" s="164">
        <v>2472</v>
      </c>
    </row>
    <row r="22" spans="2:156" ht="21" customHeight="1" x14ac:dyDescent="0.2">
      <c r="B22" s="166" t="s">
        <v>20</v>
      </c>
      <c r="C22" s="159">
        <v>0</v>
      </c>
      <c r="D22" s="160">
        <v>0</v>
      </c>
      <c r="E22" s="161">
        <v>0</v>
      </c>
      <c r="F22" s="162">
        <v>0</v>
      </c>
      <c r="G22" s="160">
        <v>284</v>
      </c>
      <c r="H22" s="160">
        <v>210</v>
      </c>
      <c r="I22" s="160">
        <v>141</v>
      </c>
      <c r="J22" s="160">
        <v>112</v>
      </c>
      <c r="K22" s="160">
        <v>92</v>
      </c>
      <c r="L22" s="163">
        <v>839</v>
      </c>
      <c r="M22" s="164">
        <v>839</v>
      </c>
      <c r="N22" s="159">
        <v>0</v>
      </c>
      <c r="O22" s="160">
        <v>0</v>
      </c>
      <c r="P22" s="165">
        <v>0</v>
      </c>
      <c r="Q22" s="162">
        <v>0</v>
      </c>
      <c r="R22" s="160">
        <v>1</v>
      </c>
      <c r="S22" s="160">
        <v>6</v>
      </c>
      <c r="T22" s="160">
        <v>7</v>
      </c>
      <c r="U22" s="160">
        <v>23</v>
      </c>
      <c r="V22" s="160">
        <v>31</v>
      </c>
      <c r="W22" s="165">
        <v>68</v>
      </c>
      <c r="X22" s="164">
        <v>68</v>
      </c>
      <c r="Y22" s="159">
        <v>46</v>
      </c>
      <c r="Z22" s="160">
        <v>94</v>
      </c>
      <c r="AA22" s="165">
        <v>140</v>
      </c>
      <c r="AB22" s="162">
        <v>0</v>
      </c>
      <c r="AC22" s="160">
        <v>266</v>
      </c>
      <c r="AD22" s="160">
        <v>225</v>
      </c>
      <c r="AE22" s="160">
        <v>139</v>
      </c>
      <c r="AF22" s="160">
        <v>103</v>
      </c>
      <c r="AG22" s="160">
        <v>55</v>
      </c>
      <c r="AH22" s="165">
        <v>788</v>
      </c>
      <c r="AI22" s="164">
        <v>928</v>
      </c>
      <c r="AJ22" s="159">
        <v>14</v>
      </c>
      <c r="AK22" s="160">
        <v>45</v>
      </c>
      <c r="AL22" s="165">
        <v>59</v>
      </c>
      <c r="AM22" s="162">
        <v>0</v>
      </c>
      <c r="AN22" s="160">
        <v>67</v>
      </c>
      <c r="AO22" s="160">
        <v>56</v>
      </c>
      <c r="AP22" s="160">
        <v>45</v>
      </c>
      <c r="AQ22" s="160">
        <v>31</v>
      </c>
      <c r="AR22" s="160">
        <v>11</v>
      </c>
      <c r="AS22" s="165">
        <v>210</v>
      </c>
      <c r="AT22" s="164">
        <v>269</v>
      </c>
      <c r="AU22" s="159">
        <v>28</v>
      </c>
      <c r="AV22" s="160">
        <v>43</v>
      </c>
      <c r="AW22" s="165">
        <v>71</v>
      </c>
      <c r="AX22" s="162">
        <v>0</v>
      </c>
      <c r="AY22" s="160">
        <v>257</v>
      </c>
      <c r="AZ22" s="160">
        <v>269</v>
      </c>
      <c r="BA22" s="160">
        <v>274</v>
      </c>
      <c r="BB22" s="160">
        <v>203</v>
      </c>
      <c r="BC22" s="160">
        <v>172</v>
      </c>
      <c r="BD22" s="163">
        <v>1175</v>
      </c>
      <c r="BE22" s="164">
        <v>1246</v>
      </c>
      <c r="BF22" s="159">
        <v>0</v>
      </c>
      <c r="BG22" s="160">
        <v>0</v>
      </c>
      <c r="BH22" s="165">
        <v>0</v>
      </c>
      <c r="BI22" s="162">
        <v>0</v>
      </c>
      <c r="BJ22" s="160">
        <v>394</v>
      </c>
      <c r="BK22" s="160">
        <v>248</v>
      </c>
      <c r="BL22" s="160">
        <v>170</v>
      </c>
      <c r="BM22" s="160">
        <v>87</v>
      </c>
      <c r="BN22" s="160">
        <v>30</v>
      </c>
      <c r="BO22" s="165">
        <v>929</v>
      </c>
      <c r="BP22" s="164">
        <v>929</v>
      </c>
      <c r="BQ22" s="159">
        <v>13</v>
      </c>
      <c r="BR22" s="160">
        <v>30</v>
      </c>
      <c r="BS22" s="165">
        <v>43</v>
      </c>
      <c r="BT22" s="162">
        <v>0</v>
      </c>
      <c r="BU22" s="160">
        <v>131</v>
      </c>
      <c r="BV22" s="160">
        <v>90</v>
      </c>
      <c r="BW22" s="160">
        <v>41</v>
      </c>
      <c r="BX22" s="160">
        <v>49</v>
      </c>
      <c r="BY22" s="160">
        <v>15</v>
      </c>
      <c r="BZ22" s="165">
        <v>326</v>
      </c>
      <c r="CA22" s="164">
        <v>369</v>
      </c>
      <c r="CB22" s="159">
        <v>2</v>
      </c>
      <c r="CC22" s="160">
        <v>5</v>
      </c>
      <c r="CD22" s="165">
        <v>7</v>
      </c>
      <c r="CE22" s="162">
        <v>0</v>
      </c>
      <c r="CF22" s="160">
        <v>48</v>
      </c>
      <c r="CG22" s="160">
        <v>60</v>
      </c>
      <c r="CH22" s="160">
        <v>90</v>
      </c>
      <c r="CI22" s="160">
        <v>42</v>
      </c>
      <c r="CJ22" s="160">
        <v>25</v>
      </c>
      <c r="CK22" s="165">
        <v>265</v>
      </c>
      <c r="CL22" s="164">
        <v>272</v>
      </c>
      <c r="CM22" s="159">
        <v>0</v>
      </c>
      <c r="CN22" s="160">
        <v>0</v>
      </c>
      <c r="CO22" s="165">
        <v>0</v>
      </c>
      <c r="CP22" s="162">
        <v>0</v>
      </c>
      <c r="CQ22" s="160">
        <v>5</v>
      </c>
      <c r="CR22" s="160">
        <v>8</v>
      </c>
      <c r="CS22" s="160">
        <v>5</v>
      </c>
      <c r="CT22" s="160">
        <v>7</v>
      </c>
      <c r="CU22" s="160">
        <v>4</v>
      </c>
      <c r="CV22" s="165">
        <v>29</v>
      </c>
      <c r="CW22" s="164">
        <v>29</v>
      </c>
      <c r="CX22" s="159">
        <v>0</v>
      </c>
      <c r="CY22" s="160">
        <v>0</v>
      </c>
      <c r="CZ22" s="165">
        <v>0</v>
      </c>
      <c r="DA22" s="162">
        <v>0</v>
      </c>
      <c r="DB22" s="160">
        <v>0</v>
      </c>
      <c r="DC22" s="160">
        <v>0</v>
      </c>
      <c r="DD22" s="160">
        <v>0</v>
      </c>
      <c r="DE22" s="160">
        <v>0</v>
      </c>
      <c r="DF22" s="160">
        <v>0</v>
      </c>
      <c r="DG22" s="165">
        <v>0</v>
      </c>
      <c r="DH22" s="164">
        <v>0</v>
      </c>
      <c r="DI22" s="159">
        <v>0</v>
      </c>
      <c r="DJ22" s="160">
        <v>0</v>
      </c>
      <c r="DK22" s="165">
        <v>0</v>
      </c>
      <c r="DL22" s="162">
        <v>0</v>
      </c>
      <c r="DM22" s="160">
        <v>0</v>
      </c>
      <c r="DN22" s="160">
        <v>0</v>
      </c>
      <c r="DO22" s="160">
        <v>0</v>
      </c>
      <c r="DP22" s="160">
        <v>0</v>
      </c>
      <c r="DQ22" s="160">
        <v>0</v>
      </c>
      <c r="DR22" s="165">
        <v>0</v>
      </c>
      <c r="DS22" s="164">
        <v>0</v>
      </c>
      <c r="DT22" s="159">
        <v>170</v>
      </c>
      <c r="DU22" s="160">
        <v>336</v>
      </c>
      <c r="DV22" s="165">
        <v>506</v>
      </c>
      <c r="DW22" s="162">
        <v>0</v>
      </c>
      <c r="DX22" s="160">
        <v>606</v>
      </c>
      <c r="DY22" s="160">
        <v>513</v>
      </c>
      <c r="DZ22" s="160">
        <v>360</v>
      </c>
      <c r="EA22" s="160">
        <v>252</v>
      </c>
      <c r="EB22" s="160">
        <v>141</v>
      </c>
      <c r="EC22" s="165">
        <v>1872</v>
      </c>
      <c r="ED22" s="164">
        <v>2378</v>
      </c>
      <c r="EE22" s="159">
        <v>14</v>
      </c>
      <c r="EF22" s="160">
        <v>13</v>
      </c>
      <c r="EG22" s="165">
        <v>27</v>
      </c>
      <c r="EH22" s="162">
        <v>0</v>
      </c>
      <c r="EI22" s="160">
        <v>79</v>
      </c>
      <c r="EJ22" s="160">
        <v>58</v>
      </c>
      <c r="EK22" s="160">
        <v>62</v>
      </c>
      <c r="EL22" s="160">
        <v>58</v>
      </c>
      <c r="EM22" s="160">
        <v>39</v>
      </c>
      <c r="EN22" s="165">
        <v>296</v>
      </c>
      <c r="EO22" s="164">
        <v>323</v>
      </c>
      <c r="EP22" s="159">
        <v>226</v>
      </c>
      <c r="EQ22" s="160">
        <v>428</v>
      </c>
      <c r="ER22" s="165">
        <v>654</v>
      </c>
      <c r="ES22" s="162">
        <v>0</v>
      </c>
      <c r="ET22" s="160">
        <v>1153</v>
      </c>
      <c r="EU22" s="160">
        <v>716</v>
      </c>
      <c r="EV22" s="160">
        <v>438</v>
      </c>
      <c r="EW22" s="160">
        <v>284</v>
      </c>
      <c r="EX22" s="160">
        <v>148</v>
      </c>
      <c r="EY22" s="165">
        <v>2739</v>
      </c>
      <c r="EZ22" s="164">
        <v>3393</v>
      </c>
    </row>
    <row r="23" spans="2:156" ht="21" customHeight="1" x14ac:dyDescent="0.2">
      <c r="B23" s="166" t="s">
        <v>21</v>
      </c>
      <c r="C23" s="159">
        <v>0</v>
      </c>
      <c r="D23" s="160">
        <v>0</v>
      </c>
      <c r="E23" s="161">
        <v>0</v>
      </c>
      <c r="F23" s="162">
        <v>0</v>
      </c>
      <c r="G23" s="160">
        <v>271</v>
      </c>
      <c r="H23" s="160">
        <v>358</v>
      </c>
      <c r="I23" s="160">
        <v>218</v>
      </c>
      <c r="J23" s="160">
        <v>122</v>
      </c>
      <c r="K23" s="160">
        <v>115</v>
      </c>
      <c r="L23" s="163">
        <v>1084</v>
      </c>
      <c r="M23" s="164">
        <v>1084</v>
      </c>
      <c r="N23" s="159">
        <v>0</v>
      </c>
      <c r="O23" s="160">
        <v>0</v>
      </c>
      <c r="P23" s="165">
        <v>0</v>
      </c>
      <c r="Q23" s="162">
        <v>0</v>
      </c>
      <c r="R23" s="160">
        <v>0</v>
      </c>
      <c r="S23" s="160">
        <v>5</v>
      </c>
      <c r="T23" s="160">
        <v>10</v>
      </c>
      <c r="U23" s="160">
        <v>21</v>
      </c>
      <c r="V23" s="160">
        <v>44</v>
      </c>
      <c r="W23" s="165">
        <v>80</v>
      </c>
      <c r="X23" s="164">
        <v>80</v>
      </c>
      <c r="Y23" s="159">
        <v>58</v>
      </c>
      <c r="Z23" s="160">
        <v>97</v>
      </c>
      <c r="AA23" s="165">
        <v>155</v>
      </c>
      <c r="AB23" s="162">
        <v>0</v>
      </c>
      <c r="AC23" s="160">
        <v>246</v>
      </c>
      <c r="AD23" s="160">
        <v>279</v>
      </c>
      <c r="AE23" s="160">
        <v>172</v>
      </c>
      <c r="AF23" s="160">
        <v>124</v>
      </c>
      <c r="AG23" s="160">
        <v>91</v>
      </c>
      <c r="AH23" s="165">
        <v>912</v>
      </c>
      <c r="AI23" s="164">
        <v>1067</v>
      </c>
      <c r="AJ23" s="159">
        <v>17</v>
      </c>
      <c r="AK23" s="160">
        <v>34</v>
      </c>
      <c r="AL23" s="165">
        <v>51</v>
      </c>
      <c r="AM23" s="162">
        <v>0</v>
      </c>
      <c r="AN23" s="160">
        <v>22</v>
      </c>
      <c r="AO23" s="160">
        <v>45</v>
      </c>
      <c r="AP23" s="160">
        <v>26</v>
      </c>
      <c r="AQ23" s="160">
        <v>13</v>
      </c>
      <c r="AR23" s="160">
        <v>6</v>
      </c>
      <c r="AS23" s="165">
        <v>112</v>
      </c>
      <c r="AT23" s="164">
        <v>163</v>
      </c>
      <c r="AU23" s="159">
        <v>47</v>
      </c>
      <c r="AV23" s="160">
        <v>42</v>
      </c>
      <c r="AW23" s="165">
        <v>89</v>
      </c>
      <c r="AX23" s="162">
        <v>0</v>
      </c>
      <c r="AY23" s="160">
        <v>300</v>
      </c>
      <c r="AZ23" s="160">
        <v>375</v>
      </c>
      <c r="BA23" s="160">
        <v>316</v>
      </c>
      <c r="BB23" s="160">
        <v>253</v>
      </c>
      <c r="BC23" s="160">
        <v>198</v>
      </c>
      <c r="BD23" s="163">
        <v>1442</v>
      </c>
      <c r="BE23" s="164">
        <v>1531</v>
      </c>
      <c r="BF23" s="159">
        <v>0</v>
      </c>
      <c r="BG23" s="160">
        <v>0</v>
      </c>
      <c r="BH23" s="165">
        <v>0</v>
      </c>
      <c r="BI23" s="162">
        <v>0</v>
      </c>
      <c r="BJ23" s="160">
        <v>355</v>
      </c>
      <c r="BK23" s="160">
        <v>377</v>
      </c>
      <c r="BL23" s="160">
        <v>210</v>
      </c>
      <c r="BM23" s="160">
        <v>96</v>
      </c>
      <c r="BN23" s="160">
        <v>42</v>
      </c>
      <c r="BO23" s="165">
        <v>1080</v>
      </c>
      <c r="BP23" s="164">
        <v>1080</v>
      </c>
      <c r="BQ23" s="159">
        <v>20</v>
      </c>
      <c r="BR23" s="160">
        <v>31</v>
      </c>
      <c r="BS23" s="165">
        <v>51</v>
      </c>
      <c r="BT23" s="162">
        <v>0</v>
      </c>
      <c r="BU23" s="160">
        <v>64</v>
      </c>
      <c r="BV23" s="160">
        <v>53</v>
      </c>
      <c r="BW23" s="160">
        <v>38</v>
      </c>
      <c r="BX23" s="160">
        <v>13</v>
      </c>
      <c r="BY23" s="160">
        <v>7</v>
      </c>
      <c r="BZ23" s="165">
        <v>175</v>
      </c>
      <c r="CA23" s="164">
        <v>226</v>
      </c>
      <c r="CB23" s="159">
        <v>0</v>
      </c>
      <c r="CC23" s="160">
        <v>3</v>
      </c>
      <c r="CD23" s="165">
        <v>3</v>
      </c>
      <c r="CE23" s="162">
        <v>0</v>
      </c>
      <c r="CF23" s="160">
        <v>31</v>
      </c>
      <c r="CG23" s="160">
        <v>42</v>
      </c>
      <c r="CH23" s="160">
        <v>51</v>
      </c>
      <c r="CI23" s="160">
        <v>42</v>
      </c>
      <c r="CJ23" s="160">
        <v>19</v>
      </c>
      <c r="CK23" s="165">
        <v>185</v>
      </c>
      <c r="CL23" s="164">
        <v>188</v>
      </c>
      <c r="CM23" s="159">
        <v>0</v>
      </c>
      <c r="CN23" s="160">
        <v>1</v>
      </c>
      <c r="CO23" s="165">
        <v>1</v>
      </c>
      <c r="CP23" s="162">
        <v>0</v>
      </c>
      <c r="CQ23" s="160">
        <v>1</v>
      </c>
      <c r="CR23" s="160">
        <v>2</v>
      </c>
      <c r="CS23" s="160">
        <v>5</v>
      </c>
      <c r="CT23" s="160">
        <v>3</v>
      </c>
      <c r="CU23" s="160">
        <v>3</v>
      </c>
      <c r="CV23" s="165">
        <v>14</v>
      </c>
      <c r="CW23" s="164">
        <v>15</v>
      </c>
      <c r="CX23" s="159">
        <v>0</v>
      </c>
      <c r="CY23" s="160">
        <v>0</v>
      </c>
      <c r="CZ23" s="165">
        <v>0</v>
      </c>
      <c r="DA23" s="162">
        <v>0</v>
      </c>
      <c r="DB23" s="160">
        <v>0</v>
      </c>
      <c r="DC23" s="160">
        <v>0</v>
      </c>
      <c r="DD23" s="160">
        <v>0</v>
      </c>
      <c r="DE23" s="160">
        <v>0</v>
      </c>
      <c r="DF23" s="160">
        <v>0</v>
      </c>
      <c r="DG23" s="165">
        <v>0</v>
      </c>
      <c r="DH23" s="164">
        <v>0</v>
      </c>
      <c r="DI23" s="159">
        <v>0</v>
      </c>
      <c r="DJ23" s="160">
        <v>0</v>
      </c>
      <c r="DK23" s="165">
        <v>0</v>
      </c>
      <c r="DL23" s="162">
        <v>0</v>
      </c>
      <c r="DM23" s="160">
        <v>0</v>
      </c>
      <c r="DN23" s="160">
        <v>0</v>
      </c>
      <c r="DO23" s="160">
        <v>0</v>
      </c>
      <c r="DP23" s="160">
        <v>0</v>
      </c>
      <c r="DQ23" s="160">
        <v>0</v>
      </c>
      <c r="DR23" s="165">
        <v>0</v>
      </c>
      <c r="DS23" s="164">
        <v>0</v>
      </c>
      <c r="DT23" s="159">
        <v>220</v>
      </c>
      <c r="DU23" s="160">
        <v>346</v>
      </c>
      <c r="DV23" s="165">
        <v>566</v>
      </c>
      <c r="DW23" s="162">
        <v>0</v>
      </c>
      <c r="DX23" s="160">
        <v>411</v>
      </c>
      <c r="DY23" s="160">
        <v>685</v>
      </c>
      <c r="DZ23" s="160">
        <v>406</v>
      </c>
      <c r="EA23" s="160">
        <v>260</v>
      </c>
      <c r="EB23" s="160">
        <v>169</v>
      </c>
      <c r="EC23" s="165">
        <v>1931</v>
      </c>
      <c r="ED23" s="164">
        <v>2497</v>
      </c>
      <c r="EE23" s="159">
        <v>19</v>
      </c>
      <c r="EF23" s="160">
        <v>11</v>
      </c>
      <c r="EG23" s="165">
        <v>30</v>
      </c>
      <c r="EH23" s="162">
        <v>0</v>
      </c>
      <c r="EI23" s="160">
        <v>81</v>
      </c>
      <c r="EJ23" s="160">
        <v>72</v>
      </c>
      <c r="EK23" s="160">
        <v>61</v>
      </c>
      <c r="EL23" s="160">
        <v>69</v>
      </c>
      <c r="EM23" s="160">
        <v>42</v>
      </c>
      <c r="EN23" s="165">
        <v>325</v>
      </c>
      <c r="EO23" s="164">
        <v>355</v>
      </c>
      <c r="EP23" s="159">
        <v>285</v>
      </c>
      <c r="EQ23" s="160">
        <v>440</v>
      </c>
      <c r="ER23" s="165">
        <v>725</v>
      </c>
      <c r="ES23" s="162">
        <v>0</v>
      </c>
      <c r="ET23" s="160">
        <v>912</v>
      </c>
      <c r="EU23" s="160">
        <v>933</v>
      </c>
      <c r="EV23" s="160">
        <v>487</v>
      </c>
      <c r="EW23" s="160">
        <v>279</v>
      </c>
      <c r="EX23" s="160">
        <v>182</v>
      </c>
      <c r="EY23" s="165">
        <v>2793</v>
      </c>
      <c r="EZ23" s="164">
        <v>3518</v>
      </c>
    </row>
    <row r="24" spans="2:156" ht="21" customHeight="1" x14ac:dyDescent="0.2">
      <c r="B24" s="166" t="s">
        <v>22</v>
      </c>
      <c r="C24" s="159">
        <v>0</v>
      </c>
      <c r="D24" s="160">
        <v>0</v>
      </c>
      <c r="E24" s="161">
        <v>0</v>
      </c>
      <c r="F24" s="162">
        <v>0</v>
      </c>
      <c r="G24" s="160">
        <v>73</v>
      </c>
      <c r="H24" s="160">
        <v>80</v>
      </c>
      <c r="I24" s="160">
        <v>34</v>
      </c>
      <c r="J24" s="160">
        <v>43</v>
      </c>
      <c r="K24" s="160">
        <v>31</v>
      </c>
      <c r="L24" s="163">
        <v>261</v>
      </c>
      <c r="M24" s="164">
        <v>261</v>
      </c>
      <c r="N24" s="159">
        <v>0</v>
      </c>
      <c r="O24" s="160">
        <v>0</v>
      </c>
      <c r="P24" s="165">
        <v>0</v>
      </c>
      <c r="Q24" s="162">
        <v>0</v>
      </c>
      <c r="R24" s="160">
        <v>1</v>
      </c>
      <c r="S24" s="160">
        <v>0</v>
      </c>
      <c r="T24" s="160">
        <v>1</v>
      </c>
      <c r="U24" s="160">
        <v>12</v>
      </c>
      <c r="V24" s="160">
        <v>21</v>
      </c>
      <c r="W24" s="165">
        <v>35</v>
      </c>
      <c r="X24" s="164">
        <v>35</v>
      </c>
      <c r="Y24" s="159">
        <v>8</v>
      </c>
      <c r="Z24" s="160">
        <v>16</v>
      </c>
      <c r="AA24" s="165">
        <v>24</v>
      </c>
      <c r="AB24" s="162">
        <v>0</v>
      </c>
      <c r="AC24" s="160">
        <v>58</v>
      </c>
      <c r="AD24" s="160">
        <v>78</v>
      </c>
      <c r="AE24" s="160">
        <v>38</v>
      </c>
      <c r="AF24" s="160">
        <v>48</v>
      </c>
      <c r="AG24" s="160">
        <v>34</v>
      </c>
      <c r="AH24" s="165">
        <v>256</v>
      </c>
      <c r="AI24" s="164">
        <v>280</v>
      </c>
      <c r="AJ24" s="159">
        <v>1</v>
      </c>
      <c r="AK24" s="160">
        <v>0</v>
      </c>
      <c r="AL24" s="165">
        <v>1</v>
      </c>
      <c r="AM24" s="162">
        <v>0</v>
      </c>
      <c r="AN24" s="160">
        <v>13</v>
      </c>
      <c r="AO24" s="160">
        <v>9</v>
      </c>
      <c r="AP24" s="160">
        <v>4</v>
      </c>
      <c r="AQ24" s="160">
        <v>5</v>
      </c>
      <c r="AR24" s="160">
        <v>1</v>
      </c>
      <c r="AS24" s="165">
        <v>32</v>
      </c>
      <c r="AT24" s="164">
        <v>33</v>
      </c>
      <c r="AU24" s="159">
        <v>6</v>
      </c>
      <c r="AV24" s="160">
        <v>8</v>
      </c>
      <c r="AW24" s="165">
        <v>14</v>
      </c>
      <c r="AX24" s="162">
        <v>0</v>
      </c>
      <c r="AY24" s="160">
        <v>72</v>
      </c>
      <c r="AZ24" s="160">
        <v>82</v>
      </c>
      <c r="BA24" s="160">
        <v>66</v>
      </c>
      <c r="BB24" s="160">
        <v>82</v>
      </c>
      <c r="BC24" s="160">
        <v>43</v>
      </c>
      <c r="BD24" s="163">
        <v>345</v>
      </c>
      <c r="BE24" s="164">
        <v>359</v>
      </c>
      <c r="BF24" s="159">
        <v>0</v>
      </c>
      <c r="BG24" s="160">
        <v>0</v>
      </c>
      <c r="BH24" s="165">
        <v>0</v>
      </c>
      <c r="BI24" s="162">
        <v>0</v>
      </c>
      <c r="BJ24" s="160">
        <v>106</v>
      </c>
      <c r="BK24" s="160">
        <v>124</v>
      </c>
      <c r="BL24" s="160">
        <v>64</v>
      </c>
      <c r="BM24" s="160">
        <v>38</v>
      </c>
      <c r="BN24" s="160">
        <v>14</v>
      </c>
      <c r="BO24" s="165">
        <v>346</v>
      </c>
      <c r="BP24" s="164">
        <v>346</v>
      </c>
      <c r="BQ24" s="159">
        <v>5</v>
      </c>
      <c r="BR24" s="160">
        <v>8</v>
      </c>
      <c r="BS24" s="165">
        <v>13</v>
      </c>
      <c r="BT24" s="162">
        <v>0</v>
      </c>
      <c r="BU24" s="160">
        <v>30</v>
      </c>
      <c r="BV24" s="160">
        <v>39</v>
      </c>
      <c r="BW24" s="160">
        <v>11</v>
      </c>
      <c r="BX24" s="160">
        <v>12</v>
      </c>
      <c r="BY24" s="160">
        <v>7</v>
      </c>
      <c r="BZ24" s="165">
        <v>99</v>
      </c>
      <c r="CA24" s="164">
        <v>112</v>
      </c>
      <c r="CB24" s="159">
        <v>0</v>
      </c>
      <c r="CC24" s="160">
        <v>2</v>
      </c>
      <c r="CD24" s="165">
        <v>2</v>
      </c>
      <c r="CE24" s="162">
        <v>0</v>
      </c>
      <c r="CF24" s="160">
        <v>11</v>
      </c>
      <c r="CG24" s="160">
        <v>30</v>
      </c>
      <c r="CH24" s="160">
        <v>30</v>
      </c>
      <c r="CI24" s="160">
        <v>19</v>
      </c>
      <c r="CJ24" s="160">
        <v>8</v>
      </c>
      <c r="CK24" s="165">
        <v>98</v>
      </c>
      <c r="CL24" s="164">
        <v>100</v>
      </c>
      <c r="CM24" s="159">
        <v>0</v>
      </c>
      <c r="CN24" s="160">
        <v>0</v>
      </c>
      <c r="CO24" s="165">
        <v>0</v>
      </c>
      <c r="CP24" s="162">
        <v>0</v>
      </c>
      <c r="CQ24" s="160">
        <v>2</v>
      </c>
      <c r="CR24" s="160">
        <v>0</v>
      </c>
      <c r="CS24" s="160">
        <v>2</v>
      </c>
      <c r="CT24" s="160">
        <v>2</v>
      </c>
      <c r="CU24" s="160">
        <v>1</v>
      </c>
      <c r="CV24" s="165">
        <v>7</v>
      </c>
      <c r="CW24" s="164">
        <v>7</v>
      </c>
      <c r="CX24" s="159">
        <v>0</v>
      </c>
      <c r="CY24" s="160">
        <v>0</v>
      </c>
      <c r="CZ24" s="165">
        <v>0</v>
      </c>
      <c r="DA24" s="162">
        <v>0</v>
      </c>
      <c r="DB24" s="160">
        <v>0</v>
      </c>
      <c r="DC24" s="160">
        <v>0</v>
      </c>
      <c r="DD24" s="160">
        <v>0</v>
      </c>
      <c r="DE24" s="160">
        <v>0</v>
      </c>
      <c r="DF24" s="160">
        <v>0</v>
      </c>
      <c r="DG24" s="165">
        <v>0</v>
      </c>
      <c r="DH24" s="164">
        <v>0</v>
      </c>
      <c r="DI24" s="159">
        <v>0</v>
      </c>
      <c r="DJ24" s="160">
        <v>0</v>
      </c>
      <c r="DK24" s="165">
        <v>0</v>
      </c>
      <c r="DL24" s="162">
        <v>0</v>
      </c>
      <c r="DM24" s="160">
        <v>0</v>
      </c>
      <c r="DN24" s="160">
        <v>0</v>
      </c>
      <c r="DO24" s="160">
        <v>0</v>
      </c>
      <c r="DP24" s="160">
        <v>0</v>
      </c>
      <c r="DQ24" s="160">
        <v>0</v>
      </c>
      <c r="DR24" s="165">
        <v>0</v>
      </c>
      <c r="DS24" s="164">
        <v>0</v>
      </c>
      <c r="DT24" s="159">
        <v>57</v>
      </c>
      <c r="DU24" s="160">
        <v>158</v>
      </c>
      <c r="DV24" s="165">
        <v>215</v>
      </c>
      <c r="DW24" s="162">
        <v>0</v>
      </c>
      <c r="DX24" s="160">
        <v>222</v>
      </c>
      <c r="DY24" s="160">
        <v>257</v>
      </c>
      <c r="DZ24" s="160">
        <v>137</v>
      </c>
      <c r="EA24" s="160">
        <v>117</v>
      </c>
      <c r="EB24" s="160">
        <v>61</v>
      </c>
      <c r="EC24" s="165">
        <v>794</v>
      </c>
      <c r="ED24" s="164">
        <v>1009</v>
      </c>
      <c r="EE24" s="159">
        <v>7</v>
      </c>
      <c r="EF24" s="160">
        <v>8</v>
      </c>
      <c r="EG24" s="165">
        <v>15</v>
      </c>
      <c r="EH24" s="162">
        <v>0</v>
      </c>
      <c r="EI24" s="160">
        <v>39</v>
      </c>
      <c r="EJ24" s="160">
        <v>24</v>
      </c>
      <c r="EK24" s="160">
        <v>22</v>
      </c>
      <c r="EL24" s="160">
        <v>27</v>
      </c>
      <c r="EM24" s="160">
        <v>11</v>
      </c>
      <c r="EN24" s="165">
        <v>123</v>
      </c>
      <c r="EO24" s="164">
        <v>138</v>
      </c>
      <c r="EP24" s="159">
        <v>65</v>
      </c>
      <c r="EQ24" s="160">
        <v>170</v>
      </c>
      <c r="ER24" s="165">
        <v>235</v>
      </c>
      <c r="ES24" s="162">
        <v>0</v>
      </c>
      <c r="ET24" s="160">
        <v>373</v>
      </c>
      <c r="EU24" s="160">
        <v>343</v>
      </c>
      <c r="EV24" s="160">
        <v>164</v>
      </c>
      <c r="EW24" s="160">
        <v>118</v>
      </c>
      <c r="EX24" s="160">
        <v>59</v>
      </c>
      <c r="EY24" s="165">
        <v>1057</v>
      </c>
      <c r="EZ24" s="164">
        <v>1292</v>
      </c>
    </row>
    <row r="25" spans="2:156" ht="21" customHeight="1" x14ac:dyDescent="0.2">
      <c r="B25" s="166" t="s">
        <v>23</v>
      </c>
      <c r="C25" s="159">
        <v>0</v>
      </c>
      <c r="D25" s="160">
        <v>0</v>
      </c>
      <c r="E25" s="161">
        <v>0</v>
      </c>
      <c r="F25" s="162">
        <v>0</v>
      </c>
      <c r="G25" s="160">
        <v>131</v>
      </c>
      <c r="H25" s="160">
        <v>148</v>
      </c>
      <c r="I25" s="160">
        <v>74</v>
      </c>
      <c r="J25" s="160">
        <v>70</v>
      </c>
      <c r="K25" s="160">
        <v>50</v>
      </c>
      <c r="L25" s="163">
        <v>473</v>
      </c>
      <c r="M25" s="164">
        <v>473</v>
      </c>
      <c r="N25" s="159">
        <v>0</v>
      </c>
      <c r="O25" s="160">
        <v>0</v>
      </c>
      <c r="P25" s="165">
        <v>0</v>
      </c>
      <c r="Q25" s="162">
        <v>0</v>
      </c>
      <c r="R25" s="160">
        <v>0</v>
      </c>
      <c r="S25" s="160">
        <v>5</v>
      </c>
      <c r="T25" s="160">
        <v>4</v>
      </c>
      <c r="U25" s="160">
        <v>21</v>
      </c>
      <c r="V25" s="160">
        <v>24</v>
      </c>
      <c r="W25" s="165">
        <v>54</v>
      </c>
      <c r="X25" s="164">
        <v>54</v>
      </c>
      <c r="Y25" s="159">
        <v>39</v>
      </c>
      <c r="Z25" s="160">
        <v>67</v>
      </c>
      <c r="AA25" s="165">
        <v>106</v>
      </c>
      <c r="AB25" s="162">
        <v>0</v>
      </c>
      <c r="AC25" s="160">
        <v>97</v>
      </c>
      <c r="AD25" s="160">
        <v>169</v>
      </c>
      <c r="AE25" s="160">
        <v>68</v>
      </c>
      <c r="AF25" s="160">
        <v>84</v>
      </c>
      <c r="AG25" s="160">
        <v>48</v>
      </c>
      <c r="AH25" s="165">
        <v>466</v>
      </c>
      <c r="AI25" s="164">
        <v>572</v>
      </c>
      <c r="AJ25" s="159">
        <v>5</v>
      </c>
      <c r="AK25" s="160">
        <v>13</v>
      </c>
      <c r="AL25" s="165">
        <v>18</v>
      </c>
      <c r="AM25" s="162">
        <v>0</v>
      </c>
      <c r="AN25" s="160">
        <v>8</v>
      </c>
      <c r="AO25" s="160">
        <v>21</v>
      </c>
      <c r="AP25" s="160">
        <v>13</v>
      </c>
      <c r="AQ25" s="160">
        <v>7</v>
      </c>
      <c r="AR25" s="160">
        <v>2</v>
      </c>
      <c r="AS25" s="165">
        <v>51</v>
      </c>
      <c r="AT25" s="164">
        <v>69</v>
      </c>
      <c r="AU25" s="159">
        <v>30</v>
      </c>
      <c r="AV25" s="160">
        <v>18</v>
      </c>
      <c r="AW25" s="165">
        <v>48</v>
      </c>
      <c r="AX25" s="162">
        <v>0</v>
      </c>
      <c r="AY25" s="160">
        <v>176</v>
      </c>
      <c r="AZ25" s="160">
        <v>172</v>
      </c>
      <c r="BA25" s="160">
        <v>138</v>
      </c>
      <c r="BB25" s="160">
        <v>178</v>
      </c>
      <c r="BC25" s="160">
        <v>121</v>
      </c>
      <c r="BD25" s="163">
        <v>785</v>
      </c>
      <c r="BE25" s="164">
        <v>833</v>
      </c>
      <c r="BF25" s="159">
        <v>0</v>
      </c>
      <c r="BG25" s="160">
        <v>0</v>
      </c>
      <c r="BH25" s="165">
        <v>0</v>
      </c>
      <c r="BI25" s="162">
        <v>0</v>
      </c>
      <c r="BJ25" s="160">
        <v>280</v>
      </c>
      <c r="BK25" s="160">
        <v>267</v>
      </c>
      <c r="BL25" s="160">
        <v>131</v>
      </c>
      <c r="BM25" s="160">
        <v>68</v>
      </c>
      <c r="BN25" s="160">
        <v>30</v>
      </c>
      <c r="BO25" s="165">
        <v>776</v>
      </c>
      <c r="BP25" s="164">
        <v>776</v>
      </c>
      <c r="BQ25" s="159">
        <v>2</v>
      </c>
      <c r="BR25" s="160">
        <v>11</v>
      </c>
      <c r="BS25" s="165">
        <v>13</v>
      </c>
      <c r="BT25" s="162">
        <v>0</v>
      </c>
      <c r="BU25" s="160">
        <v>30</v>
      </c>
      <c r="BV25" s="160">
        <v>43</v>
      </c>
      <c r="BW25" s="160">
        <v>29</v>
      </c>
      <c r="BX25" s="160">
        <v>25</v>
      </c>
      <c r="BY25" s="160">
        <v>5</v>
      </c>
      <c r="BZ25" s="165">
        <v>132</v>
      </c>
      <c r="CA25" s="164">
        <v>145</v>
      </c>
      <c r="CB25" s="159">
        <v>1</v>
      </c>
      <c r="CC25" s="160">
        <v>1</v>
      </c>
      <c r="CD25" s="165">
        <v>2</v>
      </c>
      <c r="CE25" s="162">
        <v>0</v>
      </c>
      <c r="CF25" s="160">
        <v>33</v>
      </c>
      <c r="CG25" s="160">
        <v>36</v>
      </c>
      <c r="CH25" s="160">
        <v>46</v>
      </c>
      <c r="CI25" s="160">
        <v>28</v>
      </c>
      <c r="CJ25" s="160">
        <v>9</v>
      </c>
      <c r="CK25" s="165">
        <v>152</v>
      </c>
      <c r="CL25" s="164">
        <v>154</v>
      </c>
      <c r="CM25" s="159">
        <v>0</v>
      </c>
      <c r="CN25" s="160">
        <v>0</v>
      </c>
      <c r="CO25" s="165">
        <v>0</v>
      </c>
      <c r="CP25" s="162">
        <v>0</v>
      </c>
      <c r="CQ25" s="160">
        <v>1</v>
      </c>
      <c r="CR25" s="160">
        <v>2</v>
      </c>
      <c r="CS25" s="160">
        <v>1</v>
      </c>
      <c r="CT25" s="160">
        <v>3</v>
      </c>
      <c r="CU25" s="160">
        <v>3</v>
      </c>
      <c r="CV25" s="165">
        <v>10</v>
      </c>
      <c r="CW25" s="164">
        <v>10</v>
      </c>
      <c r="CX25" s="159">
        <v>0</v>
      </c>
      <c r="CY25" s="160">
        <v>0</v>
      </c>
      <c r="CZ25" s="165">
        <v>0</v>
      </c>
      <c r="DA25" s="162">
        <v>0</v>
      </c>
      <c r="DB25" s="160">
        <v>0</v>
      </c>
      <c r="DC25" s="160">
        <v>0</v>
      </c>
      <c r="DD25" s="160">
        <v>0</v>
      </c>
      <c r="DE25" s="160">
        <v>0</v>
      </c>
      <c r="DF25" s="160">
        <v>0</v>
      </c>
      <c r="DG25" s="165">
        <v>0</v>
      </c>
      <c r="DH25" s="164">
        <v>0</v>
      </c>
      <c r="DI25" s="159">
        <v>0</v>
      </c>
      <c r="DJ25" s="160">
        <v>0</v>
      </c>
      <c r="DK25" s="165">
        <v>0</v>
      </c>
      <c r="DL25" s="162">
        <v>0</v>
      </c>
      <c r="DM25" s="160">
        <v>0</v>
      </c>
      <c r="DN25" s="160">
        <v>0</v>
      </c>
      <c r="DO25" s="160">
        <v>0</v>
      </c>
      <c r="DP25" s="160">
        <v>0</v>
      </c>
      <c r="DQ25" s="160">
        <v>0</v>
      </c>
      <c r="DR25" s="165">
        <v>0</v>
      </c>
      <c r="DS25" s="164">
        <v>0</v>
      </c>
      <c r="DT25" s="159">
        <v>104</v>
      </c>
      <c r="DU25" s="160">
        <v>266</v>
      </c>
      <c r="DV25" s="165">
        <v>370</v>
      </c>
      <c r="DW25" s="162">
        <v>0</v>
      </c>
      <c r="DX25" s="160">
        <v>235</v>
      </c>
      <c r="DY25" s="160">
        <v>422</v>
      </c>
      <c r="DZ25" s="160">
        <v>219</v>
      </c>
      <c r="EA25" s="160">
        <v>193</v>
      </c>
      <c r="EB25" s="160">
        <v>94</v>
      </c>
      <c r="EC25" s="165">
        <v>1163</v>
      </c>
      <c r="ED25" s="164">
        <v>1533</v>
      </c>
      <c r="EE25" s="159">
        <v>9</v>
      </c>
      <c r="EF25" s="160">
        <v>5</v>
      </c>
      <c r="EG25" s="165">
        <v>14</v>
      </c>
      <c r="EH25" s="162">
        <v>0</v>
      </c>
      <c r="EI25" s="160">
        <v>62</v>
      </c>
      <c r="EJ25" s="160">
        <v>43</v>
      </c>
      <c r="EK25" s="160">
        <v>36</v>
      </c>
      <c r="EL25" s="160">
        <v>53</v>
      </c>
      <c r="EM25" s="160">
        <v>36</v>
      </c>
      <c r="EN25" s="165">
        <v>230</v>
      </c>
      <c r="EO25" s="164">
        <v>244</v>
      </c>
      <c r="EP25" s="159">
        <v>141</v>
      </c>
      <c r="EQ25" s="160">
        <v>310</v>
      </c>
      <c r="ER25" s="165">
        <v>451</v>
      </c>
      <c r="ES25" s="162">
        <v>0</v>
      </c>
      <c r="ET25" s="160">
        <v>520</v>
      </c>
      <c r="EU25" s="160">
        <v>563</v>
      </c>
      <c r="EV25" s="160">
        <v>268</v>
      </c>
      <c r="EW25" s="160">
        <v>207</v>
      </c>
      <c r="EX25" s="160">
        <v>98</v>
      </c>
      <c r="EY25" s="165">
        <v>1656</v>
      </c>
      <c r="EZ25" s="164">
        <v>2107</v>
      </c>
    </row>
    <row r="26" spans="2:156" ht="21" customHeight="1" x14ac:dyDescent="0.2">
      <c r="B26" s="166" t="s">
        <v>24</v>
      </c>
      <c r="C26" s="159">
        <v>0</v>
      </c>
      <c r="D26" s="160">
        <v>0</v>
      </c>
      <c r="E26" s="161">
        <v>0</v>
      </c>
      <c r="F26" s="162">
        <v>0</v>
      </c>
      <c r="G26" s="160">
        <v>68</v>
      </c>
      <c r="H26" s="160">
        <v>67</v>
      </c>
      <c r="I26" s="160">
        <v>48</v>
      </c>
      <c r="J26" s="160">
        <v>46</v>
      </c>
      <c r="K26" s="160">
        <v>38</v>
      </c>
      <c r="L26" s="163">
        <v>267</v>
      </c>
      <c r="M26" s="164">
        <v>267</v>
      </c>
      <c r="N26" s="159">
        <v>0</v>
      </c>
      <c r="O26" s="160">
        <v>0</v>
      </c>
      <c r="P26" s="165">
        <v>0</v>
      </c>
      <c r="Q26" s="162">
        <v>0</v>
      </c>
      <c r="R26" s="160">
        <v>0</v>
      </c>
      <c r="S26" s="160">
        <v>3</v>
      </c>
      <c r="T26" s="160">
        <v>4</v>
      </c>
      <c r="U26" s="160">
        <v>10</v>
      </c>
      <c r="V26" s="160">
        <v>21</v>
      </c>
      <c r="W26" s="165">
        <v>38</v>
      </c>
      <c r="X26" s="164">
        <v>38</v>
      </c>
      <c r="Y26" s="159">
        <v>14</v>
      </c>
      <c r="Z26" s="160">
        <v>30</v>
      </c>
      <c r="AA26" s="165">
        <v>44</v>
      </c>
      <c r="AB26" s="162">
        <v>0</v>
      </c>
      <c r="AC26" s="160">
        <v>70</v>
      </c>
      <c r="AD26" s="160">
        <v>70</v>
      </c>
      <c r="AE26" s="160">
        <v>49</v>
      </c>
      <c r="AF26" s="160">
        <v>44</v>
      </c>
      <c r="AG26" s="160">
        <v>30</v>
      </c>
      <c r="AH26" s="165">
        <v>263</v>
      </c>
      <c r="AI26" s="164">
        <v>307</v>
      </c>
      <c r="AJ26" s="159">
        <v>1</v>
      </c>
      <c r="AK26" s="160">
        <v>1</v>
      </c>
      <c r="AL26" s="165">
        <v>2</v>
      </c>
      <c r="AM26" s="162">
        <v>0</v>
      </c>
      <c r="AN26" s="160">
        <v>4</v>
      </c>
      <c r="AO26" s="160">
        <v>4</v>
      </c>
      <c r="AP26" s="160">
        <v>3</v>
      </c>
      <c r="AQ26" s="160">
        <v>5</v>
      </c>
      <c r="AR26" s="160">
        <v>4</v>
      </c>
      <c r="AS26" s="165">
        <v>20</v>
      </c>
      <c r="AT26" s="164">
        <v>22</v>
      </c>
      <c r="AU26" s="159">
        <v>21</v>
      </c>
      <c r="AV26" s="160">
        <v>15</v>
      </c>
      <c r="AW26" s="165">
        <v>36</v>
      </c>
      <c r="AX26" s="162">
        <v>0</v>
      </c>
      <c r="AY26" s="160">
        <v>96</v>
      </c>
      <c r="AZ26" s="160">
        <v>84</v>
      </c>
      <c r="BA26" s="160">
        <v>85</v>
      </c>
      <c r="BB26" s="160">
        <v>98</v>
      </c>
      <c r="BC26" s="160">
        <v>70</v>
      </c>
      <c r="BD26" s="163">
        <v>433</v>
      </c>
      <c r="BE26" s="164">
        <v>469</v>
      </c>
      <c r="BF26" s="159">
        <v>0</v>
      </c>
      <c r="BG26" s="160">
        <v>0</v>
      </c>
      <c r="BH26" s="165">
        <v>0</v>
      </c>
      <c r="BI26" s="162">
        <v>0</v>
      </c>
      <c r="BJ26" s="160">
        <v>123</v>
      </c>
      <c r="BK26" s="160">
        <v>80</v>
      </c>
      <c r="BL26" s="160">
        <v>37</v>
      </c>
      <c r="BM26" s="160">
        <v>30</v>
      </c>
      <c r="BN26" s="160">
        <v>10</v>
      </c>
      <c r="BO26" s="165">
        <v>280</v>
      </c>
      <c r="BP26" s="164">
        <v>280</v>
      </c>
      <c r="BQ26" s="159">
        <v>11</v>
      </c>
      <c r="BR26" s="160">
        <v>18</v>
      </c>
      <c r="BS26" s="165">
        <v>29</v>
      </c>
      <c r="BT26" s="162">
        <v>0</v>
      </c>
      <c r="BU26" s="160">
        <v>50</v>
      </c>
      <c r="BV26" s="160">
        <v>28</v>
      </c>
      <c r="BW26" s="160">
        <v>22</v>
      </c>
      <c r="BX26" s="160">
        <v>18</v>
      </c>
      <c r="BY26" s="160">
        <v>8</v>
      </c>
      <c r="BZ26" s="165">
        <v>126</v>
      </c>
      <c r="CA26" s="164">
        <v>155</v>
      </c>
      <c r="CB26" s="159">
        <v>2</v>
      </c>
      <c r="CC26" s="160">
        <v>2</v>
      </c>
      <c r="CD26" s="165">
        <v>4</v>
      </c>
      <c r="CE26" s="162">
        <v>0</v>
      </c>
      <c r="CF26" s="160">
        <v>9</v>
      </c>
      <c r="CG26" s="160">
        <v>33</v>
      </c>
      <c r="CH26" s="160">
        <v>21</v>
      </c>
      <c r="CI26" s="160">
        <v>19</v>
      </c>
      <c r="CJ26" s="160">
        <v>12</v>
      </c>
      <c r="CK26" s="165">
        <v>94</v>
      </c>
      <c r="CL26" s="164">
        <v>98</v>
      </c>
      <c r="CM26" s="159">
        <v>0</v>
      </c>
      <c r="CN26" s="160">
        <v>0</v>
      </c>
      <c r="CO26" s="165">
        <v>0</v>
      </c>
      <c r="CP26" s="162">
        <v>0</v>
      </c>
      <c r="CQ26" s="160">
        <v>1</v>
      </c>
      <c r="CR26" s="160">
        <v>2</v>
      </c>
      <c r="CS26" s="160">
        <v>2</v>
      </c>
      <c r="CT26" s="160">
        <v>1</v>
      </c>
      <c r="CU26" s="160">
        <v>1</v>
      </c>
      <c r="CV26" s="165">
        <v>7</v>
      </c>
      <c r="CW26" s="164">
        <v>7</v>
      </c>
      <c r="CX26" s="159">
        <v>0</v>
      </c>
      <c r="CY26" s="160">
        <v>0</v>
      </c>
      <c r="CZ26" s="165">
        <v>0</v>
      </c>
      <c r="DA26" s="162">
        <v>0</v>
      </c>
      <c r="DB26" s="160">
        <v>0</v>
      </c>
      <c r="DC26" s="160">
        <v>0</v>
      </c>
      <c r="DD26" s="160">
        <v>0</v>
      </c>
      <c r="DE26" s="160">
        <v>0</v>
      </c>
      <c r="DF26" s="160">
        <v>0</v>
      </c>
      <c r="DG26" s="165">
        <v>0</v>
      </c>
      <c r="DH26" s="164">
        <v>0</v>
      </c>
      <c r="DI26" s="159">
        <v>0</v>
      </c>
      <c r="DJ26" s="160">
        <v>0</v>
      </c>
      <c r="DK26" s="165">
        <v>0</v>
      </c>
      <c r="DL26" s="162">
        <v>0</v>
      </c>
      <c r="DM26" s="160">
        <v>0</v>
      </c>
      <c r="DN26" s="160">
        <v>0</v>
      </c>
      <c r="DO26" s="160">
        <v>0</v>
      </c>
      <c r="DP26" s="160">
        <v>0</v>
      </c>
      <c r="DQ26" s="160">
        <v>0</v>
      </c>
      <c r="DR26" s="165">
        <v>0</v>
      </c>
      <c r="DS26" s="164">
        <v>0</v>
      </c>
      <c r="DT26" s="159">
        <v>87</v>
      </c>
      <c r="DU26" s="160">
        <v>95</v>
      </c>
      <c r="DV26" s="165">
        <v>182</v>
      </c>
      <c r="DW26" s="162">
        <v>0</v>
      </c>
      <c r="DX26" s="160">
        <v>157</v>
      </c>
      <c r="DY26" s="160">
        <v>155</v>
      </c>
      <c r="DZ26" s="160">
        <v>113</v>
      </c>
      <c r="EA26" s="160">
        <v>90</v>
      </c>
      <c r="EB26" s="160">
        <v>52</v>
      </c>
      <c r="EC26" s="165">
        <v>567</v>
      </c>
      <c r="ED26" s="164">
        <v>749</v>
      </c>
      <c r="EE26" s="159">
        <v>14</v>
      </c>
      <c r="EF26" s="160">
        <v>7</v>
      </c>
      <c r="EG26" s="165">
        <v>21</v>
      </c>
      <c r="EH26" s="162">
        <v>0</v>
      </c>
      <c r="EI26" s="160">
        <v>40</v>
      </c>
      <c r="EJ26" s="160">
        <v>30</v>
      </c>
      <c r="EK26" s="160">
        <v>28</v>
      </c>
      <c r="EL26" s="160">
        <v>41</v>
      </c>
      <c r="EM26" s="160">
        <v>26</v>
      </c>
      <c r="EN26" s="165">
        <v>165</v>
      </c>
      <c r="EO26" s="164">
        <v>186</v>
      </c>
      <c r="EP26" s="159">
        <v>102</v>
      </c>
      <c r="EQ26" s="160">
        <v>121</v>
      </c>
      <c r="ER26" s="165">
        <v>223</v>
      </c>
      <c r="ES26" s="162">
        <v>0</v>
      </c>
      <c r="ET26" s="160">
        <v>292</v>
      </c>
      <c r="EU26" s="160">
        <v>212</v>
      </c>
      <c r="EV26" s="160">
        <v>134</v>
      </c>
      <c r="EW26" s="160">
        <v>100</v>
      </c>
      <c r="EX26" s="160">
        <v>59</v>
      </c>
      <c r="EY26" s="165">
        <v>797</v>
      </c>
      <c r="EZ26" s="164">
        <v>1020</v>
      </c>
    </row>
    <row r="27" spans="2:156" ht="21" customHeight="1" x14ac:dyDescent="0.2">
      <c r="B27" s="166" t="s">
        <v>25</v>
      </c>
      <c r="C27" s="159">
        <v>0</v>
      </c>
      <c r="D27" s="160">
        <v>0</v>
      </c>
      <c r="E27" s="161">
        <v>0</v>
      </c>
      <c r="F27" s="162">
        <v>0</v>
      </c>
      <c r="G27" s="160">
        <v>104</v>
      </c>
      <c r="H27" s="160">
        <v>98</v>
      </c>
      <c r="I27" s="160">
        <v>52</v>
      </c>
      <c r="J27" s="160">
        <v>48</v>
      </c>
      <c r="K27" s="160">
        <v>34</v>
      </c>
      <c r="L27" s="163">
        <v>336</v>
      </c>
      <c r="M27" s="164">
        <v>336</v>
      </c>
      <c r="N27" s="159">
        <v>0</v>
      </c>
      <c r="O27" s="160">
        <v>0</v>
      </c>
      <c r="P27" s="165">
        <v>0</v>
      </c>
      <c r="Q27" s="162">
        <v>0</v>
      </c>
      <c r="R27" s="160">
        <v>2</v>
      </c>
      <c r="S27" s="160">
        <v>7</v>
      </c>
      <c r="T27" s="160">
        <v>9</v>
      </c>
      <c r="U27" s="160">
        <v>14</v>
      </c>
      <c r="V27" s="160">
        <v>12</v>
      </c>
      <c r="W27" s="165">
        <v>44</v>
      </c>
      <c r="X27" s="164">
        <v>44</v>
      </c>
      <c r="Y27" s="159">
        <v>23</v>
      </c>
      <c r="Z27" s="160">
        <v>51</v>
      </c>
      <c r="AA27" s="165">
        <v>74</v>
      </c>
      <c r="AB27" s="162">
        <v>0</v>
      </c>
      <c r="AC27" s="160">
        <v>88</v>
      </c>
      <c r="AD27" s="160">
        <v>106</v>
      </c>
      <c r="AE27" s="160">
        <v>44</v>
      </c>
      <c r="AF27" s="160">
        <v>45</v>
      </c>
      <c r="AG27" s="160">
        <v>28</v>
      </c>
      <c r="AH27" s="165">
        <v>311</v>
      </c>
      <c r="AI27" s="164">
        <v>385</v>
      </c>
      <c r="AJ27" s="159">
        <v>2</v>
      </c>
      <c r="AK27" s="160">
        <v>7</v>
      </c>
      <c r="AL27" s="165">
        <v>9</v>
      </c>
      <c r="AM27" s="162">
        <v>0</v>
      </c>
      <c r="AN27" s="160">
        <v>0</v>
      </c>
      <c r="AO27" s="160">
        <v>15</v>
      </c>
      <c r="AP27" s="160">
        <v>6</v>
      </c>
      <c r="AQ27" s="160">
        <v>4</v>
      </c>
      <c r="AR27" s="160">
        <v>1</v>
      </c>
      <c r="AS27" s="165">
        <v>26</v>
      </c>
      <c r="AT27" s="164">
        <v>35</v>
      </c>
      <c r="AU27" s="159">
        <v>9</v>
      </c>
      <c r="AV27" s="160">
        <v>13</v>
      </c>
      <c r="AW27" s="165">
        <v>22</v>
      </c>
      <c r="AX27" s="162">
        <v>0</v>
      </c>
      <c r="AY27" s="160">
        <v>73</v>
      </c>
      <c r="AZ27" s="160">
        <v>79</v>
      </c>
      <c r="BA27" s="160">
        <v>67</v>
      </c>
      <c r="BB27" s="160">
        <v>78</v>
      </c>
      <c r="BC27" s="160">
        <v>46</v>
      </c>
      <c r="BD27" s="163">
        <v>343</v>
      </c>
      <c r="BE27" s="164">
        <v>365</v>
      </c>
      <c r="BF27" s="159">
        <v>0</v>
      </c>
      <c r="BG27" s="160">
        <v>0</v>
      </c>
      <c r="BH27" s="165">
        <v>0</v>
      </c>
      <c r="BI27" s="162">
        <v>0</v>
      </c>
      <c r="BJ27" s="160">
        <v>167</v>
      </c>
      <c r="BK27" s="160">
        <v>105</v>
      </c>
      <c r="BL27" s="160">
        <v>50</v>
      </c>
      <c r="BM27" s="160">
        <v>39</v>
      </c>
      <c r="BN27" s="160">
        <v>12</v>
      </c>
      <c r="BO27" s="165">
        <v>373</v>
      </c>
      <c r="BP27" s="164">
        <v>373</v>
      </c>
      <c r="BQ27" s="159">
        <v>0</v>
      </c>
      <c r="BR27" s="160">
        <v>7</v>
      </c>
      <c r="BS27" s="165">
        <v>7</v>
      </c>
      <c r="BT27" s="162">
        <v>0</v>
      </c>
      <c r="BU27" s="160">
        <v>26</v>
      </c>
      <c r="BV27" s="160">
        <v>52</v>
      </c>
      <c r="BW27" s="160">
        <v>21</v>
      </c>
      <c r="BX27" s="160">
        <v>13</v>
      </c>
      <c r="BY27" s="160">
        <v>2</v>
      </c>
      <c r="BZ27" s="165">
        <v>114</v>
      </c>
      <c r="CA27" s="164">
        <v>121</v>
      </c>
      <c r="CB27" s="159">
        <v>0</v>
      </c>
      <c r="CC27" s="160">
        <v>2</v>
      </c>
      <c r="CD27" s="165">
        <v>2</v>
      </c>
      <c r="CE27" s="162">
        <v>0</v>
      </c>
      <c r="CF27" s="160">
        <v>21</v>
      </c>
      <c r="CG27" s="160">
        <v>30</v>
      </c>
      <c r="CH27" s="160">
        <v>21</v>
      </c>
      <c r="CI27" s="160">
        <v>11</v>
      </c>
      <c r="CJ27" s="160">
        <v>8</v>
      </c>
      <c r="CK27" s="165">
        <v>91</v>
      </c>
      <c r="CL27" s="164">
        <v>93</v>
      </c>
      <c r="CM27" s="159">
        <v>0</v>
      </c>
      <c r="CN27" s="160">
        <v>0</v>
      </c>
      <c r="CO27" s="165">
        <v>0</v>
      </c>
      <c r="CP27" s="162">
        <v>0</v>
      </c>
      <c r="CQ27" s="160">
        <v>0</v>
      </c>
      <c r="CR27" s="160">
        <v>7</v>
      </c>
      <c r="CS27" s="160">
        <v>3</v>
      </c>
      <c r="CT27" s="160">
        <v>4</v>
      </c>
      <c r="CU27" s="160">
        <v>1</v>
      </c>
      <c r="CV27" s="165">
        <v>15</v>
      </c>
      <c r="CW27" s="164">
        <v>15</v>
      </c>
      <c r="CX27" s="159">
        <v>0</v>
      </c>
      <c r="CY27" s="160">
        <v>0</v>
      </c>
      <c r="CZ27" s="165">
        <v>0</v>
      </c>
      <c r="DA27" s="162">
        <v>0</v>
      </c>
      <c r="DB27" s="160">
        <v>0</v>
      </c>
      <c r="DC27" s="160">
        <v>0</v>
      </c>
      <c r="DD27" s="160">
        <v>0</v>
      </c>
      <c r="DE27" s="160">
        <v>0</v>
      </c>
      <c r="DF27" s="160">
        <v>0</v>
      </c>
      <c r="DG27" s="165">
        <v>0</v>
      </c>
      <c r="DH27" s="164">
        <v>0</v>
      </c>
      <c r="DI27" s="159">
        <v>0</v>
      </c>
      <c r="DJ27" s="160">
        <v>0</v>
      </c>
      <c r="DK27" s="165">
        <v>0</v>
      </c>
      <c r="DL27" s="162">
        <v>0</v>
      </c>
      <c r="DM27" s="160">
        <v>0</v>
      </c>
      <c r="DN27" s="160">
        <v>0</v>
      </c>
      <c r="DO27" s="160">
        <v>0</v>
      </c>
      <c r="DP27" s="160">
        <v>0</v>
      </c>
      <c r="DQ27" s="160">
        <v>0</v>
      </c>
      <c r="DR27" s="165">
        <v>0</v>
      </c>
      <c r="DS27" s="164">
        <v>0</v>
      </c>
      <c r="DT27" s="159">
        <v>87</v>
      </c>
      <c r="DU27" s="160">
        <v>172</v>
      </c>
      <c r="DV27" s="165">
        <v>259</v>
      </c>
      <c r="DW27" s="162">
        <v>0</v>
      </c>
      <c r="DX27" s="160">
        <v>141</v>
      </c>
      <c r="DY27" s="160">
        <v>270</v>
      </c>
      <c r="DZ27" s="160">
        <v>115</v>
      </c>
      <c r="EA27" s="160">
        <v>103</v>
      </c>
      <c r="EB27" s="160">
        <v>50</v>
      </c>
      <c r="EC27" s="165">
        <v>679</v>
      </c>
      <c r="ED27" s="164">
        <v>938</v>
      </c>
      <c r="EE27" s="159">
        <v>4</v>
      </c>
      <c r="EF27" s="160">
        <v>6</v>
      </c>
      <c r="EG27" s="165">
        <v>10</v>
      </c>
      <c r="EH27" s="162">
        <v>0</v>
      </c>
      <c r="EI27" s="160">
        <v>22</v>
      </c>
      <c r="EJ27" s="160">
        <v>14</v>
      </c>
      <c r="EK27" s="160">
        <v>11</v>
      </c>
      <c r="EL27" s="160">
        <v>21</v>
      </c>
      <c r="EM27" s="160">
        <v>11</v>
      </c>
      <c r="EN27" s="165">
        <v>79</v>
      </c>
      <c r="EO27" s="164">
        <v>89</v>
      </c>
      <c r="EP27" s="159">
        <v>106</v>
      </c>
      <c r="EQ27" s="160">
        <v>197</v>
      </c>
      <c r="ER27" s="165">
        <v>303</v>
      </c>
      <c r="ES27" s="162">
        <v>0</v>
      </c>
      <c r="ET27" s="160">
        <v>352</v>
      </c>
      <c r="EU27" s="160">
        <v>332</v>
      </c>
      <c r="EV27" s="160">
        <v>144</v>
      </c>
      <c r="EW27" s="160">
        <v>115</v>
      </c>
      <c r="EX27" s="160">
        <v>53</v>
      </c>
      <c r="EY27" s="165">
        <v>996</v>
      </c>
      <c r="EZ27" s="164">
        <v>1299</v>
      </c>
    </row>
    <row r="28" spans="2:156" ht="21" customHeight="1" x14ac:dyDescent="0.2">
      <c r="B28" s="166" t="s">
        <v>26</v>
      </c>
      <c r="C28" s="159">
        <v>0</v>
      </c>
      <c r="D28" s="160">
        <v>0</v>
      </c>
      <c r="E28" s="161">
        <v>0</v>
      </c>
      <c r="F28" s="162">
        <v>0</v>
      </c>
      <c r="G28" s="160">
        <v>71</v>
      </c>
      <c r="H28" s="160">
        <v>104</v>
      </c>
      <c r="I28" s="160">
        <v>63</v>
      </c>
      <c r="J28" s="160">
        <v>38</v>
      </c>
      <c r="K28" s="160">
        <v>46</v>
      </c>
      <c r="L28" s="163">
        <v>322</v>
      </c>
      <c r="M28" s="164">
        <v>322</v>
      </c>
      <c r="N28" s="159">
        <v>0</v>
      </c>
      <c r="O28" s="160">
        <v>0</v>
      </c>
      <c r="P28" s="165">
        <v>0</v>
      </c>
      <c r="Q28" s="162">
        <v>0</v>
      </c>
      <c r="R28" s="160">
        <v>0</v>
      </c>
      <c r="S28" s="160">
        <v>3</v>
      </c>
      <c r="T28" s="160">
        <v>5</v>
      </c>
      <c r="U28" s="160">
        <v>8</v>
      </c>
      <c r="V28" s="160">
        <v>14</v>
      </c>
      <c r="W28" s="165">
        <v>30</v>
      </c>
      <c r="X28" s="164">
        <v>30</v>
      </c>
      <c r="Y28" s="159">
        <v>17</v>
      </c>
      <c r="Z28" s="160">
        <v>17</v>
      </c>
      <c r="AA28" s="165">
        <v>34</v>
      </c>
      <c r="AB28" s="162">
        <v>0</v>
      </c>
      <c r="AC28" s="160">
        <v>74</v>
      </c>
      <c r="AD28" s="160">
        <v>83</v>
      </c>
      <c r="AE28" s="160">
        <v>49</v>
      </c>
      <c r="AF28" s="160">
        <v>40</v>
      </c>
      <c r="AG28" s="160">
        <v>50</v>
      </c>
      <c r="AH28" s="165">
        <v>296</v>
      </c>
      <c r="AI28" s="164">
        <v>330</v>
      </c>
      <c r="AJ28" s="159">
        <v>2</v>
      </c>
      <c r="AK28" s="160">
        <v>1</v>
      </c>
      <c r="AL28" s="165">
        <v>3</v>
      </c>
      <c r="AM28" s="162">
        <v>0</v>
      </c>
      <c r="AN28" s="160">
        <v>3</v>
      </c>
      <c r="AO28" s="160">
        <v>4</v>
      </c>
      <c r="AP28" s="160">
        <v>5</v>
      </c>
      <c r="AQ28" s="160">
        <v>2</v>
      </c>
      <c r="AR28" s="160">
        <v>2</v>
      </c>
      <c r="AS28" s="165">
        <v>16</v>
      </c>
      <c r="AT28" s="164">
        <v>19</v>
      </c>
      <c r="AU28" s="159">
        <v>9</v>
      </c>
      <c r="AV28" s="160">
        <v>3</v>
      </c>
      <c r="AW28" s="165">
        <v>12</v>
      </c>
      <c r="AX28" s="162">
        <v>0</v>
      </c>
      <c r="AY28" s="160">
        <v>58</v>
      </c>
      <c r="AZ28" s="160">
        <v>80</v>
      </c>
      <c r="BA28" s="160">
        <v>85</v>
      </c>
      <c r="BB28" s="160">
        <v>60</v>
      </c>
      <c r="BC28" s="160">
        <v>67</v>
      </c>
      <c r="BD28" s="163">
        <v>350</v>
      </c>
      <c r="BE28" s="164">
        <v>362</v>
      </c>
      <c r="BF28" s="159">
        <v>0</v>
      </c>
      <c r="BG28" s="160">
        <v>0</v>
      </c>
      <c r="BH28" s="165">
        <v>0</v>
      </c>
      <c r="BI28" s="162">
        <v>0</v>
      </c>
      <c r="BJ28" s="160">
        <v>114</v>
      </c>
      <c r="BK28" s="160">
        <v>100</v>
      </c>
      <c r="BL28" s="160">
        <v>45</v>
      </c>
      <c r="BM28" s="160">
        <v>27</v>
      </c>
      <c r="BN28" s="160">
        <v>17</v>
      </c>
      <c r="BO28" s="165">
        <v>303</v>
      </c>
      <c r="BP28" s="164">
        <v>303</v>
      </c>
      <c r="BQ28" s="159">
        <v>4</v>
      </c>
      <c r="BR28" s="160">
        <v>7</v>
      </c>
      <c r="BS28" s="165">
        <v>11</v>
      </c>
      <c r="BT28" s="162">
        <v>0</v>
      </c>
      <c r="BU28" s="160">
        <v>17</v>
      </c>
      <c r="BV28" s="160">
        <v>30</v>
      </c>
      <c r="BW28" s="160">
        <v>15</v>
      </c>
      <c r="BX28" s="160">
        <v>10</v>
      </c>
      <c r="BY28" s="160">
        <v>5</v>
      </c>
      <c r="BZ28" s="165">
        <v>77</v>
      </c>
      <c r="CA28" s="164">
        <v>88</v>
      </c>
      <c r="CB28" s="159">
        <v>2</v>
      </c>
      <c r="CC28" s="160">
        <v>0</v>
      </c>
      <c r="CD28" s="165">
        <v>2</v>
      </c>
      <c r="CE28" s="162">
        <v>0</v>
      </c>
      <c r="CF28" s="160">
        <v>11</v>
      </c>
      <c r="CG28" s="160">
        <v>26</v>
      </c>
      <c r="CH28" s="160">
        <v>20</v>
      </c>
      <c r="CI28" s="160">
        <v>16</v>
      </c>
      <c r="CJ28" s="160">
        <v>14</v>
      </c>
      <c r="CK28" s="165">
        <v>87</v>
      </c>
      <c r="CL28" s="164">
        <v>89</v>
      </c>
      <c r="CM28" s="159">
        <v>0</v>
      </c>
      <c r="CN28" s="160">
        <v>0</v>
      </c>
      <c r="CO28" s="165">
        <v>0</v>
      </c>
      <c r="CP28" s="162">
        <v>0</v>
      </c>
      <c r="CQ28" s="160">
        <v>1</v>
      </c>
      <c r="CR28" s="160">
        <v>4</v>
      </c>
      <c r="CS28" s="160">
        <v>3</v>
      </c>
      <c r="CT28" s="160">
        <v>3</v>
      </c>
      <c r="CU28" s="160">
        <v>4</v>
      </c>
      <c r="CV28" s="165">
        <v>15</v>
      </c>
      <c r="CW28" s="164">
        <v>15</v>
      </c>
      <c r="CX28" s="159">
        <v>0</v>
      </c>
      <c r="CY28" s="160">
        <v>0</v>
      </c>
      <c r="CZ28" s="165">
        <v>0</v>
      </c>
      <c r="DA28" s="162">
        <v>0</v>
      </c>
      <c r="DB28" s="160">
        <v>0</v>
      </c>
      <c r="DC28" s="160">
        <v>0</v>
      </c>
      <c r="DD28" s="160">
        <v>0</v>
      </c>
      <c r="DE28" s="160">
        <v>0</v>
      </c>
      <c r="DF28" s="160">
        <v>0</v>
      </c>
      <c r="DG28" s="165">
        <v>0</v>
      </c>
      <c r="DH28" s="164">
        <v>0</v>
      </c>
      <c r="DI28" s="159">
        <v>0</v>
      </c>
      <c r="DJ28" s="160">
        <v>0</v>
      </c>
      <c r="DK28" s="165">
        <v>0</v>
      </c>
      <c r="DL28" s="162">
        <v>0</v>
      </c>
      <c r="DM28" s="160">
        <v>0</v>
      </c>
      <c r="DN28" s="160">
        <v>0</v>
      </c>
      <c r="DO28" s="160">
        <v>0</v>
      </c>
      <c r="DP28" s="160">
        <v>0</v>
      </c>
      <c r="DQ28" s="160">
        <v>0</v>
      </c>
      <c r="DR28" s="165">
        <v>0</v>
      </c>
      <c r="DS28" s="164">
        <v>0</v>
      </c>
      <c r="DT28" s="159">
        <v>70</v>
      </c>
      <c r="DU28" s="160">
        <v>118</v>
      </c>
      <c r="DV28" s="165">
        <v>188</v>
      </c>
      <c r="DW28" s="162">
        <v>0</v>
      </c>
      <c r="DX28" s="160">
        <v>140</v>
      </c>
      <c r="DY28" s="160">
        <v>207</v>
      </c>
      <c r="DZ28" s="160">
        <v>110</v>
      </c>
      <c r="EA28" s="160">
        <v>78</v>
      </c>
      <c r="EB28" s="160">
        <v>71</v>
      </c>
      <c r="EC28" s="165">
        <v>606</v>
      </c>
      <c r="ED28" s="164">
        <v>794</v>
      </c>
      <c r="EE28" s="159">
        <v>8</v>
      </c>
      <c r="EF28" s="160">
        <v>3</v>
      </c>
      <c r="EG28" s="165">
        <v>11</v>
      </c>
      <c r="EH28" s="162">
        <v>0</v>
      </c>
      <c r="EI28" s="160">
        <v>31</v>
      </c>
      <c r="EJ28" s="160">
        <v>20</v>
      </c>
      <c r="EK28" s="160">
        <v>27</v>
      </c>
      <c r="EL28" s="160">
        <v>23</v>
      </c>
      <c r="EM28" s="160">
        <v>11</v>
      </c>
      <c r="EN28" s="165">
        <v>112</v>
      </c>
      <c r="EO28" s="164">
        <v>123</v>
      </c>
      <c r="EP28" s="159">
        <v>84</v>
      </c>
      <c r="EQ28" s="160">
        <v>131</v>
      </c>
      <c r="ER28" s="165">
        <v>215</v>
      </c>
      <c r="ES28" s="162">
        <v>0</v>
      </c>
      <c r="ET28" s="160">
        <v>259</v>
      </c>
      <c r="EU28" s="160">
        <v>279</v>
      </c>
      <c r="EV28" s="160">
        <v>137</v>
      </c>
      <c r="EW28" s="160">
        <v>83</v>
      </c>
      <c r="EX28" s="160">
        <v>72</v>
      </c>
      <c r="EY28" s="165">
        <v>830</v>
      </c>
      <c r="EZ28" s="164">
        <v>1045</v>
      </c>
    </row>
    <row r="29" spans="2:156" ht="21" customHeight="1" x14ac:dyDescent="0.2">
      <c r="B29" s="166" t="s">
        <v>27</v>
      </c>
      <c r="C29" s="159">
        <v>0</v>
      </c>
      <c r="D29" s="160">
        <v>0</v>
      </c>
      <c r="E29" s="161">
        <v>0</v>
      </c>
      <c r="F29" s="162">
        <v>0</v>
      </c>
      <c r="G29" s="160">
        <v>60</v>
      </c>
      <c r="H29" s="160">
        <v>61</v>
      </c>
      <c r="I29" s="160">
        <v>37</v>
      </c>
      <c r="J29" s="160">
        <v>40</v>
      </c>
      <c r="K29" s="160">
        <v>30</v>
      </c>
      <c r="L29" s="163">
        <v>228</v>
      </c>
      <c r="M29" s="164">
        <v>228</v>
      </c>
      <c r="N29" s="159">
        <v>0</v>
      </c>
      <c r="O29" s="160">
        <v>0</v>
      </c>
      <c r="P29" s="165">
        <v>0</v>
      </c>
      <c r="Q29" s="162">
        <v>0</v>
      </c>
      <c r="R29" s="160">
        <v>2</v>
      </c>
      <c r="S29" s="160">
        <v>5</v>
      </c>
      <c r="T29" s="160">
        <v>6</v>
      </c>
      <c r="U29" s="160">
        <v>8</v>
      </c>
      <c r="V29" s="160">
        <v>14</v>
      </c>
      <c r="W29" s="165">
        <v>35</v>
      </c>
      <c r="X29" s="164">
        <v>35</v>
      </c>
      <c r="Y29" s="159">
        <v>21</v>
      </c>
      <c r="Z29" s="160">
        <v>47</v>
      </c>
      <c r="AA29" s="165">
        <v>68</v>
      </c>
      <c r="AB29" s="162">
        <v>0</v>
      </c>
      <c r="AC29" s="160">
        <v>39</v>
      </c>
      <c r="AD29" s="160">
        <v>54</v>
      </c>
      <c r="AE29" s="160">
        <v>41</v>
      </c>
      <c r="AF29" s="160">
        <v>31</v>
      </c>
      <c r="AG29" s="160">
        <v>28</v>
      </c>
      <c r="AH29" s="165">
        <v>193</v>
      </c>
      <c r="AI29" s="164">
        <v>261</v>
      </c>
      <c r="AJ29" s="159">
        <v>1</v>
      </c>
      <c r="AK29" s="160">
        <v>1</v>
      </c>
      <c r="AL29" s="165">
        <v>2</v>
      </c>
      <c r="AM29" s="162">
        <v>0</v>
      </c>
      <c r="AN29" s="160">
        <v>1</v>
      </c>
      <c r="AO29" s="160">
        <v>0</v>
      </c>
      <c r="AP29" s="160">
        <v>1</v>
      </c>
      <c r="AQ29" s="160">
        <v>1</v>
      </c>
      <c r="AR29" s="160">
        <v>3</v>
      </c>
      <c r="AS29" s="165">
        <v>6</v>
      </c>
      <c r="AT29" s="164">
        <v>8</v>
      </c>
      <c r="AU29" s="159">
        <v>12</v>
      </c>
      <c r="AV29" s="160">
        <v>16</v>
      </c>
      <c r="AW29" s="165">
        <v>28</v>
      </c>
      <c r="AX29" s="162">
        <v>0</v>
      </c>
      <c r="AY29" s="160">
        <v>73</v>
      </c>
      <c r="AZ29" s="160">
        <v>58</v>
      </c>
      <c r="BA29" s="160">
        <v>63</v>
      </c>
      <c r="BB29" s="160">
        <v>71</v>
      </c>
      <c r="BC29" s="160">
        <v>50</v>
      </c>
      <c r="BD29" s="163">
        <v>315</v>
      </c>
      <c r="BE29" s="164">
        <v>343</v>
      </c>
      <c r="BF29" s="159">
        <v>0</v>
      </c>
      <c r="BG29" s="160">
        <v>0</v>
      </c>
      <c r="BH29" s="165">
        <v>0</v>
      </c>
      <c r="BI29" s="162">
        <v>0</v>
      </c>
      <c r="BJ29" s="160">
        <v>110</v>
      </c>
      <c r="BK29" s="160">
        <v>57</v>
      </c>
      <c r="BL29" s="160">
        <v>38</v>
      </c>
      <c r="BM29" s="160">
        <v>37</v>
      </c>
      <c r="BN29" s="160">
        <v>12</v>
      </c>
      <c r="BO29" s="165">
        <v>254</v>
      </c>
      <c r="BP29" s="164">
        <v>254</v>
      </c>
      <c r="BQ29" s="159">
        <v>17</v>
      </c>
      <c r="BR29" s="160">
        <v>35</v>
      </c>
      <c r="BS29" s="165">
        <v>52</v>
      </c>
      <c r="BT29" s="162">
        <v>0</v>
      </c>
      <c r="BU29" s="160">
        <v>27</v>
      </c>
      <c r="BV29" s="160">
        <v>31</v>
      </c>
      <c r="BW29" s="160">
        <v>21</v>
      </c>
      <c r="BX29" s="160">
        <v>5</v>
      </c>
      <c r="BY29" s="160">
        <v>6</v>
      </c>
      <c r="BZ29" s="165">
        <v>90</v>
      </c>
      <c r="CA29" s="164">
        <v>142</v>
      </c>
      <c r="CB29" s="159">
        <v>1</v>
      </c>
      <c r="CC29" s="160">
        <v>4</v>
      </c>
      <c r="CD29" s="165">
        <v>5</v>
      </c>
      <c r="CE29" s="162">
        <v>0</v>
      </c>
      <c r="CF29" s="160">
        <v>18</v>
      </c>
      <c r="CG29" s="160">
        <v>5</v>
      </c>
      <c r="CH29" s="160">
        <v>14</v>
      </c>
      <c r="CI29" s="160">
        <v>11</v>
      </c>
      <c r="CJ29" s="160">
        <v>6</v>
      </c>
      <c r="CK29" s="165">
        <v>54</v>
      </c>
      <c r="CL29" s="164">
        <v>59</v>
      </c>
      <c r="CM29" s="159">
        <v>1</v>
      </c>
      <c r="CN29" s="160">
        <v>0</v>
      </c>
      <c r="CO29" s="165">
        <v>1</v>
      </c>
      <c r="CP29" s="162">
        <v>0</v>
      </c>
      <c r="CQ29" s="160">
        <v>2</v>
      </c>
      <c r="CR29" s="160">
        <v>2</v>
      </c>
      <c r="CS29" s="160">
        <v>2</v>
      </c>
      <c r="CT29" s="160">
        <v>3</v>
      </c>
      <c r="CU29" s="160">
        <v>0</v>
      </c>
      <c r="CV29" s="165">
        <v>9</v>
      </c>
      <c r="CW29" s="164">
        <v>10</v>
      </c>
      <c r="CX29" s="159">
        <v>0</v>
      </c>
      <c r="CY29" s="160">
        <v>0</v>
      </c>
      <c r="CZ29" s="165">
        <v>0</v>
      </c>
      <c r="DA29" s="162">
        <v>0</v>
      </c>
      <c r="DB29" s="160">
        <v>0</v>
      </c>
      <c r="DC29" s="160">
        <v>0</v>
      </c>
      <c r="DD29" s="160">
        <v>0</v>
      </c>
      <c r="DE29" s="160">
        <v>0</v>
      </c>
      <c r="DF29" s="160">
        <v>0</v>
      </c>
      <c r="DG29" s="165">
        <v>0</v>
      </c>
      <c r="DH29" s="164">
        <v>0</v>
      </c>
      <c r="DI29" s="159">
        <v>0</v>
      </c>
      <c r="DJ29" s="160">
        <v>0</v>
      </c>
      <c r="DK29" s="165">
        <v>0</v>
      </c>
      <c r="DL29" s="162">
        <v>0</v>
      </c>
      <c r="DM29" s="160">
        <v>0</v>
      </c>
      <c r="DN29" s="160">
        <v>0</v>
      </c>
      <c r="DO29" s="160">
        <v>0</v>
      </c>
      <c r="DP29" s="160">
        <v>0</v>
      </c>
      <c r="DQ29" s="160">
        <v>0</v>
      </c>
      <c r="DR29" s="165">
        <v>0</v>
      </c>
      <c r="DS29" s="164">
        <v>0</v>
      </c>
      <c r="DT29" s="159">
        <v>98</v>
      </c>
      <c r="DU29" s="160">
        <v>156</v>
      </c>
      <c r="DV29" s="165">
        <v>254</v>
      </c>
      <c r="DW29" s="162">
        <v>0</v>
      </c>
      <c r="DX29" s="160">
        <v>86</v>
      </c>
      <c r="DY29" s="160">
        <v>124</v>
      </c>
      <c r="DZ29" s="160">
        <v>90</v>
      </c>
      <c r="EA29" s="160">
        <v>69</v>
      </c>
      <c r="EB29" s="160">
        <v>44</v>
      </c>
      <c r="EC29" s="165">
        <v>413</v>
      </c>
      <c r="ED29" s="164">
        <v>667</v>
      </c>
      <c r="EE29" s="159">
        <v>12</v>
      </c>
      <c r="EF29" s="160">
        <v>14</v>
      </c>
      <c r="EG29" s="165">
        <v>26</v>
      </c>
      <c r="EH29" s="162">
        <v>0</v>
      </c>
      <c r="EI29" s="160">
        <v>46</v>
      </c>
      <c r="EJ29" s="160">
        <v>30</v>
      </c>
      <c r="EK29" s="160">
        <v>30</v>
      </c>
      <c r="EL29" s="160">
        <v>35</v>
      </c>
      <c r="EM29" s="160">
        <v>16</v>
      </c>
      <c r="EN29" s="165">
        <v>157</v>
      </c>
      <c r="EO29" s="164">
        <v>183</v>
      </c>
      <c r="EP29" s="159">
        <v>135</v>
      </c>
      <c r="EQ29" s="160">
        <v>196</v>
      </c>
      <c r="ER29" s="165">
        <v>331</v>
      </c>
      <c r="ES29" s="162">
        <v>0</v>
      </c>
      <c r="ET29" s="160">
        <v>227</v>
      </c>
      <c r="EU29" s="160">
        <v>154</v>
      </c>
      <c r="EV29" s="160">
        <v>98</v>
      </c>
      <c r="EW29" s="160">
        <v>76</v>
      </c>
      <c r="EX29" s="160">
        <v>43</v>
      </c>
      <c r="EY29" s="165">
        <v>598</v>
      </c>
      <c r="EZ29" s="164">
        <v>929</v>
      </c>
    </row>
    <row r="30" spans="2:156" ht="21" customHeight="1" x14ac:dyDescent="0.2">
      <c r="B30" s="166" t="s">
        <v>28</v>
      </c>
      <c r="C30" s="159">
        <v>0</v>
      </c>
      <c r="D30" s="160">
        <v>0</v>
      </c>
      <c r="E30" s="161">
        <v>0</v>
      </c>
      <c r="F30" s="162">
        <v>0</v>
      </c>
      <c r="G30" s="160">
        <v>13</v>
      </c>
      <c r="H30" s="160">
        <v>15</v>
      </c>
      <c r="I30" s="160">
        <v>7</v>
      </c>
      <c r="J30" s="160">
        <v>7</v>
      </c>
      <c r="K30" s="160">
        <v>7</v>
      </c>
      <c r="L30" s="163">
        <v>49</v>
      </c>
      <c r="M30" s="164">
        <v>49</v>
      </c>
      <c r="N30" s="159">
        <v>0</v>
      </c>
      <c r="O30" s="160">
        <v>0</v>
      </c>
      <c r="P30" s="165">
        <v>0</v>
      </c>
      <c r="Q30" s="162">
        <v>0</v>
      </c>
      <c r="R30" s="160">
        <v>0</v>
      </c>
      <c r="S30" s="160">
        <v>0</v>
      </c>
      <c r="T30" s="160">
        <v>3</v>
      </c>
      <c r="U30" s="160">
        <v>2</v>
      </c>
      <c r="V30" s="160">
        <v>2</v>
      </c>
      <c r="W30" s="165">
        <v>7</v>
      </c>
      <c r="X30" s="164">
        <v>7</v>
      </c>
      <c r="Y30" s="159">
        <v>2</v>
      </c>
      <c r="Z30" s="160">
        <v>6</v>
      </c>
      <c r="AA30" s="165">
        <v>8</v>
      </c>
      <c r="AB30" s="162">
        <v>0</v>
      </c>
      <c r="AC30" s="160">
        <v>10</v>
      </c>
      <c r="AD30" s="160">
        <v>12</v>
      </c>
      <c r="AE30" s="160">
        <v>12</v>
      </c>
      <c r="AF30" s="160">
        <v>16</v>
      </c>
      <c r="AG30" s="160">
        <v>10</v>
      </c>
      <c r="AH30" s="165">
        <v>60</v>
      </c>
      <c r="AI30" s="164">
        <v>68</v>
      </c>
      <c r="AJ30" s="159">
        <v>0</v>
      </c>
      <c r="AK30" s="160">
        <v>0</v>
      </c>
      <c r="AL30" s="165">
        <v>0</v>
      </c>
      <c r="AM30" s="162">
        <v>0</v>
      </c>
      <c r="AN30" s="160">
        <v>1</v>
      </c>
      <c r="AO30" s="160">
        <v>0</v>
      </c>
      <c r="AP30" s="160">
        <v>1</v>
      </c>
      <c r="AQ30" s="160">
        <v>1</v>
      </c>
      <c r="AR30" s="160">
        <v>2</v>
      </c>
      <c r="AS30" s="165">
        <v>5</v>
      </c>
      <c r="AT30" s="164">
        <v>5</v>
      </c>
      <c r="AU30" s="159">
        <v>1</v>
      </c>
      <c r="AV30" s="160">
        <v>1</v>
      </c>
      <c r="AW30" s="165">
        <v>2</v>
      </c>
      <c r="AX30" s="162">
        <v>0</v>
      </c>
      <c r="AY30" s="160">
        <v>13</v>
      </c>
      <c r="AZ30" s="160">
        <v>21</v>
      </c>
      <c r="BA30" s="160">
        <v>15</v>
      </c>
      <c r="BB30" s="160">
        <v>17</v>
      </c>
      <c r="BC30" s="160">
        <v>18</v>
      </c>
      <c r="BD30" s="163">
        <v>84</v>
      </c>
      <c r="BE30" s="164">
        <v>86</v>
      </c>
      <c r="BF30" s="159">
        <v>0</v>
      </c>
      <c r="BG30" s="160">
        <v>0</v>
      </c>
      <c r="BH30" s="165">
        <v>0</v>
      </c>
      <c r="BI30" s="162">
        <v>0</v>
      </c>
      <c r="BJ30" s="160">
        <v>27</v>
      </c>
      <c r="BK30" s="160">
        <v>36</v>
      </c>
      <c r="BL30" s="160">
        <v>23</v>
      </c>
      <c r="BM30" s="160">
        <v>11</v>
      </c>
      <c r="BN30" s="160">
        <v>8</v>
      </c>
      <c r="BO30" s="165">
        <v>105</v>
      </c>
      <c r="BP30" s="164">
        <v>105</v>
      </c>
      <c r="BQ30" s="159">
        <v>2</v>
      </c>
      <c r="BR30" s="160">
        <v>4</v>
      </c>
      <c r="BS30" s="165">
        <v>6</v>
      </c>
      <c r="BT30" s="162">
        <v>0</v>
      </c>
      <c r="BU30" s="160">
        <v>11</v>
      </c>
      <c r="BV30" s="160">
        <v>14</v>
      </c>
      <c r="BW30" s="160">
        <v>6</v>
      </c>
      <c r="BX30" s="160">
        <v>10</v>
      </c>
      <c r="BY30" s="160">
        <v>4</v>
      </c>
      <c r="BZ30" s="165">
        <v>45</v>
      </c>
      <c r="CA30" s="164">
        <v>51</v>
      </c>
      <c r="CB30" s="159">
        <v>0</v>
      </c>
      <c r="CC30" s="160">
        <v>0</v>
      </c>
      <c r="CD30" s="165">
        <v>0</v>
      </c>
      <c r="CE30" s="162">
        <v>0</v>
      </c>
      <c r="CF30" s="160">
        <v>1</v>
      </c>
      <c r="CG30" s="160">
        <v>5</v>
      </c>
      <c r="CH30" s="160">
        <v>4</v>
      </c>
      <c r="CI30" s="160">
        <v>8</v>
      </c>
      <c r="CJ30" s="160">
        <v>3</v>
      </c>
      <c r="CK30" s="165">
        <v>21</v>
      </c>
      <c r="CL30" s="164">
        <v>21</v>
      </c>
      <c r="CM30" s="159">
        <v>0</v>
      </c>
      <c r="CN30" s="160">
        <v>0</v>
      </c>
      <c r="CO30" s="165">
        <v>0</v>
      </c>
      <c r="CP30" s="162">
        <v>0</v>
      </c>
      <c r="CQ30" s="160">
        <v>1</v>
      </c>
      <c r="CR30" s="160">
        <v>0</v>
      </c>
      <c r="CS30" s="160">
        <v>4</v>
      </c>
      <c r="CT30" s="160">
        <v>1</v>
      </c>
      <c r="CU30" s="160">
        <v>1</v>
      </c>
      <c r="CV30" s="165">
        <v>7</v>
      </c>
      <c r="CW30" s="164">
        <v>7</v>
      </c>
      <c r="CX30" s="159">
        <v>0</v>
      </c>
      <c r="CY30" s="160">
        <v>0</v>
      </c>
      <c r="CZ30" s="165">
        <v>0</v>
      </c>
      <c r="DA30" s="162">
        <v>0</v>
      </c>
      <c r="DB30" s="160">
        <v>0</v>
      </c>
      <c r="DC30" s="160">
        <v>0</v>
      </c>
      <c r="DD30" s="160">
        <v>0</v>
      </c>
      <c r="DE30" s="160">
        <v>0</v>
      </c>
      <c r="DF30" s="160">
        <v>0</v>
      </c>
      <c r="DG30" s="165">
        <v>0</v>
      </c>
      <c r="DH30" s="164">
        <v>0</v>
      </c>
      <c r="DI30" s="159">
        <v>0</v>
      </c>
      <c r="DJ30" s="160">
        <v>0</v>
      </c>
      <c r="DK30" s="165">
        <v>0</v>
      </c>
      <c r="DL30" s="162">
        <v>0</v>
      </c>
      <c r="DM30" s="160">
        <v>0</v>
      </c>
      <c r="DN30" s="160">
        <v>0</v>
      </c>
      <c r="DO30" s="160">
        <v>0</v>
      </c>
      <c r="DP30" s="160">
        <v>0</v>
      </c>
      <c r="DQ30" s="160">
        <v>0</v>
      </c>
      <c r="DR30" s="165">
        <v>0</v>
      </c>
      <c r="DS30" s="164">
        <v>0</v>
      </c>
      <c r="DT30" s="159">
        <v>6</v>
      </c>
      <c r="DU30" s="160">
        <v>25</v>
      </c>
      <c r="DV30" s="165">
        <v>31</v>
      </c>
      <c r="DW30" s="162">
        <v>0</v>
      </c>
      <c r="DX30" s="160">
        <v>43</v>
      </c>
      <c r="DY30" s="160">
        <v>63</v>
      </c>
      <c r="DZ30" s="160">
        <v>36</v>
      </c>
      <c r="EA30" s="160">
        <v>25</v>
      </c>
      <c r="EB30" s="160">
        <v>16</v>
      </c>
      <c r="EC30" s="165">
        <v>183</v>
      </c>
      <c r="ED30" s="164">
        <v>214</v>
      </c>
      <c r="EE30" s="159">
        <v>0</v>
      </c>
      <c r="EF30" s="160">
        <v>0</v>
      </c>
      <c r="EG30" s="165">
        <v>0</v>
      </c>
      <c r="EH30" s="162">
        <v>0</v>
      </c>
      <c r="EI30" s="160">
        <v>6</v>
      </c>
      <c r="EJ30" s="160">
        <v>7</v>
      </c>
      <c r="EK30" s="160">
        <v>4</v>
      </c>
      <c r="EL30" s="160">
        <v>3</v>
      </c>
      <c r="EM30" s="160">
        <v>6</v>
      </c>
      <c r="EN30" s="165">
        <v>26</v>
      </c>
      <c r="EO30" s="164">
        <v>26</v>
      </c>
      <c r="EP30" s="159">
        <v>9</v>
      </c>
      <c r="EQ30" s="160">
        <v>29</v>
      </c>
      <c r="ER30" s="165">
        <v>38</v>
      </c>
      <c r="ES30" s="162">
        <v>0</v>
      </c>
      <c r="ET30" s="160">
        <v>84</v>
      </c>
      <c r="EU30" s="160">
        <v>86</v>
      </c>
      <c r="EV30" s="160">
        <v>46</v>
      </c>
      <c r="EW30" s="160">
        <v>30</v>
      </c>
      <c r="EX30" s="160">
        <v>17</v>
      </c>
      <c r="EY30" s="165">
        <v>263</v>
      </c>
      <c r="EZ30" s="164">
        <v>301</v>
      </c>
    </row>
    <row r="31" spans="2:156" ht="21" customHeight="1" x14ac:dyDescent="0.2">
      <c r="B31" s="166" t="s">
        <v>29</v>
      </c>
      <c r="C31" s="159">
        <v>0</v>
      </c>
      <c r="D31" s="160">
        <v>0</v>
      </c>
      <c r="E31" s="161">
        <v>0</v>
      </c>
      <c r="F31" s="162">
        <v>0</v>
      </c>
      <c r="G31" s="160">
        <v>24</v>
      </c>
      <c r="H31" s="160">
        <v>27</v>
      </c>
      <c r="I31" s="160">
        <v>18</v>
      </c>
      <c r="J31" s="160">
        <v>16</v>
      </c>
      <c r="K31" s="160">
        <v>12</v>
      </c>
      <c r="L31" s="163">
        <v>97</v>
      </c>
      <c r="M31" s="164">
        <v>97</v>
      </c>
      <c r="N31" s="159">
        <v>0</v>
      </c>
      <c r="O31" s="160">
        <v>0</v>
      </c>
      <c r="P31" s="165">
        <v>0</v>
      </c>
      <c r="Q31" s="162">
        <v>0</v>
      </c>
      <c r="R31" s="160">
        <v>0</v>
      </c>
      <c r="S31" s="160">
        <v>1</v>
      </c>
      <c r="T31" s="160">
        <v>0</v>
      </c>
      <c r="U31" s="160">
        <v>4</v>
      </c>
      <c r="V31" s="160">
        <v>8</v>
      </c>
      <c r="W31" s="165">
        <v>13</v>
      </c>
      <c r="X31" s="164">
        <v>13</v>
      </c>
      <c r="Y31" s="159">
        <v>4</v>
      </c>
      <c r="Z31" s="160">
        <v>6</v>
      </c>
      <c r="AA31" s="165">
        <v>10</v>
      </c>
      <c r="AB31" s="162">
        <v>0</v>
      </c>
      <c r="AC31" s="160">
        <v>21</v>
      </c>
      <c r="AD31" s="160">
        <v>25</v>
      </c>
      <c r="AE31" s="160">
        <v>18</v>
      </c>
      <c r="AF31" s="160">
        <v>16</v>
      </c>
      <c r="AG31" s="160">
        <v>12</v>
      </c>
      <c r="AH31" s="165">
        <v>92</v>
      </c>
      <c r="AI31" s="164">
        <v>102</v>
      </c>
      <c r="AJ31" s="159">
        <v>0</v>
      </c>
      <c r="AK31" s="160">
        <v>1</v>
      </c>
      <c r="AL31" s="165">
        <v>1</v>
      </c>
      <c r="AM31" s="162">
        <v>0</v>
      </c>
      <c r="AN31" s="160">
        <v>3</v>
      </c>
      <c r="AO31" s="160">
        <v>3</v>
      </c>
      <c r="AP31" s="160">
        <v>2</v>
      </c>
      <c r="AQ31" s="160">
        <v>2</v>
      </c>
      <c r="AR31" s="160">
        <v>0</v>
      </c>
      <c r="AS31" s="165">
        <v>10</v>
      </c>
      <c r="AT31" s="164">
        <v>11</v>
      </c>
      <c r="AU31" s="159">
        <v>6</v>
      </c>
      <c r="AV31" s="160">
        <v>1</v>
      </c>
      <c r="AW31" s="165">
        <v>7</v>
      </c>
      <c r="AX31" s="162">
        <v>0</v>
      </c>
      <c r="AY31" s="160">
        <v>24</v>
      </c>
      <c r="AZ31" s="160">
        <v>28</v>
      </c>
      <c r="BA31" s="160">
        <v>23</v>
      </c>
      <c r="BB31" s="160">
        <v>24</v>
      </c>
      <c r="BC31" s="160">
        <v>15</v>
      </c>
      <c r="BD31" s="163">
        <v>114</v>
      </c>
      <c r="BE31" s="164">
        <v>121</v>
      </c>
      <c r="BF31" s="159">
        <v>0</v>
      </c>
      <c r="BG31" s="160">
        <v>0</v>
      </c>
      <c r="BH31" s="165">
        <v>0</v>
      </c>
      <c r="BI31" s="162">
        <v>0</v>
      </c>
      <c r="BJ31" s="160">
        <v>33</v>
      </c>
      <c r="BK31" s="160">
        <v>34</v>
      </c>
      <c r="BL31" s="160">
        <v>25</v>
      </c>
      <c r="BM31" s="160">
        <v>13</v>
      </c>
      <c r="BN31" s="160">
        <v>8</v>
      </c>
      <c r="BO31" s="165">
        <v>113</v>
      </c>
      <c r="BP31" s="164">
        <v>113</v>
      </c>
      <c r="BQ31" s="159">
        <v>2</v>
      </c>
      <c r="BR31" s="160">
        <v>7</v>
      </c>
      <c r="BS31" s="165">
        <v>9</v>
      </c>
      <c r="BT31" s="162">
        <v>0</v>
      </c>
      <c r="BU31" s="160">
        <v>10</v>
      </c>
      <c r="BV31" s="160">
        <v>14</v>
      </c>
      <c r="BW31" s="160">
        <v>14</v>
      </c>
      <c r="BX31" s="160">
        <v>3</v>
      </c>
      <c r="BY31" s="160">
        <v>1</v>
      </c>
      <c r="BZ31" s="165">
        <v>42</v>
      </c>
      <c r="CA31" s="164">
        <v>51</v>
      </c>
      <c r="CB31" s="159">
        <v>0</v>
      </c>
      <c r="CC31" s="160">
        <v>0</v>
      </c>
      <c r="CD31" s="165">
        <v>0</v>
      </c>
      <c r="CE31" s="162">
        <v>0</v>
      </c>
      <c r="CF31" s="160">
        <v>3</v>
      </c>
      <c r="CG31" s="160">
        <v>9</v>
      </c>
      <c r="CH31" s="160">
        <v>16</v>
      </c>
      <c r="CI31" s="160">
        <v>9</v>
      </c>
      <c r="CJ31" s="160">
        <v>8</v>
      </c>
      <c r="CK31" s="165">
        <v>45</v>
      </c>
      <c r="CL31" s="164">
        <v>45</v>
      </c>
      <c r="CM31" s="159">
        <v>0</v>
      </c>
      <c r="CN31" s="160">
        <v>1</v>
      </c>
      <c r="CO31" s="165">
        <v>1</v>
      </c>
      <c r="CP31" s="162">
        <v>0</v>
      </c>
      <c r="CQ31" s="160">
        <v>0</v>
      </c>
      <c r="CR31" s="160">
        <v>2</v>
      </c>
      <c r="CS31" s="160">
        <v>1</v>
      </c>
      <c r="CT31" s="160">
        <v>1</v>
      </c>
      <c r="CU31" s="160">
        <v>0</v>
      </c>
      <c r="CV31" s="165">
        <v>4</v>
      </c>
      <c r="CW31" s="164">
        <v>5</v>
      </c>
      <c r="CX31" s="159">
        <v>0</v>
      </c>
      <c r="CY31" s="160">
        <v>0</v>
      </c>
      <c r="CZ31" s="165">
        <v>0</v>
      </c>
      <c r="DA31" s="162">
        <v>0</v>
      </c>
      <c r="DB31" s="160">
        <v>0</v>
      </c>
      <c r="DC31" s="160">
        <v>0</v>
      </c>
      <c r="DD31" s="160">
        <v>0</v>
      </c>
      <c r="DE31" s="160">
        <v>0</v>
      </c>
      <c r="DF31" s="160">
        <v>0</v>
      </c>
      <c r="DG31" s="165">
        <v>0</v>
      </c>
      <c r="DH31" s="164">
        <v>0</v>
      </c>
      <c r="DI31" s="159">
        <v>0</v>
      </c>
      <c r="DJ31" s="160">
        <v>0</v>
      </c>
      <c r="DK31" s="165">
        <v>0</v>
      </c>
      <c r="DL31" s="162">
        <v>0</v>
      </c>
      <c r="DM31" s="160">
        <v>0</v>
      </c>
      <c r="DN31" s="160">
        <v>0</v>
      </c>
      <c r="DO31" s="160">
        <v>0</v>
      </c>
      <c r="DP31" s="160">
        <v>0</v>
      </c>
      <c r="DQ31" s="160">
        <v>0</v>
      </c>
      <c r="DR31" s="165">
        <v>0</v>
      </c>
      <c r="DS31" s="164">
        <v>0</v>
      </c>
      <c r="DT31" s="159">
        <v>33</v>
      </c>
      <c r="DU31" s="160">
        <v>34</v>
      </c>
      <c r="DV31" s="165">
        <v>67</v>
      </c>
      <c r="DW31" s="162">
        <v>0</v>
      </c>
      <c r="DX31" s="160">
        <v>46</v>
      </c>
      <c r="DY31" s="160">
        <v>80</v>
      </c>
      <c r="DZ31" s="160">
        <v>49</v>
      </c>
      <c r="EA31" s="160">
        <v>39</v>
      </c>
      <c r="EB31" s="160">
        <v>22</v>
      </c>
      <c r="EC31" s="165">
        <v>236</v>
      </c>
      <c r="ED31" s="164">
        <v>303</v>
      </c>
      <c r="EE31" s="159">
        <v>3</v>
      </c>
      <c r="EF31" s="160">
        <v>0</v>
      </c>
      <c r="EG31" s="165">
        <v>3</v>
      </c>
      <c r="EH31" s="162">
        <v>0</v>
      </c>
      <c r="EI31" s="160">
        <v>9</v>
      </c>
      <c r="EJ31" s="160">
        <v>6</v>
      </c>
      <c r="EK31" s="160">
        <v>4</v>
      </c>
      <c r="EL31" s="160">
        <v>9</v>
      </c>
      <c r="EM31" s="160">
        <v>5</v>
      </c>
      <c r="EN31" s="165">
        <v>33</v>
      </c>
      <c r="EO31" s="164">
        <v>36</v>
      </c>
      <c r="EP31" s="159">
        <v>37</v>
      </c>
      <c r="EQ31" s="160">
        <v>40</v>
      </c>
      <c r="ER31" s="165">
        <v>77</v>
      </c>
      <c r="ES31" s="162">
        <v>0</v>
      </c>
      <c r="ET31" s="160">
        <v>86</v>
      </c>
      <c r="EU31" s="160">
        <v>100</v>
      </c>
      <c r="EV31" s="160">
        <v>62</v>
      </c>
      <c r="EW31" s="160">
        <v>39</v>
      </c>
      <c r="EX31" s="160">
        <v>22</v>
      </c>
      <c r="EY31" s="165">
        <v>309</v>
      </c>
      <c r="EZ31" s="164">
        <v>386</v>
      </c>
    </row>
    <row r="32" spans="2:156" ht="21" customHeight="1" x14ac:dyDescent="0.2">
      <c r="B32" s="166" t="s">
        <v>30</v>
      </c>
      <c r="C32" s="159">
        <v>0</v>
      </c>
      <c r="D32" s="160">
        <v>0</v>
      </c>
      <c r="E32" s="161">
        <v>0</v>
      </c>
      <c r="F32" s="162">
        <v>0</v>
      </c>
      <c r="G32" s="160">
        <v>25</v>
      </c>
      <c r="H32" s="160">
        <v>19</v>
      </c>
      <c r="I32" s="160">
        <v>13</v>
      </c>
      <c r="J32" s="160">
        <v>12</v>
      </c>
      <c r="K32" s="160">
        <v>9</v>
      </c>
      <c r="L32" s="163">
        <v>78</v>
      </c>
      <c r="M32" s="164">
        <v>78</v>
      </c>
      <c r="N32" s="159">
        <v>0</v>
      </c>
      <c r="O32" s="160">
        <v>0</v>
      </c>
      <c r="P32" s="165">
        <v>0</v>
      </c>
      <c r="Q32" s="162">
        <v>0</v>
      </c>
      <c r="R32" s="160">
        <v>1</v>
      </c>
      <c r="S32" s="160">
        <v>1</v>
      </c>
      <c r="T32" s="160">
        <v>3</v>
      </c>
      <c r="U32" s="160">
        <v>4</v>
      </c>
      <c r="V32" s="160">
        <v>3</v>
      </c>
      <c r="W32" s="165">
        <v>12</v>
      </c>
      <c r="X32" s="164">
        <v>12</v>
      </c>
      <c r="Y32" s="159">
        <v>4</v>
      </c>
      <c r="Z32" s="160">
        <v>10</v>
      </c>
      <c r="AA32" s="165">
        <v>14</v>
      </c>
      <c r="AB32" s="162">
        <v>0</v>
      </c>
      <c r="AC32" s="160">
        <v>25</v>
      </c>
      <c r="AD32" s="160">
        <v>20</v>
      </c>
      <c r="AE32" s="160">
        <v>17</v>
      </c>
      <c r="AF32" s="160">
        <v>10</v>
      </c>
      <c r="AG32" s="160">
        <v>6</v>
      </c>
      <c r="AH32" s="165">
        <v>78</v>
      </c>
      <c r="AI32" s="164">
        <v>92</v>
      </c>
      <c r="AJ32" s="159">
        <v>2</v>
      </c>
      <c r="AK32" s="160">
        <v>0</v>
      </c>
      <c r="AL32" s="165">
        <v>2</v>
      </c>
      <c r="AM32" s="162">
        <v>0</v>
      </c>
      <c r="AN32" s="160">
        <v>3</v>
      </c>
      <c r="AO32" s="160">
        <v>3</v>
      </c>
      <c r="AP32" s="160">
        <v>4</v>
      </c>
      <c r="AQ32" s="160">
        <v>0</v>
      </c>
      <c r="AR32" s="160">
        <v>0</v>
      </c>
      <c r="AS32" s="165">
        <v>10</v>
      </c>
      <c r="AT32" s="164">
        <v>12</v>
      </c>
      <c r="AU32" s="159">
        <v>1</v>
      </c>
      <c r="AV32" s="160">
        <v>1</v>
      </c>
      <c r="AW32" s="165">
        <v>2</v>
      </c>
      <c r="AX32" s="162">
        <v>0</v>
      </c>
      <c r="AY32" s="160">
        <v>32</v>
      </c>
      <c r="AZ32" s="160">
        <v>19</v>
      </c>
      <c r="BA32" s="160">
        <v>23</v>
      </c>
      <c r="BB32" s="160">
        <v>22</v>
      </c>
      <c r="BC32" s="160">
        <v>7</v>
      </c>
      <c r="BD32" s="163">
        <v>103</v>
      </c>
      <c r="BE32" s="164">
        <v>105</v>
      </c>
      <c r="BF32" s="159">
        <v>0</v>
      </c>
      <c r="BG32" s="160">
        <v>0</v>
      </c>
      <c r="BH32" s="165">
        <v>0</v>
      </c>
      <c r="BI32" s="162">
        <v>0</v>
      </c>
      <c r="BJ32" s="160">
        <v>30</v>
      </c>
      <c r="BK32" s="160">
        <v>18</v>
      </c>
      <c r="BL32" s="160">
        <v>17</v>
      </c>
      <c r="BM32" s="160">
        <v>11</v>
      </c>
      <c r="BN32" s="160">
        <v>3</v>
      </c>
      <c r="BO32" s="165">
        <v>79</v>
      </c>
      <c r="BP32" s="164">
        <v>79</v>
      </c>
      <c r="BQ32" s="159">
        <v>5</v>
      </c>
      <c r="BR32" s="160">
        <v>6</v>
      </c>
      <c r="BS32" s="165">
        <v>11</v>
      </c>
      <c r="BT32" s="162">
        <v>0</v>
      </c>
      <c r="BU32" s="160">
        <v>9</v>
      </c>
      <c r="BV32" s="160">
        <v>9</v>
      </c>
      <c r="BW32" s="160">
        <v>4</v>
      </c>
      <c r="BX32" s="160">
        <v>4</v>
      </c>
      <c r="BY32" s="160">
        <v>1</v>
      </c>
      <c r="BZ32" s="165">
        <v>27</v>
      </c>
      <c r="CA32" s="164">
        <v>38</v>
      </c>
      <c r="CB32" s="159">
        <v>0</v>
      </c>
      <c r="CC32" s="160">
        <v>1</v>
      </c>
      <c r="CD32" s="165">
        <v>1</v>
      </c>
      <c r="CE32" s="162">
        <v>0</v>
      </c>
      <c r="CF32" s="160">
        <v>6</v>
      </c>
      <c r="CG32" s="160">
        <v>8</v>
      </c>
      <c r="CH32" s="160">
        <v>11</v>
      </c>
      <c r="CI32" s="160">
        <v>4</v>
      </c>
      <c r="CJ32" s="160">
        <v>1</v>
      </c>
      <c r="CK32" s="165">
        <v>30</v>
      </c>
      <c r="CL32" s="164">
        <v>31</v>
      </c>
      <c r="CM32" s="159">
        <v>0</v>
      </c>
      <c r="CN32" s="160">
        <v>0</v>
      </c>
      <c r="CO32" s="165">
        <v>0</v>
      </c>
      <c r="CP32" s="162">
        <v>0</v>
      </c>
      <c r="CQ32" s="160">
        <v>2</v>
      </c>
      <c r="CR32" s="160">
        <v>1</v>
      </c>
      <c r="CS32" s="160">
        <v>1</v>
      </c>
      <c r="CT32" s="160">
        <v>1</v>
      </c>
      <c r="CU32" s="160">
        <v>1</v>
      </c>
      <c r="CV32" s="165">
        <v>6</v>
      </c>
      <c r="CW32" s="164">
        <v>6</v>
      </c>
      <c r="CX32" s="159">
        <v>0</v>
      </c>
      <c r="CY32" s="160">
        <v>0</v>
      </c>
      <c r="CZ32" s="165">
        <v>0</v>
      </c>
      <c r="DA32" s="162">
        <v>0</v>
      </c>
      <c r="DB32" s="160">
        <v>0</v>
      </c>
      <c r="DC32" s="160">
        <v>0</v>
      </c>
      <c r="DD32" s="160">
        <v>0</v>
      </c>
      <c r="DE32" s="160">
        <v>0</v>
      </c>
      <c r="DF32" s="160">
        <v>0</v>
      </c>
      <c r="DG32" s="165">
        <v>0</v>
      </c>
      <c r="DH32" s="164">
        <v>0</v>
      </c>
      <c r="DI32" s="159">
        <v>0</v>
      </c>
      <c r="DJ32" s="160">
        <v>0</v>
      </c>
      <c r="DK32" s="165">
        <v>0</v>
      </c>
      <c r="DL32" s="162">
        <v>0</v>
      </c>
      <c r="DM32" s="160">
        <v>0</v>
      </c>
      <c r="DN32" s="160">
        <v>0</v>
      </c>
      <c r="DO32" s="160">
        <v>0</v>
      </c>
      <c r="DP32" s="160">
        <v>0</v>
      </c>
      <c r="DQ32" s="160">
        <v>0</v>
      </c>
      <c r="DR32" s="165">
        <v>0</v>
      </c>
      <c r="DS32" s="164">
        <v>0</v>
      </c>
      <c r="DT32" s="159">
        <v>35</v>
      </c>
      <c r="DU32" s="160">
        <v>28</v>
      </c>
      <c r="DV32" s="165">
        <v>63</v>
      </c>
      <c r="DW32" s="162">
        <v>0</v>
      </c>
      <c r="DX32" s="160">
        <v>56</v>
      </c>
      <c r="DY32" s="160">
        <v>50</v>
      </c>
      <c r="DZ32" s="160">
        <v>46</v>
      </c>
      <c r="EA32" s="160">
        <v>25</v>
      </c>
      <c r="EB32" s="160">
        <v>13</v>
      </c>
      <c r="EC32" s="165">
        <v>190</v>
      </c>
      <c r="ED32" s="164">
        <v>253</v>
      </c>
      <c r="EE32" s="159">
        <v>0</v>
      </c>
      <c r="EF32" s="160">
        <v>0</v>
      </c>
      <c r="EG32" s="165">
        <v>0</v>
      </c>
      <c r="EH32" s="162">
        <v>0</v>
      </c>
      <c r="EI32" s="160">
        <v>10</v>
      </c>
      <c r="EJ32" s="160">
        <v>8</v>
      </c>
      <c r="EK32" s="160">
        <v>7</v>
      </c>
      <c r="EL32" s="160">
        <v>6</v>
      </c>
      <c r="EM32" s="160">
        <v>2</v>
      </c>
      <c r="EN32" s="165">
        <v>33</v>
      </c>
      <c r="EO32" s="164">
        <v>33</v>
      </c>
      <c r="EP32" s="159">
        <v>40</v>
      </c>
      <c r="EQ32" s="160">
        <v>30</v>
      </c>
      <c r="ER32" s="165">
        <v>70</v>
      </c>
      <c r="ES32" s="162">
        <v>0</v>
      </c>
      <c r="ET32" s="160">
        <v>102</v>
      </c>
      <c r="EU32" s="160">
        <v>62</v>
      </c>
      <c r="EV32" s="160">
        <v>50</v>
      </c>
      <c r="EW32" s="160">
        <v>28</v>
      </c>
      <c r="EX32" s="160">
        <v>13</v>
      </c>
      <c r="EY32" s="165">
        <v>255</v>
      </c>
      <c r="EZ32" s="164">
        <v>325</v>
      </c>
    </row>
    <row r="33" spans="2:156" ht="21" customHeight="1" x14ac:dyDescent="0.2">
      <c r="B33" s="166" t="s">
        <v>31</v>
      </c>
      <c r="C33" s="159">
        <v>0</v>
      </c>
      <c r="D33" s="160">
        <v>0</v>
      </c>
      <c r="E33" s="161">
        <v>0</v>
      </c>
      <c r="F33" s="162">
        <v>0</v>
      </c>
      <c r="G33" s="160">
        <v>14</v>
      </c>
      <c r="H33" s="160">
        <v>15</v>
      </c>
      <c r="I33" s="160">
        <v>11</v>
      </c>
      <c r="J33" s="160">
        <v>6</v>
      </c>
      <c r="K33" s="160">
        <v>4</v>
      </c>
      <c r="L33" s="163">
        <v>50</v>
      </c>
      <c r="M33" s="164">
        <v>50</v>
      </c>
      <c r="N33" s="159">
        <v>0</v>
      </c>
      <c r="O33" s="160">
        <v>0</v>
      </c>
      <c r="P33" s="165">
        <v>0</v>
      </c>
      <c r="Q33" s="162">
        <v>0</v>
      </c>
      <c r="R33" s="160">
        <v>2</v>
      </c>
      <c r="S33" s="160">
        <v>3</v>
      </c>
      <c r="T33" s="160">
        <v>2</v>
      </c>
      <c r="U33" s="160">
        <v>5</v>
      </c>
      <c r="V33" s="160">
        <v>3</v>
      </c>
      <c r="W33" s="165">
        <v>15</v>
      </c>
      <c r="X33" s="164">
        <v>15</v>
      </c>
      <c r="Y33" s="159">
        <v>2</v>
      </c>
      <c r="Z33" s="160">
        <v>7</v>
      </c>
      <c r="AA33" s="165">
        <v>9</v>
      </c>
      <c r="AB33" s="162">
        <v>0</v>
      </c>
      <c r="AC33" s="160">
        <v>13</v>
      </c>
      <c r="AD33" s="160">
        <v>16</v>
      </c>
      <c r="AE33" s="160">
        <v>18</v>
      </c>
      <c r="AF33" s="160">
        <v>11</v>
      </c>
      <c r="AG33" s="160">
        <v>4</v>
      </c>
      <c r="AH33" s="165">
        <v>62</v>
      </c>
      <c r="AI33" s="164">
        <v>71</v>
      </c>
      <c r="AJ33" s="159">
        <v>0</v>
      </c>
      <c r="AK33" s="160">
        <v>2</v>
      </c>
      <c r="AL33" s="165">
        <v>2</v>
      </c>
      <c r="AM33" s="162">
        <v>0</v>
      </c>
      <c r="AN33" s="160">
        <v>4</v>
      </c>
      <c r="AO33" s="160">
        <v>1</v>
      </c>
      <c r="AP33" s="160">
        <v>1</v>
      </c>
      <c r="AQ33" s="160">
        <v>2</v>
      </c>
      <c r="AR33" s="160">
        <v>0</v>
      </c>
      <c r="AS33" s="165">
        <v>8</v>
      </c>
      <c r="AT33" s="164">
        <v>10</v>
      </c>
      <c r="AU33" s="159">
        <v>2</v>
      </c>
      <c r="AV33" s="160">
        <v>0</v>
      </c>
      <c r="AW33" s="165">
        <v>2</v>
      </c>
      <c r="AX33" s="162">
        <v>0</v>
      </c>
      <c r="AY33" s="160">
        <v>8</v>
      </c>
      <c r="AZ33" s="160">
        <v>16</v>
      </c>
      <c r="BA33" s="160">
        <v>13</v>
      </c>
      <c r="BB33" s="160">
        <v>15</v>
      </c>
      <c r="BC33" s="160">
        <v>8</v>
      </c>
      <c r="BD33" s="163">
        <v>60</v>
      </c>
      <c r="BE33" s="164">
        <v>62</v>
      </c>
      <c r="BF33" s="159">
        <v>0</v>
      </c>
      <c r="BG33" s="160">
        <v>0</v>
      </c>
      <c r="BH33" s="165">
        <v>0</v>
      </c>
      <c r="BI33" s="162">
        <v>0</v>
      </c>
      <c r="BJ33" s="160">
        <v>49</v>
      </c>
      <c r="BK33" s="160">
        <v>36</v>
      </c>
      <c r="BL33" s="160">
        <v>19</v>
      </c>
      <c r="BM33" s="160">
        <v>6</v>
      </c>
      <c r="BN33" s="160">
        <v>4</v>
      </c>
      <c r="BO33" s="165">
        <v>114</v>
      </c>
      <c r="BP33" s="164">
        <v>114</v>
      </c>
      <c r="BQ33" s="159">
        <v>1</v>
      </c>
      <c r="BR33" s="160">
        <v>2</v>
      </c>
      <c r="BS33" s="165">
        <v>3</v>
      </c>
      <c r="BT33" s="162">
        <v>0</v>
      </c>
      <c r="BU33" s="160">
        <v>7</v>
      </c>
      <c r="BV33" s="160">
        <v>4</v>
      </c>
      <c r="BW33" s="160">
        <v>6</v>
      </c>
      <c r="BX33" s="160">
        <v>5</v>
      </c>
      <c r="BY33" s="160">
        <v>1</v>
      </c>
      <c r="BZ33" s="165">
        <v>23</v>
      </c>
      <c r="CA33" s="164">
        <v>26</v>
      </c>
      <c r="CB33" s="159">
        <v>0</v>
      </c>
      <c r="CC33" s="160">
        <v>1</v>
      </c>
      <c r="CD33" s="165">
        <v>1</v>
      </c>
      <c r="CE33" s="162">
        <v>0</v>
      </c>
      <c r="CF33" s="160">
        <v>4</v>
      </c>
      <c r="CG33" s="160">
        <v>7</v>
      </c>
      <c r="CH33" s="160">
        <v>13</v>
      </c>
      <c r="CI33" s="160">
        <v>6</v>
      </c>
      <c r="CJ33" s="160">
        <v>0</v>
      </c>
      <c r="CK33" s="165">
        <v>30</v>
      </c>
      <c r="CL33" s="164">
        <v>31</v>
      </c>
      <c r="CM33" s="159">
        <v>0</v>
      </c>
      <c r="CN33" s="160">
        <v>0</v>
      </c>
      <c r="CO33" s="165">
        <v>0</v>
      </c>
      <c r="CP33" s="162">
        <v>0</v>
      </c>
      <c r="CQ33" s="160">
        <v>1</v>
      </c>
      <c r="CR33" s="160">
        <v>1</v>
      </c>
      <c r="CS33" s="160">
        <v>1</v>
      </c>
      <c r="CT33" s="160">
        <v>0</v>
      </c>
      <c r="CU33" s="160">
        <v>1</v>
      </c>
      <c r="CV33" s="165">
        <v>4</v>
      </c>
      <c r="CW33" s="164">
        <v>4</v>
      </c>
      <c r="CX33" s="159">
        <v>0</v>
      </c>
      <c r="CY33" s="160">
        <v>0</v>
      </c>
      <c r="CZ33" s="165">
        <v>0</v>
      </c>
      <c r="DA33" s="162">
        <v>0</v>
      </c>
      <c r="DB33" s="160">
        <v>0</v>
      </c>
      <c r="DC33" s="160">
        <v>0</v>
      </c>
      <c r="DD33" s="160">
        <v>0</v>
      </c>
      <c r="DE33" s="160">
        <v>0</v>
      </c>
      <c r="DF33" s="160">
        <v>0</v>
      </c>
      <c r="DG33" s="165">
        <v>0</v>
      </c>
      <c r="DH33" s="164">
        <v>0</v>
      </c>
      <c r="DI33" s="159">
        <v>0</v>
      </c>
      <c r="DJ33" s="160">
        <v>0</v>
      </c>
      <c r="DK33" s="165">
        <v>0</v>
      </c>
      <c r="DL33" s="162">
        <v>0</v>
      </c>
      <c r="DM33" s="160">
        <v>0</v>
      </c>
      <c r="DN33" s="160">
        <v>0</v>
      </c>
      <c r="DO33" s="160">
        <v>0</v>
      </c>
      <c r="DP33" s="160">
        <v>0</v>
      </c>
      <c r="DQ33" s="160">
        <v>0</v>
      </c>
      <c r="DR33" s="165">
        <v>0</v>
      </c>
      <c r="DS33" s="164">
        <v>0</v>
      </c>
      <c r="DT33" s="159">
        <v>24</v>
      </c>
      <c r="DU33" s="160">
        <v>67</v>
      </c>
      <c r="DV33" s="165">
        <v>91</v>
      </c>
      <c r="DW33" s="162">
        <v>0</v>
      </c>
      <c r="DX33" s="160">
        <v>55</v>
      </c>
      <c r="DY33" s="160">
        <v>63</v>
      </c>
      <c r="DZ33" s="160">
        <v>41</v>
      </c>
      <c r="EA33" s="160">
        <v>24</v>
      </c>
      <c r="EB33" s="160">
        <v>11</v>
      </c>
      <c r="EC33" s="165">
        <v>194</v>
      </c>
      <c r="ED33" s="164">
        <v>285</v>
      </c>
      <c r="EE33" s="159">
        <v>3</v>
      </c>
      <c r="EF33" s="160">
        <v>0</v>
      </c>
      <c r="EG33" s="165">
        <v>3</v>
      </c>
      <c r="EH33" s="162">
        <v>0</v>
      </c>
      <c r="EI33" s="160">
        <v>4</v>
      </c>
      <c r="EJ33" s="160">
        <v>8</v>
      </c>
      <c r="EK33" s="160">
        <v>5</v>
      </c>
      <c r="EL33" s="160">
        <v>5</v>
      </c>
      <c r="EM33" s="160">
        <v>2</v>
      </c>
      <c r="EN33" s="165">
        <v>24</v>
      </c>
      <c r="EO33" s="164">
        <v>27</v>
      </c>
      <c r="EP33" s="159">
        <v>27</v>
      </c>
      <c r="EQ33" s="160">
        <v>70</v>
      </c>
      <c r="ER33" s="165">
        <v>97</v>
      </c>
      <c r="ES33" s="162">
        <v>0</v>
      </c>
      <c r="ET33" s="160">
        <v>100</v>
      </c>
      <c r="EU33" s="160">
        <v>82</v>
      </c>
      <c r="EV33" s="160">
        <v>49</v>
      </c>
      <c r="EW33" s="160">
        <v>27</v>
      </c>
      <c r="EX33" s="160">
        <v>11</v>
      </c>
      <c r="EY33" s="165">
        <v>269</v>
      </c>
      <c r="EZ33" s="164">
        <v>366</v>
      </c>
    </row>
    <row r="34" spans="2:156" ht="21" customHeight="1" x14ac:dyDescent="0.2">
      <c r="B34" s="166" t="s">
        <v>32</v>
      </c>
      <c r="C34" s="159">
        <v>0</v>
      </c>
      <c r="D34" s="160">
        <v>0</v>
      </c>
      <c r="E34" s="161">
        <v>0</v>
      </c>
      <c r="F34" s="162">
        <v>0</v>
      </c>
      <c r="G34" s="160">
        <v>31</v>
      </c>
      <c r="H34" s="160">
        <v>21</v>
      </c>
      <c r="I34" s="160">
        <v>9</v>
      </c>
      <c r="J34" s="160">
        <v>11</v>
      </c>
      <c r="K34" s="160">
        <v>10</v>
      </c>
      <c r="L34" s="163">
        <v>82</v>
      </c>
      <c r="M34" s="164">
        <v>82</v>
      </c>
      <c r="N34" s="159">
        <v>0</v>
      </c>
      <c r="O34" s="160">
        <v>0</v>
      </c>
      <c r="P34" s="165">
        <v>0</v>
      </c>
      <c r="Q34" s="162">
        <v>0</v>
      </c>
      <c r="R34" s="160">
        <v>0</v>
      </c>
      <c r="S34" s="160">
        <v>0</v>
      </c>
      <c r="T34" s="160">
        <v>1</v>
      </c>
      <c r="U34" s="160">
        <v>6</v>
      </c>
      <c r="V34" s="160">
        <v>6</v>
      </c>
      <c r="W34" s="165">
        <v>13</v>
      </c>
      <c r="X34" s="164">
        <v>13</v>
      </c>
      <c r="Y34" s="159">
        <v>8</v>
      </c>
      <c r="Z34" s="160">
        <v>12</v>
      </c>
      <c r="AA34" s="165">
        <v>20</v>
      </c>
      <c r="AB34" s="162">
        <v>0</v>
      </c>
      <c r="AC34" s="160">
        <v>31</v>
      </c>
      <c r="AD34" s="160">
        <v>31</v>
      </c>
      <c r="AE34" s="160">
        <v>14</v>
      </c>
      <c r="AF34" s="160">
        <v>9</v>
      </c>
      <c r="AG34" s="160">
        <v>10</v>
      </c>
      <c r="AH34" s="165">
        <v>95</v>
      </c>
      <c r="AI34" s="164">
        <v>115</v>
      </c>
      <c r="AJ34" s="159">
        <v>0</v>
      </c>
      <c r="AK34" s="160">
        <v>0</v>
      </c>
      <c r="AL34" s="165">
        <v>0</v>
      </c>
      <c r="AM34" s="162">
        <v>0</v>
      </c>
      <c r="AN34" s="160">
        <v>4</v>
      </c>
      <c r="AO34" s="160">
        <v>1</v>
      </c>
      <c r="AP34" s="160">
        <v>0</v>
      </c>
      <c r="AQ34" s="160">
        <v>3</v>
      </c>
      <c r="AR34" s="160">
        <v>2</v>
      </c>
      <c r="AS34" s="165">
        <v>10</v>
      </c>
      <c r="AT34" s="164">
        <v>10</v>
      </c>
      <c r="AU34" s="159">
        <v>4</v>
      </c>
      <c r="AV34" s="160">
        <v>6</v>
      </c>
      <c r="AW34" s="165">
        <v>10</v>
      </c>
      <c r="AX34" s="162">
        <v>0</v>
      </c>
      <c r="AY34" s="160">
        <v>19</v>
      </c>
      <c r="AZ34" s="160">
        <v>28</v>
      </c>
      <c r="BA34" s="160">
        <v>23</v>
      </c>
      <c r="BB34" s="160">
        <v>35</v>
      </c>
      <c r="BC34" s="160">
        <v>19</v>
      </c>
      <c r="BD34" s="163">
        <v>124</v>
      </c>
      <c r="BE34" s="164">
        <v>134</v>
      </c>
      <c r="BF34" s="159">
        <v>0</v>
      </c>
      <c r="BG34" s="160">
        <v>0</v>
      </c>
      <c r="BH34" s="165">
        <v>0</v>
      </c>
      <c r="BI34" s="162">
        <v>0</v>
      </c>
      <c r="BJ34" s="160">
        <v>52</v>
      </c>
      <c r="BK34" s="160">
        <v>53</v>
      </c>
      <c r="BL34" s="160">
        <v>17</v>
      </c>
      <c r="BM34" s="160">
        <v>18</v>
      </c>
      <c r="BN34" s="160">
        <v>7</v>
      </c>
      <c r="BO34" s="165">
        <v>147</v>
      </c>
      <c r="BP34" s="164">
        <v>147</v>
      </c>
      <c r="BQ34" s="159">
        <v>6</v>
      </c>
      <c r="BR34" s="160">
        <v>4</v>
      </c>
      <c r="BS34" s="165">
        <v>10</v>
      </c>
      <c r="BT34" s="162">
        <v>0</v>
      </c>
      <c r="BU34" s="160">
        <v>10</v>
      </c>
      <c r="BV34" s="160">
        <v>12</v>
      </c>
      <c r="BW34" s="160">
        <v>5</v>
      </c>
      <c r="BX34" s="160">
        <v>4</v>
      </c>
      <c r="BY34" s="160">
        <v>3</v>
      </c>
      <c r="BZ34" s="165">
        <v>34</v>
      </c>
      <c r="CA34" s="164">
        <v>44</v>
      </c>
      <c r="CB34" s="159">
        <v>0</v>
      </c>
      <c r="CC34" s="160">
        <v>1</v>
      </c>
      <c r="CD34" s="165">
        <v>1</v>
      </c>
      <c r="CE34" s="162">
        <v>0</v>
      </c>
      <c r="CF34" s="160">
        <v>2</v>
      </c>
      <c r="CG34" s="160">
        <v>7</v>
      </c>
      <c r="CH34" s="160">
        <v>9</v>
      </c>
      <c r="CI34" s="160">
        <v>2</v>
      </c>
      <c r="CJ34" s="160">
        <v>4</v>
      </c>
      <c r="CK34" s="165">
        <v>24</v>
      </c>
      <c r="CL34" s="164">
        <v>25</v>
      </c>
      <c r="CM34" s="159">
        <v>0</v>
      </c>
      <c r="CN34" s="160">
        <v>0</v>
      </c>
      <c r="CO34" s="165">
        <v>0</v>
      </c>
      <c r="CP34" s="162">
        <v>0</v>
      </c>
      <c r="CQ34" s="160">
        <v>0</v>
      </c>
      <c r="CR34" s="160">
        <v>2</v>
      </c>
      <c r="CS34" s="160">
        <v>1</v>
      </c>
      <c r="CT34" s="160">
        <v>0</v>
      </c>
      <c r="CU34" s="160">
        <v>2</v>
      </c>
      <c r="CV34" s="165">
        <v>5</v>
      </c>
      <c r="CW34" s="164">
        <v>5</v>
      </c>
      <c r="CX34" s="159">
        <v>0</v>
      </c>
      <c r="CY34" s="160">
        <v>0</v>
      </c>
      <c r="CZ34" s="165">
        <v>0</v>
      </c>
      <c r="DA34" s="162">
        <v>0</v>
      </c>
      <c r="DB34" s="160">
        <v>0</v>
      </c>
      <c r="DC34" s="160">
        <v>0</v>
      </c>
      <c r="DD34" s="160">
        <v>0</v>
      </c>
      <c r="DE34" s="160">
        <v>0</v>
      </c>
      <c r="DF34" s="160">
        <v>0</v>
      </c>
      <c r="DG34" s="165">
        <v>0</v>
      </c>
      <c r="DH34" s="164">
        <v>0</v>
      </c>
      <c r="DI34" s="159">
        <v>0</v>
      </c>
      <c r="DJ34" s="160">
        <v>0</v>
      </c>
      <c r="DK34" s="165">
        <v>0</v>
      </c>
      <c r="DL34" s="162">
        <v>0</v>
      </c>
      <c r="DM34" s="160">
        <v>0</v>
      </c>
      <c r="DN34" s="160">
        <v>0</v>
      </c>
      <c r="DO34" s="160">
        <v>0</v>
      </c>
      <c r="DP34" s="160">
        <v>0</v>
      </c>
      <c r="DQ34" s="160">
        <v>0</v>
      </c>
      <c r="DR34" s="165">
        <v>0</v>
      </c>
      <c r="DS34" s="164">
        <v>0</v>
      </c>
      <c r="DT34" s="159">
        <v>23</v>
      </c>
      <c r="DU34" s="160">
        <v>57</v>
      </c>
      <c r="DV34" s="165">
        <v>80</v>
      </c>
      <c r="DW34" s="162">
        <v>0</v>
      </c>
      <c r="DX34" s="160">
        <v>82</v>
      </c>
      <c r="DY34" s="160">
        <v>88</v>
      </c>
      <c r="DZ34" s="160">
        <v>36</v>
      </c>
      <c r="EA34" s="160">
        <v>35</v>
      </c>
      <c r="EB34" s="160">
        <v>19</v>
      </c>
      <c r="EC34" s="165">
        <v>260</v>
      </c>
      <c r="ED34" s="164">
        <v>340</v>
      </c>
      <c r="EE34" s="159">
        <v>4</v>
      </c>
      <c r="EF34" s="160">
        <v>5</v>
      </c>
      <c r="EG34" s="165">
        <v>9</v>
      </c>
      <c r="EH34" s="162">
        <v>0</v>
      </c>
      <c r="EI34" s="160">
        <v>5</v>
      </c>
      <c r="EJ34" s="160">
        <v>7</v>
      </c>
      <c r="EK34" s="160">
        <v>4</v>
      </c>
      <c r="EL34" s="160">
        <v>12</v>
      </c>
      <c r="EM34" s="160">
        <v>7</v>
      </c>
      <c r="EN34" s="165">
        <v>35</v>
      </c>
      <c r="EO34" s="164">
        <v>44</v>
      </c>
      <c r="EP34" s="159">
        <v>33</v>
      </c>
      <c r="EQ34" s="160">
        <v>62</v>
      </c>
      <c r="ER34" s="165">
        <v>95</v>
      </c>
      <c r="ES34" s="162">
        <v>0</v>
      </c>
      <c r="ET34" s="160">
        <v>143</v>
      </c>
      <c r="EU34" s="160">
        <v>118</v>
      </c>
      <c r="EV34" s="160">
        <v>43</v>
      </c>
      <c r="EW34" s="160">
        <v>32</v>
      </c>
      <c r="EX34" s="160">
        <v>23</v>
      </c>
      <c r="EY34" s="165">
        <v>359</v>
      </c>
      <c r="EZ34" s="164">
        <v>454</v>
      </c>
    </row>
    <row r="35" spans="2:156" ht="21" customHeight="1" x14ac:dyDescent="0.2">
      <c r="B35" s="166" t="s">
        <v>33</v>
      </c>
      <c r="C35" s="159">
        <v>0</v>
      </c>
      <c r="D35" s="160">
        <v>0</v>
      </c>
      <c r="E35" s="161">
        <v>0</v>
      </c>
      <c r="F35" s="162">
        <v>0</v>
      </c>
      <c r="G35" s="160">
        <v>30</v>
      </c>
      <c r="H35" s="160">
        <v>13</v>
      </c>
      <c r="I35" s="160">
        <v>10</v>
      </c>
      <c r="J35" s="160">
        <v>2</v>
      </c>
      <c r="K35" s="160">
        <v>6</v>
      </c>
      <c r="L35" s="163">
        <v>61</v>
      </c>
      <c r="M35" s="164">
        <v>61</v>
      </c>
      <c r="N35" s="159">
        <v>0</v>
      </c>
      <c r="O35" s="160">
        <v>0</v>
      </c>
      <c r="P35" s="165">
        <v>0</v>
      </c>
      <c r="Q35" s="162">
        <v>0</v>
      </c>
      <c r="R35" s="160">
        <v>0</v>
      </c>
      <c r="S35" s="160">
        <v>1</v>
      </c>
      <c r="T35" s="160">
        <v>1</v>
      </c>
      <c r="U35" s="160">
        <v>2</v>
      </c>
      <c r="V35" s="160">
        <v>4</v>
      </c>
      <c r="W35" s="165">
        <v>8</v>
      </c>
      <c r="X35" s="164">
        <v>8</v>
      </c>
      <c r="Y35" s="159">
        <v>0</v>
      </c>
      <c r="Z35" s="160">
        <v>4</v>
      </c>
      <c r="AA35" s="165">
        <v>4</v>
      </c>
      <c r="AB35" s="162">
        <v>0</v>
      </c>
      <c r="AC35" s="160">
        <v>22</v>
      </c>
      <c r="AD35" s="160">
        <v>13</v>
      </c>
      <c r="AE35" s="160">
        <v>7</v>
      </c>
      <c r="AF35" s="160">
        <v>4</v>
      </c>
      <c r="AG35" s="160">
        <v>4</v>
      </c>
      <c r="AH35" s="165">
        <v>50</v>
      </c>
      <c r="AI35" s="164">
        <v>54</v>
      </c>
      <c r="AJ35" s="159">
        <v>9</v>
      </c>
      <c r="AK35" s="160">
        <v>15</v>
      </c>
      <c r="AL35" s="165">
        <v>24</v>
      </c>
      <c r="AM35" s="162">
        <v>0</v>
      </c>
      <c r="AN35" s="160">
        <v>38</v>
      </c>
      <c r="AO35" s="160">
        <v>20</v>
      </c>
      <c r="AP35" s="160">
        <v>8</v>
      </c>
      <c r="AQ35" s="160">
        <v>2</v>
      </c>
      <c r="AR35" s="160">
        <v>3</v>
      </c>
      <c r="AS35" s="165">
        <v>71</v>
      </c>
      <c r="AT35" s="164">
        <v>95</v>
      </c>
      <c r="AU35" s="159">
        <v>4</v>
      </c>
      <c r="AV35" s="160">
        <v>6</v>
      </c>
      <c r="AW35" s="165">
        <v>10</v>
      </c>
      <c r="AX35" s="162">
        <v>0</v>
      </c>
      <c r="AY35" s="160">
        <v>33</v>
      </c>
      <c r="AZ35" s="160">
        <v>31</v>
      </c>
      <c r="BA35" s="160">
        <v>35</v>
      </c>
      <c r="BB35" s="160">
        <v>13</v>
      </c>
      <c r="BC35" s="160">
        <v>16</v>
      </c>
      <c r="BD35" s="163">
        <v>128</v>
      </c>
      <c r="BE35" s="164">
        <v>138</v>
      </c>
      <c r="BF35" s="159">
        <v>0</v>
      </c>
      <c r="BG35" s="160">
        <v>0</v>
      </c>
      <c r="BH35" s="165">
        <v>0</v>
      </c>
      <c r="BI35" s="162">
        <v>0</v>
      </c>
      <c r="BJ35" s="160">
        <v>11</v>
      </c>
      <c r="BK35" s="160">
        <v>9</v>
      </c>
      <c r="BL35" s="160">
        <v>4</v>
      </c>
      <c r="BM35" s="160">
        <v>1</v>
      </c>
      <c r="BN35" s="160">
        <v>2</v>
      </c>
      <c r="BO35" s="165">
        <v>27</v>
      </c>
      <c r="BP35" s="164">
        <v>27</v>
      </c>
      <c r="BQ35" s="159">
        <v>6</v>
      </c>
      <c r="BR35" s="160">
        <v>11</v>
      </c>
      <c r="BS35" s="165">
        <v>17</v>
      </c>
      <c r="BT35" s="162">
        <v>0</v>
      </c>
      <c r="BU35" s="160">
        <v>36</v>
      </c>
      <c r="BV35" s="160">
        <v>14</v>
      </c>
      <c r="BW35" s="160">
        <v>7</v>
      </c>
      <c r="BX35" s="160">
        <v>4</v>
      </c>
      <c r="BY35" s="160">
        <v>2</v>
      </c>
      <c r="BZ35" s="165">
        <v>63</v>
      </c>
      <c r="CA35" s="164">
        <v>80</v>
      </c>
      <c r="CB35" s="159">
        <v>0</v>
      </c>
      <c r="CC35" s="160">
        <v>1</v>
      </c>
      <c r="CD35" s="165">
        <v>1</v>
      </c>
      <c r="CE35" s="162">
        <v>0</v>
      </c>
      <c r="CF35" s="160">
        <v>2</v>
      </c>
      <c r="CG35" s="160">
        <v>9</v>
      </c>
      <c r="CH35" s="160">
        <v>3</v>
      </c>
      <c r="CI35" s="160">
        <v>6</v>
      </c>
      <c r="CJ35" s="160">
        <v>1</v>
      </c>
      <c r="CK35" s="165">
        <v>21</v>
      </c>
      <c r="CL35" s="164">
        <v>22</v>
      </c>
      <c r="CM35" s="159">
        <v>0</v>
      </c>
      <c r="CN35" s="160">
        <v>0</v>
      </c>
      <c r="CO35" s="165">
        <v>0</v>
      </c>
      <c r="CP35" s="162">
        <v>0</v>
      </c>
      <c r="CQ35" s="160">
        <v>2</v>
      </c>
      <c r="CR35" s="160">
        <v>0</v>
      </c>
      <c r="CS35" s="160">
        <v>0</v>
      </c>
      <c r="CT35" s="160">
        <v>0</v>
      </c>
      <c r="CU35" s="160">
        <v>0</v>
      </c>
      <c r="CV35" s="165">
        <v>2</v>
      </c>
      <c r="CW35" s="164">
        <v>2</v>
      </c>
      <c r="CX35" s="159">
        <v>0</v>
      </c>
      <c r="CY35" s="160">
        <v>0</v>
      </c>
      <c r="CZ35" s="165">
        <v>0</v>
      </c>
      <c r="DA35" s="162">
        <v>0</v>
      </c>
      <c r="DB35" s="160">
        <v>0</v>
      </c>
      <c r="DC35" s="160">
        <v>0</v>
      </c>
      <c r="DD35" s="160">
        <v>0</v>
      </c>
      <c r="DE35" s="160">
        <v>0</v>
      </c>
      <c r="DF35" s="160">
        <v>0</v>
      </c>
      <c r="DG35" s="165">
        <v>0</v>
      </c>
      <c r="DH35" s="164">
        <v>0</v>
      </c>
      <c r="DI35" s="159">
        <v>0</v>
      </c>
      <c r="DJ35" s="160">
        <v>0</v>
      </c>
      <c r="DK35" s="165">
        <v>0</v>
      </c>
      <c r="DL35" s="162">
        <v>0</v>
      </c>
      <c r="DM35" s="160">
        <v>1</v>
      </c>
      <c r="DN35" s="160">
        <v>0</v>
      </c>
      <c r="DO35" s="160">
        <v>0</v>
      </c>
      <c r="DP35" s="160">
        <v>0</v>
      </c>
      <c r="DQ35" s="160">
        <v>0</v>
      </c>
      <c r="DR35" s="165">
        <v>1</v>
      </c>
      <c r="DS35" s="164">
        <v>1</v>
      </c>
      <c r="DT35" s="159">
        <v>16</v>
      </c>
      <c r="DU35" s="160">
        <v>30</v>
      </c>
      <c r="DV35" s="165">
        <v>46</v>
      </c>
      <c r="DW35" s="162">
        <v>0</v>
      </c>
      <c r="DX35" s="160">
        <v>66</v>
      </c>
      <c r="DY35" s="160">
        <v>51</v>
      </c>
      <c r="DZ35" s="160">
        <v>22</v>
      </c>
      <c r="EA35" s="160">
        <v>12</v>
      </c>
      <c r="EB35" s="160">
        <v>11</v>
      </c>
      <c r="EC35" s="165">
        <v>162</v>
      </c>
      <c r="ED35" s="164">
        <v>208</v>
      </c>
      <c r="EE35" s="159">
        <v>2</v>
      </c>
      <c r="EF35" s="160">
        <v>2</v>
      </c>
      <c r="EG35" s="165">
        <v>4</v>
      </c>
      <c r="EH35" s="162">
        <v>0</v>
      </c>
      <c r="EI35" s="160">
        <v>16</v>
      </c>
      <c r="EJ35" s="160">
        <v>16</v>
      </c>
      <c r="EK35" s="160">
        <v>19</v>
      </c>
      <c r="EL35" s="160">
        <v>6</v>
      </c>
      <c r="EM35" s="160">
        <v>8</v>
      </c>
      <c r="EN35" s="165">
        <v>65</v>
      </c>
      <c r="EO35" s="164">
        <v>69</v>
      </c>
      <c r="EP35" s="159">
        <v>27</v>
      </c>
      <c r="EQ35" s="160">
        <v>50</v>
      </c>
      <c r="ER35" s="165">
        <v>77</v>
      </c>
      <c r="ES35" s="162">
        <v>0</v>
      </c>
      <c r="ET35" s="160">
        <v>130</v>
      </c>
      <c r="EU35" s="160">
        <v>67</v>
      </c>
      <c r="EV35" s="160">
        <v>29</v>
      </c>
      <c r="EW35" s="160">
        <v>16</v>
      </c>
      <c r="EX35" s="160">
        <v>14</v>
      </c>
      <c r="EY35" s="165">
        <v>256</v>
      </c>
      <c r="EZ35" s="164">
        <v>333</v>
      </c>
    </row>
    <row r="36" spans="2:156" ht="21" customHeight="1" x14ac:dyDescent="0.2">
      <c r="B36" s="166" t="s">
        <v>34</v>
      </c>
      <c r="C36" s="159">
        <v>0</v>
      </c>
      <c r="D36" s="160">
        <v>0</v>
      </c>
      <c r="E36" s="161">
        <v>0</v>
      </c>
      <c r="F36" s="162">
        <v>0</v>
      </c>
      <c r="G36" s="160">
        <v>16</v>
      </c>
      <c r="H36" s="160">
        <v>11</v>
      </c>
      <c r="I36" s="160">
        <v>5</v>
      </c>
      <c r="J36" s="160">
        <v>8</v>
      </c>
      <c r="K36" s="160">
        <v>4</v>
      </c>
      <c r="L36" s="163">
        <v>44</v>
      </c>
      <c r="M36" s="164">
        <v>44</v>
      </c>
      <c r="N36" s="159">
        <v>0</v>
      </c>
      <c r="O36" s="160">
        <v>0</v>
      </c>
      <c r="P36" s="165">
        <v>0</v>
      </c>
      <c r="Q36" s="162">
        <v>0</v>
      </c>
      <c r="R36" s="160">
        <v>0</v>
      </c>
      <c r="S36" s="160">
        <v>1</v>
      </c>
      <c r="T36" s="160">
        <v>1</v>
      </c>
      <c r="U36" s="160">
        <v>1</v>
      </c>
      <c r="V36" s="160">
        <v>5</v>
      </c>
      <c r="W36" s="165">
        <v>8</v>
      </c>
      <c r="X36" s="164">
        <v>8</v>
      </c>
      <c r="Y36" s="159">
        <v>5</v>
      </c>
      <c r="Z36" s="160">
        <v>6</v>
      </c>
      <c r="AA36" s="165">
        <v>11</v>
      </c>
      <c r="AB36" s="162">
        <v>0</v>
      </c>
      <c r="AC36" s="160">
        <v>21</v>
      </c>
      <c r="AD36" s="160">
        <v>13</v>
      </c>
      <c r="AE36" s="160">
        <v>6</v>
      </c>
      <c r="AF36" s="160">
        <v>8</v>
      </c>
      <c r="AG36" s="160">
        <v>8</v>
      </c>
      <c r="AH36" s="165">
        <v>56</v>
      </c>
      <c r="AI36" s="164">
        <v>67</v>
      </c>
      <c r="AJ36" s="159">
        <v>0</v>
      </c>
      <c r="AK36" s="160">
        <v>0</v>
      </c>
      <c r="AL36" s="165">
        <v>0</v>
      </c>
      <c r="AM36" s="162">
        <v>0</v>
      </c>
      <c r="AN36" s="160">
        <v>6</v>
      </c>
      <c r="AO36" s="160">
        <v>3</v>
      </c>
      <c r="AP36" s="160">
        <v>2</v>
      </c>
      <c r="AQ36" s="160">
        <v>2</v>
      </c>
      <c r="AR36" s="160">
        <v>2</v>
      </c>
      <c r="AS36" s="165">
        <v>15</v>
      </c>
      <c r="AT36" s="164">
        <v>15</v>
      </c>
      <c r="AU36" s="159">
        <v>8</v>
      </c>
      <c r="AV36" s="160">
        <v>5</v>
      </c>
      <c r="AW36" s="165">
        <v>13</v>
      </c>
      <c r="AX36" s="162">
        <v>0</v>
      </c>
      <c r="AY36" s="160">
        <v>37</v>
      </c>
      <c r="AZ36" s="160">
        <v>30</v>
      </c>
      <c r="BA36" s="160">
        <v>15</v>
      </c>
      <c r="BB36" s="160">
        <v>23</v>
      </c>
      <c r="BC36" s="160">
        <v>18</v>
      </c>
      <c r="BD36" s="163">
        <v>123</v>
      </c>
      <c r="BE36" s="164">
        <v>136</v>
      </c>
      <c r="BF36" s="159">
        <v>0</v>
      </c>
      <c r="BG36" s="160">
        <v>0</v>
      </c>
      <c r="BH36" s="165">
        <v>0</v>
      </c>
      <c r="BI36" s="162">
        <v>0</v>
      </c>
      <c r="BJ36" s="160">
        <v>32</v>
      </c>
      <c r="BK36" s="160">
        <v>12</v>
      </c>
      <c r="BL36" s="160">
        <v>11</v>
      </c>
      <c r="BM36" s="160">
        <v>11</v>
      </c>
      <c r="BN36" s="160">
        <v>1</v>
      </c>
      <c r="BO36" s="165">
        <v>67</v>
      </c>
      <c r="BP36" s="164">
        <v>67</v>
      </c>
      <c r="BQ36" s="159">
        <v>0</v>
      </c>
      <c r="BR36" s="160">
        <v>2</v>
      </c>
      <c r="BS36" s="165">
        <v>2</v>
      </c>
      <c r="BT36" s="162">
        <v>0</v>
      </c>
      <c r="BU36" s="160">
        <v>9</v>
      </c>
      <c r="BV36" s="160">
        <v>4</v>
      </c>
      <c r="BW36" s="160">
        <v>2</v>
      </c>
      <c r="BX36" s="160">
        <v>1</v>
      </c>
      <c r="BY36" s="160">
        <v>0</v>
      </c>
      <c r="BZ36" s="165">
        <v>16</v>
      </c>
      <c r="CA36" s="164">
        <v>18</v>
      </c>
      <c r="CB36" s="159">
        <v>0</v>
      </c>
      <c r="CC36" s="160">
        <v>0</v>
      </c>
      <c r="CD36" s="165">
        <v>0</v>
      </c>
      <c r="CE36" s="162">
        <v>0</v>
      </c>
      <c r="CF36" s="160">
        <v>6</v>
      </c>
      <c r="CG36" s="160">
        <v>3</v>
      </c>
      <c r="CH36" s="160">
        <v>3</v>
      </c>
      <c r="CI36" s="160">
        <v>5</v>
      </c>
      <c r="CJ36" s="160">
        <v>1</v>
      </c>
      <c r="CK36" s="165">
        <v>18</v>
      </c>
      <c r="CL36" s="164">
        <v>18</v>
      </c>
      <c r="CM36" s="159">
        <v>0</v>
      </c>
      <c r="CN36" s="160">
        <v>0</v>
      </c>
      <c r="CO36" s="165">
        <v>0</v>
      </c>
      <c r="CP36" s="162">
        <v>0</v>
      </c>
      <c r="CQ36" s="160">
        <v>2</v>
      </c>
      <c r="CR36" s="160">
        <v>0</v>
      </c>
      <c r="CS36" s="160">
        <v>1</v>
      </c>
      <c r="CT36" s="160">
        <v>0</v>
      </c>
      <c r="CU36" s="160">
        <v>0</v>
      </c>
      <c r="CV36" s="165">
        <v>3</v>
      </c>
      <c r="CW36" s="164">
        <v>3</v>
      </c>
      <c r="CX36" s="159">
        <v>0</v>
      </c>
      <c r="CY36" s="160">
        <v>0</v>
      </c>
      <c r="CZ36" s="165">
        <v>0</v>
      </c>
      <c r="DA36" s="162">
        <v>0</v>
      </c>
      <c r="DB36" s="160">
        <v>0</v>
      </c>
      <c r="DC36" s="160">
        <v>0</v>
      </c>
      <c r="DD36" s="160">
        <v>0</v>
      </c>
      <c r="DE36" s="160">
        <v>0</v>
      </c>
      <c r="DF36" s="160">
        <v>0</v>
      </c>
      <c r="DG36" s="165">
        <v>0</v>
      </c>
      <c r="DH36" s="164">
        <v>0</v>
      </c>
      <c r="DI36" s="159">
        <v>0</v>
      </c>
      <c r="DJ36" s="160">
        <v>0</v>
      </c>
      <c r="DK36" s="165">
        <v>0</v>
      </c>
      <c r="DL36" s="162">
        <v>0</v>
      </c>
      <c r="DM36" s="160">
        <v>0</v>
      </c>
      <c r="DN36" s="160">
        <v>0</v>
      </c>
      <c r="DO36" s="160">
        <v>0</v>
      </c>
      <c r="DP36" s="160">
        <v>0</v>
      </c>
      <c r="DQ36" s="160">
        <v>0</v>
      </c>
      <c r="DR36" s="165">
        <v>0</v>
      </c>
      <c r="DS36" s="164">
        <v>0</v>
      </c>
      <c r="DT36" s="159">
        <v>13</v>
      </c>
      <c r="DU36" s="160">
        <v>26</v>
      </c>
      <c r="DV36" s="165">
        <v>39</v>
      </c>
      <c r="DW36" s="162">
        <v>0</v>
      </c>
      <c r="DX36" s="160">
        <v>57</v>
      </c>
      <c r="DY36" s="160">
        <v>48</v>
      </c>
      <c r="DZ36" s="160">
        <v>21</v>
      </c>
      <c r="EA36" s="160">
        <v>22</v>
      </c>
      <c r="EB36" s="160">
        <v>13</v>
      </c>
      <c r="EC36" s="165">
        <v>161</v>
      </c>
      <c r="ED36" s="164">
        <v>200</v>
      </c>
      <c r="EE36" s="159">
        <v>6</v>
      </c>
      <c r="EF36" s="160">
        <v>3</v>
      </c>
      <c r="EG36" s="165">
        <v>9</v>
      </c>
      <c r="EH36" s="162">
        <v>0</v>
      </c>
      <c r="EI36" s="160">
        <v>11</v>
      </c>
      <c r="EJ36" s="160">
        <v>8</v>
      </c>
      <c r="EK36" s="160">
        <v>3</v>
      </c>
      <c r="EL36" s="160">
        <v>6</v>
      </c>
      <c r="EM36" s="160">
        <v>6</v>
      </c>
      <c r="EN36" s="165">
        <v>34</v>
      </c>
      <c r="EO36" s="164">
        <v>43</v>
      </c>
      <c r="EP36" s="159">
        <v>16</v>
      </c>
      <c r="EQ36" s="160">
        <v>29</v>
      </c>
      <c r="ER36" s="165">
        <v>45</v>
      </c>
      <c r="ES36" s="162">
        <v>0</v>
      </c>
      <c r="ET36" s="160">
        <v>93</v>
      </c>
      <c r="EU36" s="160">
        <v>45</v>
      </c>
      <c r="EV36" s="160">
        <v>21</v>
      </c>
      <c r="EW36" s="160">
        <v>23</v>
      </c>
      <c r="EX36" s="160">
        <v>12</v>
      </c>
      <c r="EY36" s="165">
        <v>194</v>
      </c>
      <c r="EZ36" s="164">
        <v>239</v>
      </c>
    </row>
    <row r="37" spans="2:156" ht="21" customHeight="1" x14ac:dyDescent="0.2">
      <c r="B37" s="166" t="s">
        <v>35</v>
      </c>
      <c r="C37" s="159">
        <v>0</v>
      </c>
      <c r="D37" s="160">
        <v>0</v>
      </c>
      <c r="E37" s="161">
        <v>0</v>
      </c>
      <c r="F37" s="162">
        <v>0</v>
      </c>
      <c r="G37" s="160">
        <v>102</v>
      </c>
      <c r="H37" s="160">
        <v>48</v>
      </c>
      <c r="I37" s="160">
        <v>31</v>
      </c>
      <c r="J37" s="160">
        <v>29</v>
      </c>
      <c r="K37" s="160">
        <v>27</v>
      </c>
      <c r="L37" s="163">
        <v>237</v>
      </c>
      <c r="M37" s="164">
        <v>237</v>
      </c>
      <c r="N37" s="159">
        <v>0</v>
      </c>
      <c r="O37" s="160">
        <v>0</v>
      </c>
      <c r="P37" s="165">
        <v>0</v>
      </c>
      <c r="Q37" s="162">
        <v>0</v>
      </c>
      <c r="R37" s="160">
        <v>0</v>
      </c>
      <c r="S37" s="160">
        <v>2</v>
      </c>
      <c r="T37" s="160">
        <v>5</v>
      </c>
      <c r="U37" s="160">
        <v>9</v>
      </c>
      <c r="V37" s="160">
        <v>10</v>
      </c>
      <c r="W37" s="165">
        <v>26</v>
      </c>
      <c r="X37" s="164">
        <v>26</v>
      </c>
      <c r="Y37" s="159">
        <v>6</v>
      </c>
      <c r="Z37" s="160">
        <v>16</v>
      </c>
      <c r="AA37" s="165">
        <v>22</v>
      </c>
      <c r="AB37" s="162">
        <v>0</v>
      </c>
      <c r="AC37" s="160">
        <v>62</v>
      </c>
      <c r="AD37" s="160">
        <v>41</v>
      </c>
      <c r="AE37" s="160">
        <v>32</v>
      </c>
      <c r="AF37" s="160">
        <v>25</v>
      </c>
      <c r="AG37" s="160">
        <v>22</v>
      </c>
      <c r="AH37" s="165">
        <v>182</v>
      </c>
      <c r="AI37" s="164">
        <v>204</v>
      </c>
      <c r="AJ37" s="159">
        <v>11</v>
      </c>
      <c r="AK37" s="160">
        <v>17</v>
      </c>
      <c r="AL37" s="165">
        <v>28</v>
      </c>
      <c r="AM37" s="162">
        <v>0</v>
      </c>
      <c r="AN37" s="160">
        <v>18</v>
      </c>
      <c r="AO37" s="160">
        <v>18</v>
      </c>
      <c r="AP37" s="160">
        <v>5</v>
      </c>
      <c r="AQ37" s="160">
        <v>10</v>
      </c>
      <c r="AR37" s="160">
        <v>6</v>
      </c>
      <c r="AS37" s="165">
        <v>57</v>
      </c>
      <c r="AT37" s="164">
        <v>85</v>
      </c>
      <c r="AU37" s="159">
        <v>17</v>
      </c>
      <c r="AV37" s="160">
        <v>21</v>
      </c>
      <c r="AW37" s="165">
        <v>38</v>
      </c>
      <c r="AX37" s="162">
        <v>0</v>
      </c>
      <c r="AY37" s="160">
        <v>104</v>
      </c>
      <c r="AZ37" s="160">
        <v>64</v>
      </c>
      <c r="BA37" s="160">
        <v>79</v>
      </c>
      <c r="BB37" s="160">
        <v>83</v>
      </c>
      <c r="BC37" s="160">
        <v>54</v>
      </c>
      <c r="BD37" s="163">
        <v>384</v>
      </c>
      <c r="BE37" s="164">
        <v>422</v>
      </c>
      <c r="BF37" s="159">
        <v>0</v>
      </c>
      <c r="BG37" s="160">
        <v>0</v>
      </c>
      <c r="BH37" s="165">
        <v>0</v>
      </c>
      <c r="BI37" s="162">
        <v>0</v>
      </c>
      <c r="BJ37" s="160">
        <v>123</v>
      </c>
      <c r="BK37" s="160">
        <v>71</v>
      </c>
      <c r="BL37" s="160">
        <v>48</v>
      </c>
      <c r="BM37" s="160">
        <v>31</v>
      </c>
      <c r="BN37" s="160">
        <v>17</v>
      </c>
      <c r="BO37" s="165">
        <v>290</v>
      </c>
      <c r="BP37" s="164">
        <v>290</v>
      </c>
      <c r="BQ37" s="159">
        <v>11</v>
      </c>
      <c r="BR37" s="160">
        <v>21</v>
      </c>
      <c r="BS37" s="165">
        <v>32</v>
      </c>
      <c r="BT37" s="162">
        <v>0</v>
      </c>
      <c r="BU37" s="160">
        <v>67</v>
      </c>
      <c r="BV37" s="160">
        <v>28</v>
      </c>
      <c r="BW37" s="160">
        <v>16</v>
      </c>
      <c r="BX37" s="160">
        <v>8</v>
      </c>
      <c r="BY37" s="160">
        <v>2</v>
      </c>
      <c r="BZ37" s="165">
        <v>121</v>
      </c>
      <c r="CA37" s="164">
        <v>153</v>
      </c>
      <c r="CB37" s="159">
        <v>1</v>
      </c>
      <c r="CC37" s="160">
        <v>0</v>
      </c>
      <c r="CD37" s="165">
        <v>1</v>
      </c>
      <c r="CE37" s="162">
        <v>0</v>
      </c>
      <c r="CF37" s="160">
        <v>11</v>
      </c>
      <c r="CG37" s="160">
        <v>8</v>
      </c>
      <c r="CH37" s="160">
        <v>9</v>
      </c>
      <c r="CI37" s="160">
        <v>12</v>
      </c>
      <c r="CJ37" s="160">
        <v>4</v>
      </c>
      <c r="CK37" s="165">
        <v>44</v>
      </c>
      <c r="CL37" s="164">
        <v>45</v>
      </c>
      <c r="CM37" s="159">
        <v>0</v>
      </c>
      <c r="CN37" s="160">
        <v>0</v>
      </c>
      <c r="CO37" s="165">
        <v>0</v>
      </c>
      <c r="CP37" s="162">
        <v>0</v>
      </c>
      <c r="CQ37" s="160">
        <v>4</v>
      </c>
      <c r="CR37" s="160">
        <v>5</v>
      </c>
      <c r="CS37" s="160">
        <v>2</v>
      </c>
      <c r="CT37" s="160">
        <v>4</v>
      </c>
      <c r="CU37" s="160">
        <v>2</v>
      </c>
      <c r="CV37" s="165">
        <v>17</v>
      </c>
      <c r="CW37" s="164">
        <v>17</v>
      </c>
      <c r="CX37" s="159">
        <v>0</v>
      </c>
      <c r="CY37" s="160">
        <v>0</v>
      </c>
      <c r="CZ37" s="165">
        <v>0</v>
      </c>
      <c r="DA37" s="162">
        <v>0</v>
      </c>
      <c r="DB37" s="160">
        <v>0</v>
      </c>
      <c r="DC37" s="160">
        <v>0</v>
      </c>
      <c r="DD37" s="160">
        <v>0</v>
      </c>
      <c r="DE37" s="160">
        <v>0</v>
      </c>
      <c r="DF37" s="160">
        <v>0</v>
      </c>
      <c r="DG37" s="165">
        <v>0</v>
      </c>
      <c r="DH37" s="164">
        <v>0</v>
      </c>
      <c r="DI37" s="159">
        <v>0</v>
      </c>
      <c r="DJ37" s="160">
        <v>0</v>
      </c>
      <c r="DK37" s="165">
        <v>0</v>
      </c>
      <c r="DL37" s="162">
        <v>0</v>
      </c>
      <c r="DM37" s="160">
        <v>0</v>
      </c>
      <c r="DN37" s="160">
        <v>0</v>
      </c>
      <c r="DO37" s="160">
        <v>0</v>
      </c>
      <c r="DP37" s="160">
        <v>0</v>
      </c>
      <c r="DQ37" s="160">
        <v>0</v>
      </c>
      <c r="DR37" s="165">
        <v>0</v>
      </c>
      <c r="DS37" s="164">
        <v>0</v>
      </c>
      <c r="DT37" s="159">
        <v>62</v>
      </c>
      <c r="DU37" s="160">
        <v>106</v>
      </c>
      <c r="DV37" s="165">
        <v>168</v>
      </c>
      <c r="DW37" s="162">
        <v>0</v>
      </c>
      <c r="DX37" s="160">
        <v>182</v>
      </c>
      <c r="DY37" s="160">
        <v>138</v>
      </c>
      <c r="DZ37" s="160">
        <v>87</v>
      </c>
      <c r="EA37" s="160">
        <v>67</v>
      </c>
      <c r="EB37" s="160">
        <v>46</v>
      </c>
      <c r="EC37" s="165">
        <v>520</v>
      </c>
      <c r="ED37" s="164">
        <v>688</v>
      </c>
      <c r="EE37" s="159">
        <v>16</v>
      </c>
      <c r="EF37" s="160">
        <v>11</v>
      </c>
      <c r="EG37" s="165">
        <v>27</v>
      </c>
      <c r="EH37" s="162">
        <v>0</v>
      </c>
      <c r="EI37" s="160">
        <v>38</v>
      </c>
      <c r="EJ37" s="160">
        <v>13</v>
      </c>
      <c r="EK37" s="160">
        <v>20</v>
      </c>
      <c r="EL37" s="160">
        <v>35</v>
      </c>
      <c r="EM37" s="160">
        <v>14</v>
      </c>
      <c r="EN37" s="165">
        <v>120</v>
      </c>
      <c r="EO37" s="164">
        <v>147</v>
      </c>
      <c r="EP37" s="159">
        <v>76</v>
      </c>
      <c r="EQ37" s="160">
        <v>130</v>
      </c>
      <c r="ER37" s="165">
        <v>206</v>
      </c>
      <c r="ES37" s="162">
        <v>0</v>
      </c>
      <c r="ET37" s="160">
        <v>318</v>
      </c>
      <c r="EU37" s="160">
        <v>170</v>
      </c>
      <c r="EV37" s="160">
        <v>99</v>
      </c>
      <c r="EW37" s="160">
        <v>73</v>
      </c>
      <c r="EX37" s="160">
        <v>46</v>
      </c>
      <c r="EY37" s="165">
        <v>706</v>
      </c>
      <c r="EZ37" s="164">
        <v>912</v>
      </c>
    </row>
    <row r="38" spans="2:156" ht="21" customHeight="1" x14ac:dyDescent="0.2">
      <c r="B38" s="166" t="s">
        <v>36</v>
      </c>
      <c r="C38" s="159">
        <v>0</v>
      </c>
      <c r="D38" s="160">
        <v>0</v>
      </c>
      <c r="E38" s="161">
        <v>0</v>
      </c>
      <c r="F38" s="162">
        <v>0</v>
      </c>
      <c r="G38" s="160">
        <v>52</v>
      </c>
      <c r="H38" s="160">
        <v>79</v>
      </c>
      <c r="I38" s="160">
        <v>44</v>
      </c>
      <c r="J38" s="160">
        <v>32</v>
      </c>
      <c r="K38" s="160">
        <v>35</v>
      </c>
      <c r="L38" s="163">
        <v>242</v>
      </c>
      <c r="M38" s="164">
        <v>242</v>
      </c>
      <c r="N38" s="159">
        <v>0</v>
      </c>
      <c r="O38" s="160">
        <v>1</v>
      </c>
      <c r="P38" s="165">
        <v>1</v>
      </c>
      <c r="Q38" s="162">
        <v>0</v>
      </c>
      <c r="R38" s="160">
        <v>2</v>
      </c>
      <c r="S38" s="160">
        <v>2</v>
      </c>
      <c r="T38" s="160">
        <v>7</v>
      </c>
      <c r="U38" s="160">
        <v>10</v>
      </c>
      <c r="V38" s="160">
        <v>11</v>
      </c>
      <c r="W38" s="165">
        <v>32</v>
      </c>
      <c r="X38" s="164">
        <v>33</v>
      </c>
      <c r="Y38" s="159">
        <v>5</v>
      </c>
      <c r="Z38" s="160">
        <v>24</v>
      </c>
      <c r="AA38" s="165">
        <v>29</v>
      </c>
      <c r="AB38" s="162">
        <v>0</v>
      </c>
      <c r="AC38" s="160">
        <v>51</v>
      </c>
      <c r="AD38" s="160">
        <v>63</v>
      </c>
      <c r="AE38" s="160">
        <v>44</v>
      </c>
      <c r="AF38" s="160">
        <v>28</v>
      </c>
      <c r="AG38" s="160">
        <v>36</v>
      </c>
      <c r="AH38" s="165">
        <v>222</v>
      </c>
      <c r="AI38" s="164">
        <v>251</v>
      </c>
      <c r="AJ38" s="159">
        <v>1</v>
      </c>
      <c r="AK38" s="160">
        <v>14</v>
      </c>
      <c r="AL38" s="165">
        <v>15</v>
      </c>
      <c r="AM38" s="162">
        <v>0</v>
      </c>
      <c r="AN38" s="160">
        <v>21</v>
      </c>
      <c r="AO38" s="160">
        <v>21</v>
      </c>
      <c r="AP38" s="160">
        <v>9</v>
      </c>
      <c r="AQ38" s="160">
        <v>4</v>
      </c>
      <c r="AR38" s="160">
        <v>7</v>
      </c>
      <c r="AS38" s="165">
        <v>62</v>
      </c>
      <c r="AT38" s="164">
        <v>77</v>
      </c>
      <c r="AU38" s="159">
        <v>5</v>
      </c>
      <c r="AV38" s="160">
        <v>6</v>
      </c>
      <c r="AW38" s="165">
        <v>11</v>
      </c>
      <c r="AX38" s="162">
        <v>0</v>
      </c>
      <c r="AY38" s="160">
        <v>60</v>
      </c>
      <c r="AZ38" s="160">
        <v>96</v>
      </c>
      <c r="BA38" s="160">
        <v>69</v>
      </c>
      <c r="BB38" s="160">
        <v>53</v>
      </c>
      <c r="BC38" s="160">
        <v>58</v>
      </c>
      <c r="BD38" s="163">
        <v>336</v>
      </c>
      <c r="BE38" s="164">
        <v>347</v>
      </c>
      <c r="BF38" s="159">
        <v>0</v>
      </c>
      <c r="BG38" s="160">
        <v>0</v>
      </c>
      <c r="BH38" s="165">
        <v>0</v>
      </c>
      <c r="BI38" s="162">
        <v>0</v>
      </c>
      <c r="BJ38" s="160">
        <v>78</v>
      </c>
      <c r="BK38" s="160">
        <v>92</v>
      </c>
      <c r="BL38" s="160">
        <v>45</v>
      </c>
      <c r="BM38" s="160">
        <v>34</v>
      </c>
      <c r="BN38" s="160">
        <v>20</v>
      </c>
      <c r="BO38" s="165">
        <v>269</v>
      </c>
      <c r="BP38" s="164">
        <v>269</v>
      </c>
      <c r="BQ38" s="159">
        <v>7</v>
      </c>
      <c r="BR38" s="160">
        <v>8</v>
      </c>
      <c r="BS38" s="165">
        <v>15</v>
      </c>
      <c r="BT38" s="162">
        <v>0</v>
      </c>
      <c r="BU38" s="160">
        <v>28</v>
      </c>
      <c r="BV38" s="160">
        <v>36</v>
      </c>
      <c r="BW38" s="160">
        <v>21</v>
      </c>
      <c r="BX38" s="160">
        <v>9</v>
      </c>
      <c r="BY38" s="160">
        <v>4</v>
      </c>
      <c r="BZ38" s="165">
        <v>98</v>
      </c>
      <c r="CA38" s="164">
        <v>113</v>
      </c>
      <c r="CB38" s="159">
        <v>0</v>
      </c>
      <c r="CC38" s="160">
        <v>0</v>
      </c>
      <c r="CD38" s="165">
        <v>0</v>
      </c>
      <c r="CE38" s="162">
        <v>0</v>
      </c>
      <c r="CF38" s="160">
        <v>12</v>
      </c>
      <c r="CG38" s="160">
        <v>23</v>
      </c>
      <c r="CH38" s="160">
        <v>19</v>
      </c>
      <c r="CI38" s="160">
        <v>17</v>
      </c>
      <c r="CJ38" s="160">
        <v>16</v>
      </c>
      <c r="CK38" s="165">
        <v>87</v>
      </c>
      <c r="CL38" s="164">
        <v>87</v>
      </c>
      <c r="CM38" s="159">
        <v>0</v>
      </c>
      <c r="CN38" s="160">
        <v>0</v>
      </c>
      <c r="CO38" s="165">
        <v>0</v>
      </c>
      <c r="CP38" s="162">
        <v>0</v>
      </c>
      <c r="CQ38" s="160">
        <v>1</v>
      </c>
      <c r="CR38" s="160">
        <v>2</v>
      </c>
      <c r="CS38" s="160">
        <v>0</v>
      </c>
      <c r="CT38" s="160">
        <v>2</v>
      </c>
      <c r="CU38" s="160">
        <v>0</v>
      </c>
      <c r="CV38" s="165">
        <v>5</v>
      </c>
      <c r="CW38" s="164">
        <v>5</v>
      </c>
      <c r="CX38" s="159">
        <v>0</v>
      </c>
      <c r="CY38" s="160">
        <v>0</v>
      </c>
      <c r="CZ38" s="165">
        <v>0</v>
      </c>
      <c r="DA38" s="162">
        <v>0</v>
      </c>
      <c r="DB38" s="160">
        <v>0</v>
      </c>
      <c r="DC38" s="160">
        <v>0</v>
      </c>
      <c r="DD38" s="160">
        <v>0</v>
      </c>
      <c r="DE38" s="160">
        <v>0</v>
      </c>
      <c r="DF38" s="160">
        <v>0</v>
      </c>
      <c r="DG38" s="165">
        <v>0</v>
      </c>
      <c r="DH38" s="164">
        <v>0</v>
      </c>
      <c r="DI38" s="159">
        <v>0</v>
      </c>
      <c r="DJ38" s="160">
        <v>0</v>
      </c>
      <c r="DK38" s="165">
        <v>0</v>
      </c>
      <c r="DL38" s="162">
        <v>0</v>
      </c>
      <c r="DM38" s="160">
        <v>0</v>
      </c>
      <c r="DN38" s="160">
        <v>0</v>
      </c>
      <c r="DO38" s="160">
        <v>0</v>
      </c>
      <c r="DP38" s="160">
        <v>0</v>
      </c>
      <c r="DQ38" s="160">
        <v>0</v>
      </c>
      <c r="DR38" s="165">
        <v>0</v>
      </c>
      <c r="DS38" s="164">
        <v>0</v>
      </c>
      <c r="DT38" s="159">
        <v>33</v>
      </c>
      <c r="DU38" s="160">
        <v>126</v>
      </c>
      <c r="DV38" s="165">
        <v>159</v>
      </c>
      <c r="DW38" s="162">
        <v>0</v>
      </c>
      <c r="DX38" s="160">
        <v>148</v>
      </c>
      <c r="DY38" s="160">
        <v>213</v>
      </c>
      <c r="DZ38" s="160">
        <v>125</v>
      </c>
      <c r="EA38" s="160">
        <v>76</v>
      </c>
      <c r="EB38" s="160">
        <v>60</v>
      </c>
      <c r="EC38" s="165">
        <v>622</v>
      </c>
      <c r="ED38" s="164">
        <v>781</v>
      </c>
      <c r="EE38" s="159">
        <v>3</v>
      </c>
      <c r="EF38" s="160">
        <v>1</v>
      </c>
      <c r="EG38" s="165">
        <v>4</v>
      </c>
      <c r="EH38" s="162">
        <v>0</v>
      </c>
      <c r="EI38" s="160">
        <v>23</v>
      </c>
      <c r="EJ38" s="160">
        <v>13</v>
      </c>
      <c r="EK38" s="160">
        <v>17</v>
      </c>
      <c r="EL38" s="160">
        <v>5</v>
      </c>
      <c r="EM38" s="160">
        <v>3</v>
      </c>
      <c r="EN38" s="165">
        <v>61</v>
      </c>
      <c r="EO38" s="164">
        <v>65</v>
      </c>
      <c r="EP38" s="159">
        <v>45</v>
      </c>
      <c r="EQ38" s="160">
        <v>147</v>
      </c>
      <c r="ER38" s="165">
        <v>192</v>
      </c>
      <c r="ES38" s="162">
        <v>0</v>
      </c>
      <c r="ET38" s="160">
        <v>252</v>
      </c>
      <c r="EU38" s="160">
        <v>262</v>
      </c>
      <c r="EV38" s="160">
        <v>148</v>
      </c>
      <c r="EW38" s="160">
        <v>90</v>
      </c>
      <c r="EX38" s="160">
        <v>75</v>
      </c>
      <c r="EY38" s="165">
        <v>827</v>
      </c>
      <c r="EZ38" s="164">
        <v>1019</v>
      </c>
    </row>
    <row r="39" spans="2:156" ht="21" customHeight="1" thickBot="1" x14ac:dyDescent="0.25">
      <c r="B39" s="167" t="s">
        <v>37</v>
      </c>
      <c r="C39" s="168">
        <v>0</v>
      </c>
      <c r="D39" s="169">
        <v>0</v>
      </c>
      <c r="E39" s="170">
        <v>0</v>
      </c>
      <c r="F39" s="171">
        <v>0</v>
      </c>
      <c r="G39" s="169">
        <v>6</v>
      </c>
      <c r="H39" s="169">
        <v>5</v>
      </c>
      <c r="I39" s="169">
        <v>7</v>
      </c>
      <c r="J39" s="169">
        <v>1</v>
      </c>
      <c r="K39" s="169">
        <v>3</v>
      </c>
      <c r="L39" s="172">
        <v>22</v>
      </c>
      <c r="M39" s="173">
        <v>22</v>
      </c>
      <c r="N39" s="168">
        <v>0</v>
      </c>
      <c r="O39" s="169">
        <v>0</v>
      </c>
      <c r="P39" s="174">
        <v>0</v>
      </c>
      <c r="Q39" s="171">
        <v>0</v>
      </c>
      <c r="R39" s="169">
        <v>0</v>
      </c>
      <c r="S39" s="169">
        <v>0</v>
      </c>
      <c r="T39" s="169">
        <v>0</v>
      </c>
      <c r="U39" s="169">
        <v>0</v>
      </c>
      <c r="V39" s="169">
        <v>0</v>
      </c>
      <c r="W39" s="174">
        <v>0</v>
      </c>
      <c r="X39" s="173">
        <v>0</v>
      </c>
      <c r="Y39" s="168">
        <v>1</v>
      </c>
      <c r="Z39" s="169">
        <v>1</v>
      </c>
      <c r="AA39" s="174">
        <v>2</v>
      </c>
      <c r="AB39" s="171">
        <v>0</v>
      </c>
      <c r="AC39" s="169">
        <v>5</v>
      </c>
      <c r="AD39" s="169">
        <v>6</v>
      </c>
      <c r="AE39" s="169">
        <v>5</v>
      </c>
      <c r="AF39" s="169">
        <v>4</v>
      </c>
      <c r="AG39" s="169">
        <v>3</v>
      </c>
      <c r="AH39" s="174">
        <v>23</v>
      </c>
      <c r="AI39" s="173">
        <v>25</v>
      </c>
      <c r="AJ39" s="168">
        <v>0</v>
      </c>
      <c r="AK39" s="169">
        <v>0</v>
      </c>
      <c r="AL39" s="174">
        <v>0</v>
      </c>
      <c r="AM39" s="171">
        <v>0</v>
      </c>
      <c r="AN39" s="169">
        <v>1</v>
      </c>
      <c r="AO39" s="169">
        <v>1</v>
      </c>
      <c r="AP39" s="169">
        <v>0</v>
      </c>
      <c r="AQ39" s="169">
        <v>1</v>
      </c>
      <c r="AR39" s="169">
        <v>1</v>
      </c>
      <c r="AS39" s="174">
        <v>4</v>
      </c>
      <c r="AT39" s="173">
        <v>4</v>
      </c>
      <c r="AU39" s="168">
        <v>1</v>
      </c>
      <c r="AV39" s="169">
        <v>0</v>
      </c>
      <c r="AW39" s="174">
        <v>1</v>
      </c>
      <c r="AX39" s="171">
        <v>0</v>
      </c>
      <c r="AY39" s="169">
        <v>4</v>
      </c>
      <c r="AZ39" s="169">
        <v>2</v>
      </c>
      <c r="BA39" s="169">
        <v>7</v>
      </c>
      <c r="BB39" s="169">
        <v>10</v>
      </c>
      <c r="BC39" s="169">
        <v>6</v>
      </c>
      <c r="BD39" s="172">
        <v>29</v>
      </c>
      <c r="BE39" s="173">
        <v>30</v>
      </c>
      <c r="BF39" s="168">
        <v>0</v>
      </c>
      <c r="BG39" s="169">
        <v>0</v>
      </c>
      <c r="BH39" s="174">
        <v>0</v>
      </c>
      <c r="BI39" s="171">
        <v>0</v>
      </c>
      <c r="BJ39" s="169">
        <v>4</v>
      </c>
      <c r="BK39" s="169">
        <v>5</v>
      </c>
      <c r="BL39" s="169">
        <v>6</v>
      </c>
      <c r="BM39" s="169">
        <v>2</v>
      </c>
      <c r="BN39" s="169">
        <v>1</v>
      </c>
      <c r="BO39" s="174">
        <v>18</v>
      </c>
      <c r="BP39" s="173">
        <v>18</v>
      </c>
      <c r="BQ39" s="168">
        <v>1</v>
      </c>
      <c r="BR39" s="169">
        <v>1</v>
      </c>
      <c r="BS39" s="174">
        <v>2</v>
      </c>
      <c r="BT39" s="171">
        <v>0</v>
      </c>
      <c r="BU39" s="169">
        <v>7</v>
      </c>
      <c r="BV39" s="169">
        <v>6</v>
      </c>
      <c r="BW39" s="169">
        <v>2</v>
      </c>
      <c r="BX39" s="169">
        <v>2</v>
      </c>
      <c r="BY39" s="169">
        <v>1</v>
      </c>
      <c r="BZ39" s="174">
        <v>18</v>
      </c>
      <c r="CA39" s="173">
        <v>20</v>
      </c>
      <c r="CB39" s="168">
        <v>0</v>
      </c>
      <c r="CC39" s="169">
        <v>0</v>
      </c>
      <c r="CD39" s="174">
        <v>0</v>
      </c>
      <c r="CE39" s="171">
        <v>0</v>
      </c>
      <c r="CF39" s="169">
        <v>1</v>
      </c>
      <c r="CG39" s="169">
        <v>4</v>
      </c>
      <c r="CH39" s="169">
        <v>2</v>
      </c>
      <c r="CI39" s="169">
        <v>1</v>
      </c>
      <c r="CJ39" s="169">
        <v>0</v>
      </c>
      <c r="CK39" s="174">
        <v>8</v>
      </c>
      <c r="CL39" s="173">
        <v>8</v>
      </c>
      <c r="CM39" s="168">
        <v>0</v>
      </c>
      <c r="CN39" s="169">
        <v>0</v>
      </c>
      <c r="CO39" s="174">
        <v>0</v>
      </c>
      <c r="CP39" s="171">
        <v>0</v>
      </c>
      <c r="CQ39" s="169">
        <v>0</v>
      </c>
      <c r="CR39" s="169">
        <v>0</v>
      </c>
      <c r="CS39" s="169">
        <v>0</v>
      </c>
      <c r="CT39" s="169">
        <v>1</v>
      </c>
      <c r="CU39" s="169">
        <v>1</v>
      </c>
      <c r="CV39" s="174">
        <v>2</v>
      </c>
      <c r="CW39" s="173">
        <v>2</v>
      </c>
      <c r="CX39" s="168">
        <v>0</v>
      </c>
      <c r="CY39" s="169">
        <v>0</v>
      </c>
      <c r="CZ39" s="174">
        <v>0</v>
      </c>
      <c r="DA39" s="171">
        <v>0</v>
      </c>
      <c r="DB39" s="169">
        <v>0</v>
      </c>
      <c r="DC39" s="169">
        <v>0</v>
      </c>
      <c r="DD39" s="169">
        <v>0</v>
      </c>
      <c r="DE39" s="169">
        <v>0</v>
      </c>
      <c r="DF39" s="169">
        <v>0</v>
      </c>
      <c r="DG39" s="174">
        <v>0</v>
      </c>
      <c r="DH39" s="173">
        <v>0</v>
      </c>
      <c r="DI39" s="168">
        <v>0</v>
      </c>
      <c r="DJ39" s="169">
        <v>0</v>
      </c>
      <c r="DK39" s="174">
        <v>0</v>
      </c>
      <c r="DL39" s="171">
        <v>0</v>
      </c>
      <c r="DM39" s="169">
        <v>0</v>
      </c>
      <c r="DN39" s="169">
        <v>0</v>
      </c>
      <c r="DO39" s="169">
        <v>0</v>
      </c>
      <c r="DP39" s="169">
        <v>0</v>
      </c>
      <c r="DQ39" s="169">
        <v>0</v>
      </c>
      <c r="DR39" s="174">
        <v>0</v>
      </c>
      <c r="DS39" s="173">
        <v>0</v>
      </c>
      <c r="DT39" s="168">
        <v>9</v>
      </c>
      <c r="DU39" s="169">
        <v>3</v>
      </c>
      <c r="DV39" s="174">
        <v>12</v>
      </c>
      <c r="DW39" s="171">
        <v>0</v>
      </c>
      <c r="DX39" s="169">
        <v>18</v>
      </c>
      <c r="DY39" s="169">
        <v>21</v>
      </c>
      <c r="DZ39" s="169">
        <v>16</v>
      </c>
      <c r="EA39" s="169">
        <v>7</v>
      </c>
      <c r="EB39" s="169">
        <v>4</v>
      </c>
      <c r="EC39" s="174">
        <v>66</v>
      </c>
      <c r="ED39" s="173">
        <v>78</v>
      </c>
      <c r="EE39" s="168">
        <v>0</v>
      </c>
      <c r="EF39" s="169">
        <v>0</v>
      </c>
      <c r="EG39" s="174">
        <v>0</v>
      </c>
      <c r="EH39" s="171">
        <v>0</v>
      </c>
      <c r="EI39" s="169">
        <v>0</v>
      </c>
      <c r="EJ39" s="169">
        <v>0</v>
      </c>
      <c r="EK39" s="169">
        <v>0</v>
      </c>
      <c r="EL39" s="169">
        <v>0</v>
      </c>
      <c r="EM39" s="169">
        <v>0</v>
      </c>
      <c r="EN39" s="174">
        <v>0</v>
      </c>
      <c r="EO39" s="173">
        <v>0</v>
      </c>
      <c r="EP39" s="168">
        <v>11</v>
      </c>
      <c r="EQ39" s="169">
        <v>4</v>
      </c>
      <c r="ER39" s="174">
        <v>15</v>
      </c>
      <c r="ES39" s="171">
        <v>0</v>
      </c>
      <c r="ET39" s="169">
        <v>24</v>
      </c>
      <c r="EU39" s="169">
        <v>26</v>
      </c>
      <c r="EV39" s="169">
        <v>19</v>
      </c>
      <c r="EW39" s="169">
        <v>7</v>
      </c>
      <c r="EX39" s="169">
        <v>4</v>
      </c>
      <c r="EY39" s="174">
        <v>80</v>
      </c>
      <c r="EZ39" s="173">
        <v>95</v>
      </c>
    </row>
  </sheetData>
  <mergeCells count="59">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I1:J1"/>
    <mergeCell ref="L1:M1"/>
    <mergeCell ref="BF3:BP3"/>
    <mergeCell ref="BQ3:CA3"/>
    <mergeCell ref="CB3:CL3"/>
    <mergeCell ref="DI3:DS3"/>
    <mergeCell ref="DI4:DK4"/>
    <mergeCell ref="DL4:DR4"/>
    <mergeCell ref="DS4:DS5"/>
    <mergeCell ref="BI4:BO4"/>
    <mergeCell ref="CX3:DH3"/>
    <mergeCell ref="CM3:CW3"/>
    <mergeCell ref="CX4:CZ4"/>
    <mergeCell ref="DA4:DG4"/>
    <mergeCell ref="DH4:DH5"/>
    <mergeCell ref="EP3:EZ3"/>
    <mergeCell ref="EE3:EO3"/>
    <mergeCell ref="ES4:EY4"/>
    <mergeCell ref="EZ4:EZ5"/>
    <mergeCell ref="ED4:ED5"/>
    <mergeCell ref="EE4:EG4"/>
    <mergeCell ref="EH4:EN4"/>
    <mergeCell ref="EO4:EO5"/>
    <mergeCell ref="EP4:ER4"/>
    <mergeCell ref="DT3:ED3"/>
    <mergeCell ref="DT4:DV4"/>
    <mergeCell ref="DW4:EC4"/>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43" customWidth="1"/>
    <col min="2" max="2" width="9.77734375" style="143" customWidth="1"/>
    <col min="3" max="4" width="9" style="143"/>
    <col min="5" max="5" width="10.33203125" style="143" customWidth="1"/>
    <col min="6" max="6" width="7.6640625" style="143" customWidth="1"/>
    <col min="7" max="7" width="10.21875" style="143" customWidth="1"/>
    <col min="8" max="8" width="10.44140625" style="143" customWidth="1"/>
    <col min="9" max="16" width="9" style="143"/>
    <col min="17" max="17" width="7.21875" style="143" customWidth="1"/>
    <col min="18" max="27" width="9" style="143"/>
    <col min="28" max="28" width="7.6640625" style="143" customWidth="1"/>
    <col min="29" max="38" width="9" style="143"/>
    <col min="39" max="39" width="7.6640625" style="143" customWidth="1"/>
    <col min="40" max="49" width="9" style="143"/>
    <col min="50" max="50" width="7.21875" style="143" customWidth="1"/>
    <col min="51" max="60" width="9" style="143"/>
    <col min="61" max="61" width="7.21875" style="143" customWidth="1"/>
    <col min="62" max="71" width="9" style="143"/>
    <col min="72" max="72" width="7.33203125" style="143" customWidth="1"/>
    <col min="73" max="82" width="9" style="143"/>
    <col min="83" max="83" width="7.44140625" style="143" customWidth="1"/>
    <col min="84" max="93" width="9" style="143"/>
    <col min="94" max="94" width="7.6640625" style="143" customWidth="1"/>
    <col min="95" max="104" width="9" style="143"/>
    <col min="105" max="105" width="7.44140625" style="143" customWidth="1"/>
    <col min="106" max="115" width="9" style="143"/>
    <col min="116" max="116" width="7.44140625" style="143" customWidth="1"/>
    <col min="117" max="126" width="9" style="143"/>
    <col min="127" max="127" width="7.44140625" style="143" customWidth="1"/>
    <col min="128" max="137" width="9" style="143"/>
    <col min="138" max="138" width="7.33203125" style="143" customWidth="1"/>
    <col min="139" max="148" width="9" style="143"/>
    <col min="149" max="149" width="7.77734375" style="143" customWidth="1"/>
    <col min="150" max="16384" width="9" style="143"/>
  </cols>
  <sheetData>
    <row r="1" spans="2:156" ht="24" customHeight="1" x14ac:dyDescent="0.2">
      <c r="B1" s="142" t="s">
        <v>120</v>
      </c>
      <c r="I1" s="442">
        <f>第１表!F2</f>
        <v>6</v>
      </c>
      <c r="J1" s="442"/>
      <c r="K1" s="18">
        <f>第１表!G2</f>
        <v>10</v>
      </c>
      <c r="L1" s="459">
        <f>IF(K1&lt;3,K1+12-2,K1-2)</f>
        <v>8</v>
      </c>
      <c r="M1" s="459"/>
    </row>
    <row r="2" spans="2:156" ht="24" customHeight="1" thickBot="1" x14ac:dyDescent="0.25">
      <c r="B2" s="142" t="s">
        <v>128</v>
      </c>
      <c r="G2" s="17"/>
      <c r="H2" s="18"/>
      <c r="J2" s="68"/>
      <c r="K2" s="68"/>
    </row>
    <row r="3" spans="2:156" ht="21" customHeight="1" thickBot="1" x14ac:dyDescent="0.25">
      <c r="B3" s="460"/>
      <c r="C3" s="450" t="s">
        <v>70</v>
      </c>
      <c r="D3" s="451"/>
      <c r="E3" s="451"/>
      <c r="F3" s="451"/>
      <c r="G3" s="451"/>
      <c r="H3" s="451"/>
      <c r="I3" s="451"/>
      <c r="J3" s="451"/>
      <c r="K3" s="451"/>
      <c r="L3" s="451"/>
      <c r="M3" s="452"/>
      <c r="N3" s="450" t="s">
        <v>71</v>
      </c>
      <c r="O3" s="451"/>
      <c r="P3" s="451"/>
      <c r="Q3" s="451"/>
      <c r="R3" s="451"/>
      <c r="S3" s="451"/>
      <c r="T3" s="451"/>
      <c r="U3" s="451"/>
      <c r="V3" s="451"/>
      <c r="W3" s="451"/>
      <c r="X3" s="452"/>
      <c r="Y3" s="450" t="s">
        <v>72</v>
      </c>
      <c r="Z3" s="451"/>
      <c r="AA3" s="451"/>
      <c r="AB3" s="451"/>
      <c r="AC3" s="451"/>
      <c r="AD3" s="451"/>
      <c r="AE3" s="451"/>
      <c r="AF3" s="451"/>
      <c r="AG3" s="451"/>
      <c r="AH3" s="451"/>
      <c r="AI3" s="452"/>
      <c r="AJ3" s="450" t="s">
        <v>73</v>
      </c>
      <c r="AK3" s="451"/>
      <c r="AL3" s="451"/>
      <c r="AM3" s="451"/>
      <c r="AN3" s="451"/>
      <c r="AO3" s="451"/>
      <c r="AP3" s="451"/>
      <c r="AQ3" s="451"/>
      <c r="AR3" s="451"/>
      <c r="AS3" s="451"/>
      <c r="AT3" s="452"/>
      <c r="AU3" s="450" t="s">
        <v>74</v>
      </c>
      <c r="AV3" s="451"/>
      <c r="AW3" s="451"/>
      <c r="AX3" s="451"/>
      <c r="AY3" s="451"/>
      <c r="AZ3" s="451"/>
      <c r="BA3" s="451"/>
      <c r="BB3" s="451"/>
      <c r="BC3" s="451"/>
      <c r="BD3" s="451"/>
      <c r="BE3" s="452"/>
      <c r="BF3" s="450" t="s">
        <v>75</v>
      </c>
      <c r="BG3" s="451"/>
      <c r="BH3" s="451"/>
      <c r="BI3" s="451"/>
      <c r="BJ3" s="451"/>
      <c r="BK3" s="451"/>
      <c r="BL3" s="451"/>
      <c r="BM3" s="451"/>
      <c r="BN3" s="451"/>
      <c r="BO3" s="451"/>
      <c r="BP3" s="452"/>
      <c r="BQ3" s="450" t="s">
        <v>76</v>
      </c>
      <c r="BR3" s="451"/>
      <c r="BS3" s="451"/>
      <c r="BT3" s="451"/>
      <c r="BU3" s="451"/>
      <c r="BV3" s="451"/>
      <c r="BW3" s="451"/>
      <c r="BX3" s="451"/>
      <c r="BY3" s="451"/>
      <c r="BZ3" s="451"/>
      <c r="CA3" s="452"/>
      <c r="CB3" s="450" t="s">
        <v>77</v>
      </c>
      <c r="CC3" s="451"/>
      <c r="CD3" s="451"/>
      <c r="CE3" s="451"/>
      <c r="CF3" s="451"/>
      <c r="CG3" s="451"/>
      <c r="CH3" s="451"/>
      <c r="CI3" s="451"/>
      <c r="CJ3" s="451"/>
      <c r="CK3" s="451"/>
      <c r="CL3" s="452"/>
      <c r="CM3" s="450" t="s">
        <v>78</v>
      </c>
      <c r="CN3" s="451"/>
      <c r="CO3" s="451"/>
      <c r="CP3" s="451"/>
      <c r="CQ3" s="451"/>
      <c r="CR3" s="451"/>
      <c r="CS3" s="451"/>
      <c r="CT3" s="451"/>
      <c r="CU3" s="451"/>
      <c r="CV3" s="451"/>
      <c r="CW3" s="452"/>
      <c r="CX3" s="450" t="s">
        <v>79</v>
      </c>
      <c r="CY3" s="451"/>
      <c r="CZ3" s="451"/>
      <c r="DA3" s="451"/>
      <c r="DB3" s="451"/>
      <c r="DC3" s="451"/>
      <c r="DD3" s="451"/>
      <c r="DE3" s="451"/>
      <c r="DF3" s="451"/>
      <c r="DG3" s="451"/>
      <c r="DH3" s="452"/>
      <c r="DI3" s="450" t="s">
        <v>149</v>
      </c>
      <c r="DJ3" s="451"/>
      <c r="DK3" s="451"/>
      <c r="DL3" s="451"/>
      <c r="DM3" s="451"/>
      <c r="DN3" s="451"/>
      <c r="DO3" s="451"/>
      <c r="DP3" s="451"/>
      <c r="DQ3" s="451"/>
      <c r="DR3" s="451"/>
      <c r="DS3" s="452"/>
      <c r="DT3" s="450" t="s">
        <v>80</v>
      </c>
      <c r="DU3" s="451"/>
      <c r="DV3" s="451"/>
      <c r="DW3" s="451"/>
      <c r="DX3" s="451"/>
      <c r="DY3" s="451"/>
      <c r="DZ3" s="451"/>
      <c r="EA3" s="451"/>
      <c r="EB3" s="451"/>
      <c r="EC3" s="451"/>
      <c r="ED3" s="452"/>
      <c r="EE3" s="450" t="s">
        <v>68</v>
      </c>
      <c r="EF3" s="451"/>
      <c r="EG3" s="451"/>
      <c r="EH3" s="451"/>
      <c r="EI3" s="451"/>
      <c r="EJ3" s="451"/>
      <c r="EK3" s="451"/>
      <c r="EL3" s="451"/>
      <c r="EM3" s="451"/>
      <c r="EN3" s="451"/>
      <c r="EO3" s="452"/>
      <c r="EP3" s="447" t="s">
        <v>69</v>
      </c>
      <c r="EQ3" s="448"/>
      <c r="ER3" s="448"/>
      <c r="ES3" s="448"/>
      <c r="ET3" s="448"/>
      <c r="EU3" s="448"/>
      <c r="EV3" s="448"/>
      <c r="EW3" s="448"/>
      <c r="EX3" s="448"/>
      <c r="EY3" s="448"/>
      <c r="EZ3" s="449"/>
    </row>
    <row r="4" spans="2:156" ht="21" customHeight="1" x14ac:dyDescent="0.2">
      <c r="B4" s="461"/>
      <c r="C4" s="458" t="s">
        <v>61</v>
      </c>
      <c r="D4" s="454"/>
      <c r="E4" s="455"/>
      <c r="F4" s="453" t="s">
        <v>62</v>
      </c>
      <c r="G4" s="454"/>
      <c r="H4" s="454"/>
      <c r="I4" s="454"/>
      <c r="J4" s="454"/>
      <c r="K4" s="454"/>
      <c r="L4" s="463"/>
      <c r="M4" s="456" t="s">
        <v>52</v>
      </c>
      <c r="N4" s="458" t="s">
        <v>61</v>
      </c>
      <c r="O4" s="454"/>
      <c r="P4" s="455"/>
      <c r="Q4" s="453" t="s">
        <v>62</v>
      </c>
      <c r="R4" s="454"/>
      <c r="S4" s="454"/>
      <c r="T4" s="454"/>
      <c r="U4" s="454"/>
      <c r="V4" s="454"/>
      <c r="W4" s="455"/>
      <c r="X4" s="456" t="s">
        <v>52</v>
      </c>
      <c r="Y4" s="458" t="s">
        <v>61</v>
      </c>
      <c r="Z4" s="454"/>
      <c r="AA4" s="455"/>
      <c r="AB4" s="453" t="s">
        <v>62</v>
      </c>
      <c r="AC4" s="454"/>
      <c r="AD4" s="454"/>
      <c r="AE4" s="454"/>
      <c r="AF4" s="454"/>
      <c r="AG4" s="454"/>
      <c r="AH4" s="455"/>
      <c r="AI4" s="456" t="s">
        <v>52</v>
      </c>
      <c r="AJ4" s="458" t="s">
        <v>61</v>
      </c>
      <c r="AK4" s="454"/>
      <c r="AL4" s="455"/>
      <c r="AM4" s="453" t="s">
        <v>62</v>
      </c>
      <c r="AN4" s="454"/>
      <c r="AO4" s="454"/>
      <c r="AP4" s="454"/>
      <c r="AQ4" s="454"/>
      <c r="AR4" s="454"/>
      <c r="AS4" s="455"/>
      <c r="AT4" s="456" t="s">
        <v>52</v>
      </c>
      <c r="AU4" s="458" t="s">
        <v>61</v>
      </c>
      <c r="AV4" s="454"/>
      <c r="AW4" s="455"/>
      <c r="AX4" s="453" t="s">
        <v>62</v>
      </c>
      <c r="AY4" s="454"/>
      <c r="AZ4" s="454"/>
      <c r="BA4" s="454"/>
      <c r="BB4" s="454"/>
      <c r="BC4" s="454"/>
      <c r="BD4" s="463"/>
      <c r="BE4" s="456" t="s">
        <v>52</v>
      </c>
      <c r="BF4" s="458" t="s">
        <v>61</v>
      </c>
      <c r="BG4" s="454"/>
      <c r="BH4" s="455"/>
      <c r="BI4" s="453" t="s">
        <v>62</v>
      </c>
      <c r="BJ4" s="454"/>
      <c r="BK4" s="454"/>
      <c r="BL4" s="454"/>
      <c r="BM4" s="454"/>
      <c r="BN4" s="454"/>
      <c r="BO4" s="455"/>
      <c r="BP4" s="456" t="s">
        <v>52</v>
      </c>
      <c r="BQ4" s="458" t="s">
        <v>61</v>
      </c>
      <c r="BR4" s="454"/>
      <c r="BS4" s="455"/>
      <c r="BT4" s="453" t="s">
        <v>62</v>
      </c>
      <c r="BU4" s="454"/>
      <c r="BV4" s="454"/>
      <c r="BW4" s="454"/>
      <c r="BX4" s="454"/>
      <c r="BY4" s="454"/>
      <c r="BZ4" s="455"/>
      <c r="CA4" s="456" t="s">
        <v>52</v>
      </c>
      <c r="CB4" s="458" t="s">
        <v>61</v>
      </c>
      <c r="CC4" s="454"/>
      <c r="CD4" s="455"/>
      <c r="CE4" s="453" t="s">
        <v>62</v>
      </c>
      <c r="CF4" s="454"/>
      <c r="CG4" s="454"/>
      <c r="CH4" s="454"/>
      <c r="CI4" s="454"/>
      <c r="CJ4" s="454"/>
      <c r="CK4" s="455"/>
      <c r="CL4" s="456" t="s">
        <v>52</v>
      </c>
      <c r="CM4" s="458" t="s">
        <v>61</v>
      </c>
      <c r="CN4" s="454"/>
      <c r="CO4" s="455"/>
      <c r="CP4" s="453" t="s">
        <v>62</v>
      </c>
      <c r="CQ4" s="454"/>
      <c r="CR4" s="454"/>
      <c r="CS4" s="454"/>
      <c r="CT4" s="454"/>
      <c r="CU4" s="454"/>
      <c r="CV4" s="455"/>
      <c r="CW4" s="456" t="s">
        <v>52</v>
      </c>
      <c r="CX4" s="458" t="s">
        <v>61</v>
      </c>
      <c r="CY4" s="454"/>
      <c r="CZ4" s="455"/>
      <c r="DA4" s="453" t="s">
        <v>62</v>
      </c>
      <c r="DB4" s="454"/>
      <c r="DC4" s="454"/>
      <c r="DD4" s="454"/>
      <c r="DE4" s="454"/>
      <c r="DF4" s="454"/>
      <c r="DG4" s="455"/>
      <c r="DH4" s="456" t="s">
        <v>52</v>
      </c>
      <c r="DI4" s="458" t="s">
        <v>61</v>
      </c>
      <c r="DJ4" s="454"/>
      <c r="DK4" s="455"/>
      <c r="DL4" s="453" t="s">
        <v>62</v>
      </c>
      <c r="DM4" s="454"/>
      <c r="DN4" s="454"/>
      <c r="DO4" s="454"/>
      <c r="DP4" s="454"/>
      <c r="DQ4" s="454"/>
      <c r="DR4" s="455"/>
      <c r="DS4" s="456" t="s">
        <v>52</v>
      </c>
      <c r="DT4" s="458" t="s">
        <v>61</v>
      </c>
      <c r="DU4" s="454"/>
      <c r="DV4" s="455"/>
      <c r="DW4" s="453" t="s">
        <v>62</v>
      </c>
      <c r="DX4" s="454"/>
      <c r="DY4" s="454"/>
      <c r="DZ4" s="454"/>
      <c r="EA4" s="454"/>
      <c r="EB4" s="454"/>
      <c r="EC4" s="455"/>
      <c r="ED4" s="456" t="s">
        <v>52</v>
      </c>
      <c r="EE4" s="458" t="s">
        <v>61</v>
      </c>
      <c r="EF4" s="454"/>
      <c r="EG4" s="455"/>
      <c r="EH4" s="453" t="s">
        <v>62</v>
      </c>
      <c r="EI4" s="454"/>
      <c r="EJ4" s="454"/>
      <c r="EK4" s="454"/>
      <c r="EL4" s="454"/>
      <c r="EM4" s="454"/>
      <c r="EN4" s="455"/>
      <c r="EO4" s="456" t="s">
        <v>52</v>
      </c>
      <c r="EP4" s="458" t="s">
        <v>61</v>
      </c>
      <c r="EQ4" s="454"/>
      <c r="ER4" s="455"/>
      <c r="ES4" s="453" t="s">
        <v>62</v>
      </c>
      <c r="ET4" s="454"/>
      <c r="EU4" s="454"/>
      <c r="EV4" s="454"/>
      <c r="EW4" s="454"/>
      <c r="EX4" s="454"/>
      <c r="EY4" s="455"/>
      <c r="EZ4" s="456" t="s">
        <v>52</v>
      </c>
    </row>
    <row r="5" spans="2:156" ht="30" customHeight="1" thickBot="1" x14ac:dyDescent="0.25">
      <c r="B5" s="462"/>
      <c r="C5" s="144" t="s">
        <v>43</v>
      </c>
      <c r="D5" s="145" t="s">
        <v>44</v>
      </c>
      <c r="E5" s="146" t="s">
        <v>45</v>
      </c>
      <c r="F5" s="147" t="s">
        <v>83</v>
      </c>
      <c r="G5" s="145" t="s">
        <v>47</v>
      </c>
      <c r="H5" s="145" t="s">
        <v>48</v>
      </c>
      <c r="I5" s="145" t="s">
        <v>49</v>
      </c>
      <c r="J5" s="145" t="s">
        <v>50</v>
      </c>
      <c r="K5" s="145" t="s">
        <v>51</v>
      </c>
      <c r="L5" s="148" t="s">
        <v>45</v>
      </c>
      <c r="M5" s="457"/>
      <c r="N5" s="144" t="s">
        <v>43</v>
      </c>
      <c r="O5" s="145" t="s">
        <v>44</v>
      </c>
      <c r="P5" s="149" t="s">
        <v>45</v>
      </c>
      <c r="Q5" s="147" t="s">
        <v>83</v>
      </c>
      <c r="R5" s="145" t="s">
        <v>47</v>
      </c>
      <c r="S5" s="145" t="s">
        <v>48</v>
      </c>
      <c r="T5" s="145" t="s">
        <v>49</v>
      </c>
      <c r="U5" s="145" t="s">
        <v>50</v>
      </c>
      <c r="V5" s="145" t="s">
        <v>51</v>
      </c>
      <c r="W5" s="149" t="s">
        <v>45</v>
      </c>
      <c r="X5" s="457"/>
      <c r="Y5" s="144" t="s">
        <v>43</v>
      </c>
      <c r="Z5" s="145" t="s">
        <v>44</v>
      </c>
      <c r="AA5" s="149" t="s">
        <v>45</v>
      </c>
      <c r="AB5" s="147" t="s">
        <v>83</v>
      </c>
      <c r="AC5" s="145" t="s">
        <v>47</v>
      </c>
      <c r="AD5" s="145" t="s">
        <v>48</v>
      </c>
      <c r="AE5" s="145" t="s">
        <v>49</v>
      </c>
      <c r="AF5" s="145" t="s">
        <v>50</v>
      </c>
      <c r="AG5" s="145" t="s">
        <v>51</v>
      </c>
      <c r="AH5" s="149" t="s">
        <v>45</v>
      </c>
      <c r="AI5" s="457"/>
      <c r="AJ5" s="144" t="s">
        <v>43</v>
      </c>
      <c r="AK5" s="145" t="s">
        <v>44</v>
      </c>
      <c r="AL5" s="149" t="s">
        <v>45</v>
      </c>
      <c r="AM5" s="147" t="s">
        <v>83</v>
      </c>
      <c r="AN5" s="145" t="s">
        <v>47</v>
      </c>
      <c r="AO5" s="145" t="s">
        <v>48</v>
      </c>
      <c r="AP5" s="145" t="s">
        <v>49</v>
      </c>
      <c r="AQ5" s="145" t="s">
        <v>50</v>
      </c>
      <c r="AR5" s="145" t="s">
        <v>51</v>
      </c>
      <c r="AS5" s="149" t="s">
        <v>45</v>
      </c>
      <c r="AT5" s="457"/>
      <c r="AU5" s="144" t="s">
        <v>43</v>
      </c>
      <c r="AV5" s="145" t="s">
        <v>44</v>
      </c>
      <c r="AW5" s="149" t="s">
        <v>45</v>
      </c>
      <c r="AX5" s="147" t="s">
        <v>83</v>
      </c>
      <c r="AY5" s="145" t="s">
        <v>47</v>
      </c>
      <c r="AZ5" s="145" t="s">
        <v>48</v>
      </c>
      <c r="BA5" s="145" t="s">
        <v>49</v>
      </c>
      <c r="BB5" s="145" t="s">
        <v>50</v>
      </c>
      <c r="BC5" s="145" t="s">
        <v>51</v>
      </c>
      <c r="BD5" s="148" t="s">
        <v>45</v>
      </c>
      <c r="BE5" s="457"/>
      <c r="BF5" s="144" t="s">
        <v>43</v>
      </c>
      <c r="BG5" s="145" t="s">
        <v>44</v>
      </c>
      <c r="BH5" s="149" t="s">
        <v>45</v>
      </c>
      <c r="BI5" s="147" t="s">
        <v>83</v>
      </c>
      <c r="BJ5" s="145" t="s">
        <v>47</v>
      </c>
      <c r="BK5" s="145" t="s">
        <v>48</v>
      </c>
      <c r="BL5" s="145" t="s">
        <v>49</v>
      </c>
      <c r="BM5" s="145" t="s">
        <v>50</v>
      </c>
      <c r="BN5" s="145" t="s">
        <v>51</v>
      </c>
      <c r="BO5" s="149" t="s">
        <v>45</v>
      </c>
      <c r="BP5" s="457"/>
      <c r="BQ5" s="144" t="s">
        <v>43</v>
      </c>
      <c r="BR5" s="145" t="s">
        <v>44</v>
      </c>
      <c r="BS5" s="149" t="s">
        <v>45</v>
      </c>
      <c r="BT5" s="147" t="s">
        <v>83</v>
      </c>
      <c r="BU5" s="145" t="s">
        <v>47</v>
      </c>
      <c r="BV5" s="145" t="s">
        <v>48</v>
      </c>
      <c r="BW5" s="145" t="s">
        <v>49</v>
      </c>
      <c r="BX5" s="145" t="s">
        <v>50</v>
      </c>
      <c r="BY5" s="145" t="s">
        <v>51</v>
      </c>
      <c r="BZ5" s="149" t="s">
        <v>45</v>
      </c>
      <c r="CA5" s="457"/>
      <c r="CB5" s="144" t="s">
        <v>43</v>
      </c>
      <c r="CC5" s="145" t="s">
        <v>44</v>
      </c>
      <c r="CD5" s="149" t="s">
        <v>45</v>
      </c>
      <c r="CE5" s="147" t="s">
        <v>83</v>
      </c>
      <c r="CF5" s="145" t="s">
        <v>47</v>
      </c>
      <c r="CG5" s="145" t="s">
        <v>48</v>
      </c>
      <c r="CH5" s="145" t="s">
        <v>49</v>
      </c>
      <c r="CI5" s="145" t="s">
        <v>50</v>
      </c>
      <c r="CJ5" s="145" t="s">
        <v>51</v>
      </c>
      <c r="CK5" s="149" t="s">
        <v>45</v>
      </c>
      <c r="CL5" s="457"/>
      <c r="CM5" s="144" t="s">
        <v>43</v>
      </c>
      <c r="CN5" s="145" t="s">
        <v>44</v>
      </c>
      <c r="CO5" s="149" t="s">
        <v>45</v>
      </c>
      <c r="CP5" s="147" t="s">
        <v>83</v>
      </c>
      <c r="CQ5" s="145" t="s">
        <v>47</v>
      </c>
      <c r="CR5" s="145" t="s">
        <v>48</v>
      </c>
      <c r="CS5" s="145" t="s">
        <v>49</v>
      </c>
      <c r="CT5" s="145" t="s">
        <v>50</v>
      </c>
      <c r="CU5" s="145" t="s">
        <v>51</v>
      </c>
      <c r="CV5" s="149" t="s">
        <v>45</v>
      </c>
      <c r="CW5" s="457"/>
      <c r="CX5" s="144" t="s">
        <v>43</v>
      </c>
      <c r="CY5" s="145" t="s">
        <v>44</v>
      </c>
      <c r="CZ5" s="149" t="s">
        <v>45</v>
      </c>
      <c r="DA5" s="147" t="s">
        <v>83</v>
      </c>
      <c r="DB5" s="145" t="s">
        <v>47</v>
      </c>
      <c r="DC5" s="145" t="s">
        <v>48</v>
      </c>
      <c r="DD5" s="145" t="s">
        <v>49</v>
      </c>
      <c r="DE5" s="145" t="s">
        <v>50</v>
      </c>
      <c r="DF5" s="145" t="s">
        <v>51</v>
      </c>
      <c r="DG5" s="149" t="s">
        <v>45</v>
      </c>
      <c r="DH5" s="457"/>
      <c r="DI5" s="144" t="s">
        <v>43</v>
      </c>
      <c r="DJ5" s="145" t="s">
        <v>44</v>
      </c>
      <c r="DK5" s="149" t="s">
        <v>45</v>
      </c>
      <c r="DL5" s="147" t="s">
        <v>83</v>
      </c>
      <c r="DM5" s="145" t="s">
        <v>47</v>
      </c>
      <c r="DN5" s="145" t="s">
        <v>48</v>
      </c>
      <c r="DO5" s="145" t="s">
        <v>49</v>
      </c>
      <c r="DP5" s="145" t="s">
        <v>50</v>
      </c>
      <c r="DQ5" s="145" t="s">
        <v>51</v>
      </c>
      <c r="DR5" s="149" t="s">
        <v>45</v>
      </c>
      <c r="DS5" s="457"/>
      <c r="DT5" s="144" t="s">
        <v>43</v>
      </c>
      <c r="DU5" s="145" t="s">
        <v>44</v>
      </c>
      <c r="DV5" s="149" t="s">
        <v>45</v>
      </c>
      <c r="DW5" s="147" t="s">
        <v>83</v>
      </c>
      <c r="DX5" s="145" t="s">
        <v>47</v>
      </c>
      <c r="DY5" s="145" t="s">
        <v>48</v>
      </c>
      <c r="DZ5" s="145" t="s">
        <v>49</v>
      </c>
      <c r="EA5" s="145" t="s">
        <v>50</v>
      </c>
      <c r="EB5" s="145" t="s">
        <v>51</v>
      </c>
      <c r="EC5" s="149" t="s">
        <v>45</v>
      </c>
      <c r="ED5" s="457"/>
      <c r="EE5" s="144" t="s">
        <v>43</v>
      </c>
      <c r="EF5" s="145" t="s">
        <v>44</v>
      </c>
      <c r="EG5" s="149" t="s">
        <v>45</v>
      </c>
      <c r="EH5" s="147" t="s">
        <v>83</v>
      </c>
      <c r="EI5" s="145" t="s">
        <v>47</v>
      </c>
      <c r="EJ5" s="145" t="s">
        <v>48</v>
      </c>
      <c r="EK5" s="145" t="s">
        <v>49</v>
      </c>
      <c r="EL5" s="145" t="s">
        <v>50</v>
      </c>
      <c r="EM5" s="145" t="s">
        <v>51</v>
      </c>
      <c r="EN5" s="149" t="s">
        <v>45</v>
      </c>
      <c r="EO5" s="457"/>
      <c r="EP5" s="144" t="s">
        <v>43</v>
      </c>
      <c r="EQ5" s="145" t="s">
        <v>44</v>
      </c>
      <c r="ER5" s="149" t="s">
        <v>45</v>
      </c>
      <c r="ES5" s="147" t="s">
        <v>83</v>
      </c>
      <c r="ET5" s="145" t="s">
        <v>47</v>
      </c>
      <c r="EU5" s="145" t="s">
        <v>48</v>
      </c>
      <c r="EV5" s="145" t="s">
        <v>49</v>
      </c>
      <c r="EW5" s="145" t="s">
        <v>50</v>
      </c>
      <c r="EX5" s="145" t="s">
        <v>51</v>
      </c>
      <c r="EY5" s="149" t="s">
        <v>45</v>
      </c>
      <c r="EZ5" s="457"/>
    </row>
    <row r="6" spans="2:156" ht="21" customHeight="1" x14ac:dyDescent="0.2">
      <c r="B6" s="150" t="s">
        <v>4</v>
      </c>
      <c r="C6" s="151">
        <v>0</v>
      </c>
      <c r="D6" s="152">
        <v>0</v>
      </c>
      <c r="E6" s="153">
        <v>0</v>
      </c>
      <c r="F6" s="154">
        <v>0</v>
      </c>
      <c r="G6" s="152">
        <v>1164</v>
      </c>
      <c r="H6" s="152">
        <v>1328</v>
      </c>
      <c r="I6" s="152">
        <v>717</v>
      </c>
      <c r="J6" s="152">
        <v>542</v>
      </c>
      <c r="K6" s="152">
        <v>377</v>
      </c>
      <c r="L6" s="155">
        <v>4128</v>
      </c>
      <c r="M6" s="156">
        <v>4128</v>
      </c>
      <c r="N6" s="151">
        <v>0</v>
      </c>
      <c r="O6" s="152">
        <v>2</v>
      </c>
      <c r="P6" s="157">
        <v>2</v>
      </c>
      <c r="Q6" s="154">
        <v>0</v>
      </c>
      <c r="R6" s="152">
        <v>6</v>
      </c>
      <c r="S6" s="152">
        <v>23</v>
      </c>
      <c r="T6" s="152">
        <v>47</v>
      </c>
      <c r="U6" s="152">
        <v>95</v>
      </c>
      <c r="V6" s="152">
        <v>163</v>
      </c>
      <c r="W6" s="157">
        <v>334</v>
      </c>
      <c r="X6" s="156">
        <v>336</v>
      </c>
      <c r="Y6" s="151">
        <v>208</v>
      </c>
      <c r="Z6" s="152">
        <v>473</v>
      </c>
      <c r="AA6" s="157">
        <v>681</v>
      </c>
      <c r="AB6" s="154">
        <v>0</v>
      </c>
      <c r="AC6" s="152">
        <v>916</v>
      </c>
      <c r="AD6" s="152">
        <v>1391</v>
      </c>
      <c r="AE6" s="152">
        <v>797</v>
      </c>
      <c r="AF6" s="152">
        <v>588</v>
      </c>
      <c r="AG6" s="152">
        <v>359</v>
      </c>
      <c r="AH6" s="157">
        <v>4051</v>
      </c>
      <c r="AI6" s="156">
        <v>4732</v>
      </c>
      <c r="AJ6" s="151">
        <v>22</v>
      </c>
      <c r="AK6" s="152">
        <v>55</v>
      </c>
      <c r="AL6" s="157">
        <v>77</v>
      </c>
      <c r="AM6" s="154">
        <v>0</v>
      </c>
      <c r="AN6" s="152">
        <v>96</v>
      </c>
      <c r="AO6" s="152">
        <v>106</v>
      </c>
      <c r="AP6" s="152">
        <v>70</v>
      </c>
      <c r="AQ6" s="152">
        <v>62</v>
      </c>
      <c r="AR6" s="152">
        <v>30</v>
      </c>
      <c r="AS6" s="157">
        <v>364</v>
      </c>
      <c r="AT6" s="156">
        <v>441</v>
      </c>
      <c r="AU6" s="151">
        <v>298</v>
      </c>
      <c r="AV6" s="152">
        <v>386</v>
      </c>
      <c r="AW6" s="157">
        <v>684</v>
      </c>
      <c r="AX6" s="154">
        <v>0</v>
      </c>
      <c r="AY6" s="152">
        <v>1467</v>
      </c>
      <c r="AZ6" s="152">
        <v>1809</v>
      </c>
      <c r="BA6" s="152">
        <v>1468</v>
      </c>
      <c r="BB6" s="152">
        <v>1355</v>
      </c>
      <c r="BC6" s="152">
        <v>840</v>
      </c>
      <c r="BD6" s="155">
        <v>6939</v>
      </c>
      <c r="BE6" s="156">
        <v>7623</v>
      </c>
      <c r="BF6" s="151">
        <v>0</v>
      </c>
      <c r="BG6" s="152">
        <v>0</v>
      </c>
      <c r="BH6" s="157">
        <v>0</v>
      </c>
      <c r="BI6" s="154">
        <v>0</v>
      </c>
      <c r="BJ6" s="152">
        <v>1649</v>
      </c>
      <c r="BK6" s="152">
        <v>1444</v>
      </c>
      <c r="BL6" s="152">
        <v>720</v>
      </c>
      <c r="BM6" s="152">
        <v>346</v>
      </c>
      <c r="BN6" s="152">
        <v>149</v>
      </c>
      <c r="BO6" s="157">
        <v>4308</v>
      </c>
      <c r="BP6" s="156">
        <v>4308</v>
      </c>
      <c r="BQ6" s="151">
        <v>142</v>
      </c>
      <c r="BR6" s="152">
        <v>195</v>
      </c>
      <c r="BS6" s="157">
        <v>337</v>
      </c>
      <c r="BT6" s="154">
        <v>0</v>
      </c>
      <c r="BU6" s="152">
        <v>388</v>
      </c>
      <c r="BV6" s="152">
        <v>509</v>
      </c>
      <c r="BW6" s="152">
        <v>293</v>
      </c>
      <c r="BX6" s="152">
        <v>156</v>
      </c>
      <c r="BY6" s="152">
        <v>52</v>
      </c>
      <c r="BZ6" s="157">
        <v>1398</v>
      </c>
      <c r="CA6" s="156">
        <v>1735</v>
      </c>
      <c r="CB6" s="151">
        <v>8</v>
      </c>
      <c r="CC6" s="152">
        <v>21</v>
      </c>
      <c r="CD6" s="157">
        <v>29</v>
      </c>
      <c r="CE6" s="154">
        <v>0</v>
      </c>
      <c r="CF6" s="152">
        <v>194</v>
      </c>
      <c r="CG6" s="152">
        <v>262</v>
      </c>
      <c r="CH6" s="152">
        <v>289</v>
      </c>
      <c r="CI6" s="152">
        <v>193</v>
      </c>
      <c r="CJ6" s="152">
        <v>94</v>
      </c>
      <c r="CK6" s="157">
        <v>1032</v>
      </c>
      <c r="CL6" s="156">
        <v>1061</v>
      </c>
      <c r="CM6" s="151">
        <v>0</v>
      </c>
      <c r="CN6" s="152">
        <v>1</v>
      </c>
      <c r="CO6" s="157">
        <v>1</v>
      </c>
      <c r="CP6" s="154">
        <v>0</v>
      </c>
      <c r="CQ6" s="152">
        <v>14</v>
      </c>
      <c r="CR6" s="152">
        <v>46</v>
      </c>
      <c r="CS6" s="152">
        <v>48</v>
      </c>
      <c r="CT6" s="152">
        <v>45</v>
      </c>
      <c r="CU6" s="152">
        <v>18</v>
      </c>
      <c r="CV6" s="157">
        <v>171</v>
      </c>
      <c r="CW6" s="156">
        <v>172</v>
      </c>
      <c r="CX6" s="151">
        <v>0</v>
      </c>
      <c r="CY6" s="152">
        <v>0</v>
      </c>
      <c r="CZ6" s="157">
        <v>0</v>
      </c>
      <c r="DA6" s="154">
        <v>0</v>
      </c>
      <c r="DB6" s="152">
        <v>0</v>
      </c>
      <c r="DC6" s="152">
        <v>0</v>
      </c>
      <c r="DD6" s="152">
        <v>0</v>
      </c>
      <c r="DE6" s="152">
        <v>0</v>
      </c>
      <c r="DF6" s="152">
        <v>0</v>
      </c>
      <c r="DG6" s="157">
        <v>0</v>
      </c>
      <c r="DH6" s="156">
        <v>0</v>
      </c>
      <c r="DI6" s="151">
        <v>0</v>
      </c>
      <c r="DJ6" s="152">
        <v>0</v>
      </c>
      <c r="DK6" s="157">
        <v>0</v>
      </c>
      <c r="DL6" s="154">
        <v>0</v>
      </c>
      <c r="DM6" s="152">
        <v>0</v>
      </c>
      <c r="DN6" s="152">
        <v>0</v>
      </c>
      <c r="DO6" s="152">
        <v>0</v>
      </c>
      <c r="DP6" s="152">
        <v>0</v>
      </c>
      <c r="DQ6" s="152">
        <v>0</v>
      </c>
      <c r="DR6" s="157">
        <v>0</v>
      </c>
      <c r="DS6" s="156">
        <v>0</v>
      </c>
      <c r="DT6" s="151">
        <v>639</v>
      </c>
      <c r="DU6" s="152">
        <v>1369</v>
      </c>
      <c r="DV6" s="157">
        <v>2008</v>
      </c>
      <c r="DW6" s="154">
        <v>0</v>
      </c>
      <c r="DX6" s="152">
        <v>1790</v>
      </c>
      <c r="DY6" s="152">
        <v>3134</v>
      </c>
      <c r="DZ6" s="152">
        <v>1713</v>
      </c>
      <c r="EA6" s="152">
        <v>1213</v>
      </c>
      <c r="EB6" s="152">
        <v>693</v>
      </c>
      <c r="EC6" s="157">
        <v>8543</v>
      </c>
      <c r="ED6" s="156">
        <v>10551</v>
      </c>
      <c r="EE6" s="151">
        <v>182</v>
      </c>
      <c r="EF6" s="152">
        <v>125</v>
      </c>
      <c r="EG6" s="157">
        <v>307</v>
      </c>
      <c r="EH6" s="154">
        <v>0</v>
      </c>
      <c r="EI6" s="152">
        <v>598</v>
      </c>
      <c r="EJ6" s="152">
        <v>568</v>
      </c>
      <c r="EK6" s="152">
        <v>432</v>
      </c>
      <c r="EL6" s="152">
        <v>495</v>
      </c>
      <c r="EM6" s="152">
        <v>231</v>
      </c>
      <c r="EN6" s="157">
        <v>2324</v>
      </c>
      <c r="EO6" s="156">
        <v>2631</v>
      </c>
      <c r="EP6" s="151">
        <v>988</v>
      </c>
      <c r="EQ6" s="152">
        <v>1852</v>
      </c>
      <c r="ER6" s="157">
        <v>2840</v>
      </c>
      <c r="ES6" s="154">
        <v>0</v>
      </c>
      <c r="ET6" s="152">
        <v>4418</v>
      </c>
      <c r="EU6" s="152">
        <v>4479</v>
      </c>
      <c r="EV6" s="152">
        <v>2198</v>
      </c>
      <c r="EW6" s="152">
        <v>1359</v>
      </c>
      <c r="EX6" s="152">
        <v>735</v>
      </c>
      <c r="EY6" s="157">
        <v>13189</v>
      </c>
      <c r="EZ6" s="156">
        <v>16029</v>
      </c>
    </row>
    <row r="7" spans="2:156" ht="21" customHeight="1" x14ac:dyDescent="0.2">
      <c r="B7" s="158" t="s">
        <v>5</v>
      </c>
      <c r="C7" s="159">
        <v>0</v>
      </c>
      <c r="D7" s="160">
        <v>0</v>
      </c>
      <c r="E7" s="161">
        <v>0</v>
      </c>
      <c r="F7" s="162">
        <v>0</v>
      </c>
      <c r="G7" s="160">
        <v>455</v>
      </c>
      <c r="H7" s="160">
        <v>664</v>
      </c>
      <c r="I7" s="160">
        <v>358</v>
      </c>
      <c r="J7" s="160">
        <v>247</v>
      </c>
      <c r="K7" s="160">
        <v>168</v>
      </c>
      <c r="L7" s="163">
        <v>1892</v>
      </c>
      <c r="M7" s="164">
        <v>1892</v>
      </c>
      <c r="N7" s="159">
        <v>0</v>
      </c>
      <c r="O7" s="160">
        <v>2</v>
      </c>
      <c r="P7" s="165">
        <v>2</v>
      </c>
      <c r="Q7" s="162">
        <v>0</v>
      </c>
      <c r="R7" s="160">
        <v>4</v>
      </c>
      <c r="S7" s="160">
        <v>9</v>
      </c>
      <c r="T7" s="160">
        <v>20</v>
      </c>
      <c r="U7" s="160">
        <v>49</v>
      </c>
      <c r="V7" s="160">
        <v>75</v>
      </c>
      <c r="W7" s="165">
        <v>157</v>
      </c>
      <c r="X7" s="164">
        <v>159</v>
      </c>
      <c r="Y7" s="159">
        <v>86</v>
      </c>
      <c r="Z7" s="160">
        <v>281</v>
      </c>
      <c r="AA7" s="165">
        <v>367</v>
      </c>
      <c r="AB7" s="162">
        <v>0</v>
      </c>
      <c r="AC7" s="160">
        <v>369</v>
      </c>
      <c r="AD7" s="160">
        <v>738</v>
      </c>
      <c r="AE7" s="160">
        <v>422</v>
      </c>
      <c r="AF7" s="160">
        <v>284</v>
      </c>
      <c r="AG7" s="160">
        <v>162</v>
      </c>
      <c r="AH7" s="165">
        <v>1975</v>
      </c>
      <c r="AI7" s="164">
        <v>2342</v>
      </c>
      <c r="AJ7" s="159">
        <v>7</v>
      </c>
      <c r="AK7" s="160">
        <v>27</v>
      </c>
      <c r="AL7" s="165">
        <v>34</v>
      </c>
      <c r="AM7" s="162">
        <v>0</v>
      </c>
      <c r="AN7" s="160">
        <v>28</v>
      </c>
      <c r="AO7" s="160">
        <v>40</v>
      </c>
      <c r="AP7" s="160">
        <v>34</v>
      </c>
      <c r="AQ7" s="160">
        <v>24</v>
      </c>
      <c r="AR7" s="160">
        <v>13</v>
      </c>
      <c r="AS7" s="165">
        <v>139</v>
      </c>
      <c r="AT7" s="164">
        <v>173</v>
      </c>
      <c r="AU7" s="159">
        <v>118</v>
      </c>
      <c r="AV7" s="160">
        <v>209</v>
      </c>
      <c r="AW7" s="165">
        <v>327</v>
      </c>
      <c r="AX7" s="162">
        <v>0</v>
      </c>
      <c r="AY7" s="160">
        <v>553</v>
      </c>
      <c r="AZ7" s="160">
        <v>840</v>
      </c>
      <c r="BA7" s="160">
        <v>643</v>
      </c>
      <c r="BB7" s="160">
        <v>588</v>
      </c>
      <c r="BC7" s="160">
        <v>375</v>
      </c>
      <c r="BD7" s="163">
        <v>2999</v>
      </c>
      <c r="BE7" s="164">
        <v>3326</v>
      </c>
      <c r="BF7" s="159">
        <v>0</v>
      </c>
      <c r="BG7" s="160">
        <v>0</v>
      </c>
      <c r="BH7" s="165">
        <v>0</v>
      </c>
      <c r="BI7" s="162">
        <v>0</v>
      </c>
      <c r="BJ7" s="160">
        <v>585</v>
      </c>
      <c r="BK7" s="160">
        <v>615</v>
      </c>
      <c r="BL7" s="160">
        <v>297</v>
      </c>
      <c r="BM7" s="160">
        <v>127</v>
      </c>
      <c r="BN7" s="160">
        <v>68</v>
      </c>
      <c r="BO7" s="165">
        <v>1692</v>
      </c>
      <c r="BP7" s="164">
        <v>1692</v>
      </c>
      <c r="BQ7" s="159">
        <v>71</v>
      </c>
      <c r="BR7" s="160">
        <v>96</v>
      </c>
      <c r="BS7" s="165">
        <v>167</v>
      </c>
      <c r="BT7" s="162">
        <v>0</v>
      </c>
      <c r="BU7" s="160">
        <v>145</v>
      </c>
      <c r="BV7" s="160">
        <v>239</v>
      </c>
      <c r="BW7" s="160">
        <v>154</v>
      </c>
      <c r="BX7" s="160">
        <v>70</v>
      </c>
      <c r="BY7" s="160">
        <v>22</v>
      </c>
      <c r="BZ7" s="165">
        <v>630</v>
      </c>
      <c r="CA7" s="164">
        <v>797</v>
      </c>
      <c r="CB7" s="159">
        <v>2</v>
      </c>
      <c r="CC7" s="160">
        <v>10</v>
      </c>
      <c r="CD7" s="165">
        <v>12</v>
      </c>
      <c r="CE7" s="162">
        <v>0</v>
      </c>
      <c r="CF7" s="160">
        <v>68</v>
      </c>
      <c r="CG7" s="160">
        <v>105</v>
      </c>
      <c r="CH7" s="160">
        <v>134</v>
      </c>
      <c r="CI7" s="160">
        <v>82</v>
      </c>
      <c r="CJ7" s="160">
        <v>35</v>
      </c>
      <c r="CK7" s="165">
        <v>424</v>
      </c>
      <c r="CL7" s="164">
        <v>436</v>
      </c>
      <c r="CM7" s="159">
        <v>0</v>
      </c>
      <c r="CN7" s="160">
        <v>1</v>
      </c>
      <c r="CO7" s="165">
        <v>1</v>
      </c>
      <c r="CP7" s="162">
        <v>0</v>
      </c>
      <c r="CQ7" s="160">
        <v>5</v>
      </c>
      <c r="CR7" s="160">
        <v>24</v>
      </c>
      <c r="CS7" s="160">
        <v>22</v>
      </c>
      <c r="CT7" s="160">
        <v>25</v>
      </c>
      <c r="CU7" s="160">
        <v>11</v>
      </c>
      <c r="CV7" s="165">
        <v>87</v>
      </c>
      <c r="CW7" s="164">
        <v>88</v>
      </c>
      <c r="CX7" s="159">
        <v>0</v>
      </c>
      <c r="CY7" s="160">
        <v>0</v>
      </c>
      <c r="CZ7" s="165">
        <v>0</v>
      </c>
      <c r="DA7" s="162">
        <v>0</v>
      </c>
      <c r="DB7" s="160">
        <v>0</v>
      </c>
      <c r="DC7" s="160">
        <v>0</v>
      </c>
      <c r="DD7" s="160">
        <v>0</v>
      </c>
      <c r="DE7" s="160">
        <v>0</v>
      </c>
      <c r="DF7" s="160">
        <v>0</v>
      </c>
      <c r="DG7" s="165">
        <v>0</v>
      </c>
      <c r="DH7" s="164">
        <v>0</v>
      </c>
      <c r="DI7" s="159">
        <v>0</v>
      </c>
      <c r="DJ7" s="160">
        <v>0</v>
      </c>
      <c r="DK7" s="165">
        <v>0</v>
      </c>
      <c r="DL7" s="162">
        <v>0</v>
      </c>
      <c r="DM7" s="160">
        <v>0</v>
      </c>
      <c r="DN7" s="160">
        <v>0</v>
      </c>
      <c r="DO7" s="160">
        <v>0</v>
      </c>
      <c r="DP7" s="160">
        <v>0</v>
      </c>
      <c r="DQ7" s="160">
        <v>0</v>
      </c>
      <c r="DR7" s="165">
        <v>0</v>
      </c>
      <c r="DS7" s="164">
        <v>0</v>
      </c>
      <c r="DT7" s="159">
        <v>215</v>
      </c>
      <c r="DU7" s="160">
        <v>651</v>
      </c>
      <c r="DV7" s="165">
        <v>866</v>
      </c>
      <c r="DW7" s="162">
        <v>0</v>
      </c>
      <c r="DX7" s="160">
        <v>575</v>
      </c>
      <c r="DY7" s="160">
        <v>1471</v>
      </c>
      <c r="DZ7" s="160">
        <v>801</v>
      </c>
      <c r="EA7" s="160">
        <v>519</v>
      </c>
      <c r="EB7" s="160">
        <v>301</v>
      </c>
      <c r="EC7" s="165">
        <v>3667</v>
      </c>
      <c r="ED7" s="164">
        <v>4533</v>
      </c>
      <c r="EE7" s="159">
        <v>74</v>
      </c>
      <c r="EF7" s="160">
        <v>63</v>
      </c>
      <c r="EG7" s="165">
        <v>137</v>
      </c>
      <c r="EH7" s="162">
        <v>0</v>
      </c>
      <c r="EI7" s="160">
        <v>220</v>
      </c>
      <c r="EJ7" s="160">
        <v>270</v>
      </c>
      <c r="EK7" s="160">
        <v>195</v>
      </c>
      <c r="EL7" s="160">
        <v>223</v>
      </c>
      <c r="EM7" s="160">
        <v>104</v>
      </c>
      <c r="EN7" s="165">
        <v>1012</v>
      </c>
      <c r="EO7" s="164">
        <v>1149</v>
      </c>
      <c r="EP7" s="159">
        <v>373</v>
      </c>
      <c r="EQ7" s="160">
        <v>913</v>
      </c>
      <c r="ER7" s="165">
        <v>1286</v>
      </c>
      <c r="ES7" s="162">
        <v>0</v>
      </c>
      <c r="ET7" s="160">
        <v>1595</v>
      </c>
      <c r="EU7" s="160">
        <v>2120</v>
      </c>
      <c r="EV7" s="160">
        <v>1027</v>
      </c>
      <c r="EW7" s="160">
        <v>612</v>
      </c>
      <c r="EX7" s="160">
        <v>332</v>
      </c>
      <c r="EY7" s="165">
        <v>5686</v>
      </c>
      <c r="EZ7" s="164">
        <v>6972</v>
      </c>
    </row>
    <row r="8" spans="2:156" ht="21" customHeight="1" x14ac:dyDescent="0.2">
      <c r="B8" s="166" t="s">
        <v>6</v>
      </c>
      <c r="C8" s="159">
        <v>0</v>
      </c>
      <c r="D8" s="160">
        <v>0</v>
      </c>
      <c r="E8" s="161">
        <v>0</v>
      </c>
      <c r="F8" s="162">
        <v>0</v>
      </c>
      <c r="G8" s="160">
        <v>168</v>
      </c>
      <c r="H8" s="160">
        <v>168</v>
      </c>
      <c r="I8" s="160">
        <v>77</v>
      </c>
      <c r="J8" s="160">
        <v>66</v>
      </c>
      <c r="K8" s="160">
        <v>39</v>
      </c>
      <c r="L8" s="163">
        <v>518</v>
      </c>
      <c r="M8" s="164">
        <v>518</v>
      </c>
      <c r="N8" s="159">
        <v>0</v>
      </c>
      <c r="O8" s="160">
        <v>0</v>
      </c>
      <c r="P8" s="165">
        <v>0</v>
      </c>
      <c r="Q8" s="162">
        <v>0</v>
      </c>
      <c r="R8" s="160">
        <v>0</v>
      </c>
      <c r="S8" s="160">
        <v>2</v>
      </c>
      <c r="T8" s="160">
        <v>3</v>
      </c>
      <c r="U8" s="160">
        <v>10</v>
      </c>
      <c r="V8" s="160">
        <v>21</v>
      </c>
      <c r="W8" s="165">
        <v>36</v>
      </c>
      <c r="X8" s="164">
        <v>36</v>
      </c>
      <c r="Y8" s="159">
        <v>28</v>
      </c>
      <c r="Z8" s="160">
        <v>52</v>
      </c>
      <c r="AA8" s="165">
        <v>80</v>
      </c>
      <c r="AB8" s="162">
        <v>0</v>
      </c>
      <c r="AC8" s="160">
        <v>140</v>
      </c>
      <c r="AD8" s="160">
        <v>159</v>
      </c>
      <c r="AE8" s="160">
        <v>78</v>
      </c>
      <c r="AF8" s="160">
        <v>72</v>
      </c>
      <c r="AG8" s="160">
        <v>45</v>
      </c>
      <c r="AH8" s="165">
        <v>494</v>
      </c>
      <c r="AI8" s="164">
        <v>574</v>
      </c>
      <c r="AJ8" s="159">
        <v>1</v>
      </c>
      <c r="AK8" s="160">
        <v>3</v>
      </c>
      <c r="AL8" s="165">
        <v>4</v>
      </c>
      <c r="AM8" s="162">
        <v>0</v>
      </c>
      <c r="AN8" s="160">
        <v>12</v>
      </c>
      <c r="AO8" s="160">
        <v>16</v>
      </c>
      <c r="AP8" s="160">
        <v>4</v>
      </c>
      <c r="AQ8" s="160">
        <v>4</v>
      </c>
      <c r="AR8" s="160">
        <v>4</v>
      </c>
      <c r="AS8" s="165">
        <v>40</v>
      </c>
      <c r="AT8" s="164">
        <v>44</v>
      </c>
      <c r="AU8" s="159">
        <v>43</v>
      </c>
      <c r="AV8" s="160">
        <v>53</v>
      </c>
      <c r="AW8" s="165">
        <v>96</v>
      </c>
      <c r="AX8" s="162">
        <v>0</v>
      </c>
      <c r="AY8" s="160">
        <v>242</v>
      </c>
      <c r="AZ8" s="160">
        <v>238</v>
      </c>
      <c r="BA8" s="160">
        <v>180</v>
      </c>
      <c r="BB8" s="160">
        <v>181</v>
      </c>
      <c r="BC8" s="160">
        <v>111</v>
      </c>
      <c r="BD8" s="163">
        <v>952</v>
      </c>
      <c r="BE8" s="164">
        <v>1048</v>
      </c>
      <c r="BF8" s="159">
        <v>0</v>
      </c>
      <c r="BG8" s="160">
        <v>0</v>
      </c>
      <c r="BH8" s="165">
        <v>0</v>
      </c>
      <c r="BI8" s="162">
        <v>0</v>
      </c>
      <c r="BJ8" s="160">
        <v>231</v>
      </c>
      <c r="BK8" s="160">
        <v>203</v>
      </c>
      <c r="BL8" s="160">
        <v>78</v>
      </c>
      <c r="BM8" s="160">
        <v>50</v>
      </c>
      <c r="BN8" s="160">
        <v>18</v>
      </c>
      <c r="BO8" s="165">
        <v>580</v>
      </c>
      <c r="BP8" s="164">
        <v>580</v>
      </c>
      <c r="BQ8" s="159">
        <v>10</v>
      </c>
      <c r="BR8" s="160">
        <v>12</v>
      </c>
      <c r="BS8" s="165">
        <v>22</v>
      </c>
      <c r="BT8" s="162">
        <v>0</v>
      </c>
      <c r="BU8" s="160">
        <v>46</v>
      </c>
      <c r="BV8" s="160">
        <v>62</v>
      </c>
      <c r="BW8" s="160">
        <v>27</v>
      </c>
      <c r="BX8" s="160">
        <v>24</v>
      </c>
      <c r="BY8" s="160">
        <v>7</v>
      </c>
      <c r="BZ8" s="165">
        <v>166</v>
      </c>
      <c r="CA8" s="164">
        <v>188</v>
      </c>
      <c r="CB8" s="159">
        <v>1</v>
      </c>
      <c r="CC8" s="160">
        <v>2</v>
      </c>
      <c r="CD8" s="165">
        <v>3</v>
      </c>
      <c r="CE8" s="162">
        <v>0</v>
      </c>
      <c r="CF8" s="160">
        <v>16</v>
      </c>
      <c r="CG8" s="160">
        <v>26</v>
      </c>
      <c r="CH8" s="160">
        <v>26</v>
      </c>
      <c r="CI8" s="160">
        <v>15</v>
      </c>
      <c r="CJ8" s="160">
        <v>10</v>
      </c>
      <c r="CK8" s="165">
        <v>93</v>
      </c>
      <c r="CL8" s="164">
        <v>96</v>
      </c>
      <c r="CM8" s="159">
        <v>0</v>
      </c>
      <c r="CN8" s="160">
        <v>0</v>
      </c>
      <c r="CO8" s="165">
        <v>0</v>
      </c>
      <c r="CP8" s="162">
        <v>0</v>
      </c>
      <c r="CQ8" s="160">
        <v>1</v>
      </c>
      <c r="CR8" s="160">
        <v>5</v>
      </c>
      <c r="CS8" s="160">
        <v>5</v>
      </c>
      <c r="CT8" s="160">
        <v>10</v>
      </c>
      <c r="CU8" s="160">
        <v>4</v>
      </c>
      <c r="CV8" s="165">
        <v>25</v>
      </c>
      <c r="CW8" s="164">
        <v>25</v>
      </c>
      <c r="CX8" s="159">
        <v>0</v>
      </c>
      <c r="CY8" s="160">
        <v>0</v>
      </c>
      <c r="CZ8" s="165">
        <v>0</v>
      </c>
      <c r="DA8" s="162">
        <v>0</v>
      </c>
      <c r="DB8" s="160">
        <v>0</v>
      </c>
      <c r="DC8" s="160">
        <v>0</v>
      </c>
      <c r="DD8" s="160">
        <v>0</v>
      </c>
      <c r="DE8" s="160">
        <v>0</v>
      </c>
      <c r="DF8" s="160">
        <v>0</v>
      </c>
      <c r="DG8" s="165">
        <v>0</v>
      </c>
      <c r="DH8" s="164">
        <v>0</v>
      </c>
      <c r="DI8" s="159">
        <v>0</v>
      </c>
      <c r="DJ8" s="160">
        <v>0</v>
      </c>
      <c r="DK8" s="165">
        <v>0</v>
      </c>
      <c r="DL8" s="162">
        <v>0</v>
      </c>
      <c r="DM8" s="160">
        <v>0</v>
      </c>
      <c r="DN8" s="160">
        <v>0</v>
      </c>
      <c r="DO8" s="160">
        <v>0</v>
      </c>
      <c r="DP8" s="160">
        <v>0</v>
      </c>
      <c r="DQ8" s="160">
        <v>0</v>
      </c>
      <c r="DR8" s="165">
        <v>0</v>
      </c>
      <c r="DS8" s="164">
        <v>0</v>
      </c>
      <c r="DT8" s="159">
        <v>73</v>
      </c>
      <c r="DU8" s="160">
        <v>147</v>
      </c>
      <c r="DV8" s="165">
        <v>220</v>
      </c>
      <c r="DW8" s="162">
        <v>0</v>
      </c>
      <c r="DX8" s="160">
        <v>260</v>
      </c>
      <c r="DY8" s="160">
        <v>354</v>
      </c>
      <c r="DZ8" s="160">
        <v>194</v>
      </c>
      <c r="EA8" s="160">
        <v>158</v>
      </c>
      <c r="EB8" s="160">
        <v>87</v>
      </c>
      <c r="EC8" s="165">
        <v>1053</v>
      </c>
      <c r="ED8" s="164">
        <v>1273</v>
      </c>
      <c r="EE8" s="159">
        <v>26</v>
      </c>
      <c r="EF8" s="160">
        <v>15</v>
      </c>
      <c r="EG8" s="165">
        <v>41</v>
      </c>
      <c r="EH8" s="162">
        <v>0</v>
      </c>
      <c r="EI8" s="160">
        <v>93</v>
      </c>
      <c r="EJ8" s="160">
        <v>74</v>
      </c>
      <c r="EK8" s="160">
        <v>56</v>
      </c>
      <c r="EL8" s="160">
        <v>60</v>
      </c>
      <c r="EM8" s="160">
        <v>31</v>
      </c>
      <c r="EN8" s="165">
        <v>314</v>
      </c>
      <c r="EO8" s="164">
        <v>355</v>
      </c>
      <c r="EP8" s="159">
        <v>109</v>
      </c>
      <c r="EQ8" s="160">
        <v>188</v>
      </c>
      <c r="ER8" s="165">
        <v>297</v>
      </c>
      <c r="ES8" s="162">
        <v>0</v>
      </c>
      <c r="ET8" s="160">
        <v>599</v>
      </c>
      <c r="EU8" s="160">
        <v>529</v>
      </c>
      <c r="EV8" s="160">
        <v>238</v>
      </c>
      <c r="EW8" s="160">
        <v>170</v>
      </c>
      <c r="EX8" s="160">
        <v>91</v>
      </c>
      <c r="EY8" s="165">
        <v>1627</v>
      </c>
      <c r="EZ8" s="164">
        <v>1924</v>
      </c>
    </row>
    <row r="9" spans="2:156" ht="21" customHeight="1" x14ac:dyDescent="0.2">
      <c r="B9" s="166" t="s">
        <v>14</v>
      </c>
      <c r="C9" s="159">
        <v>0</v>
      </c>
      <c r="D9" s="160">
        <v>0</v>
      </c>
      <c r="E9" s="161">
        <v>0</v>
      </c>
      <c r="F9" s="162">
        <v>0</v>
      </c>
      <c r="G9" s="160">
        <v>53</v>
      </c>
      <c r="H9" s="160">
        <v>106</v>
      </c>
      <c r="I9" s="160">
        <v>46</v>
      </c>
      <c r="J9" s="160">
        <v>30</v>
      </c>
      <c r="K9" s="160">
        <v>25</v>
      </c>
      <c r="L9" s="163">
        <v>260</v>
      </c>
      <c r="M9" s="164">
        <v>260</v>
      </c>
      <c r="N9" s="159">
        <v>0</v>
      </c>
      <c r="O9" s="160">
        <v>0</v>
      </c>
      <c r="P9" s="165">
        <v>0</v>
      </c>
      <c r="Q9" s="162">
        <v>0</v>
      </c>
      <c r="R9" s="160">
        <v>0</v>
      </c>
      <c r="S9" s="160">
        <v>0</v>
      </c>
      <c r="T9" s="160">
        <v>2</v>
      </c>
      <c r="U9" s="160">
        <v>5</v>
      </c>
      <c r="V9" s="160">
        <v>6</v>
      </c>
      <c r="W9" s="165">
        <v>13</v>
      </c>
      <c r="X9" s="164">
        <v>13</v>
      </c>
      <c r="Y9" s="159">
        <v>11</v>
      </c>
      <c r="Z9" s="160">
        <v>25</v>
      </c>
      <c r="AA9" s="165">
        <v>36</v>
      </c>
      <c r="AB9" s="162">
        <v>0</v>
      </c>
      <c r="AC9" s="160">
        <v>42</v>
      </c>
      <c r="AD9" s="160">
        <v>103</v>
      </c>
      <c r="AE9" s="160">
        <v>58</v>
      </c>
      <c r="AF9" s="160">
        <v>40</v>
      </c>
      <c r="AG9" s="160">
        <v>23</v>
      </c>
      <c r="AH9" s="165">
        <v>266</v>
      </c>
      <c r="AI9" s="164">
        <v>302</v>
      </c>
      <c r="AJ9" s="159">
        <v>1</v>
      </c>
      <c r="AK9" s="160">
        <v>1</v>
      </c>
      <c r="AL9" s="165">
        <v>2</v>
      </c>
      <c r="AM9" s="162">
        <v>0</v>
      </c>
      <c r="AN9" s="160">
        <v>2</v>
      </c>
      <c r="AO9" s="160">
        <v>4</v>
      </c>
      <c r="AP9" s="160">
        <v>2</v>
      </c>
      <c r="AQ9" s="160">
        <v>5</v>
      </c>
      <c r="AR9" s="160">
        <v>0</v>
      </c>
      <c r="AS9" s="165">
        <v>13</v>
      </c>
      <c r="AT9" s="164">
        <v>15</v>
      </c>
      <c r="AU9" s="159">
        <v>27</v>
      </c>
      <c r="AV9" s="160">
        <v>20</v>
      </c>
      <c r="AW9" s="165">
        <v>47</v>
      </c>
      <c r="AX9" s="162">
        <v>0</v>
      </c>
      <c r="AY9" s="160">
        <v>87</v>
      </c>
      <c r="AZ9" s="160">
        <v>128</v>
      </c>
      <c r="BA9" s="160">
        <v>113</v>
      </c>
      <c r="BB9" s="160">
        <v>93</v>
      </c>
      <c r="BC9" s="160">
        <v>59</v>
      </c>
      <c r="BD9" s="163">
        <v>480</v>
      </c>
      <c r="BE9" s="164">
        <v>527</v>
      </c>
      <c r="BF9" s="159">
        <v>0</v>
      </c>
      <c r="BG9" s="160">
        <v>0</v>
      </c>
      <c r="BH9" s="165">
        <v>0</v>
      </c>
      <c r="BI9" s="162">
        <v>0</v>
      </c>
      <c r="BJ9" s="160">
        <v>94</v>
      </c>
      <c r="BK9" s="160">
        <v>134</v>
      </c>
      <c r="BL9" s="160">
        <v>89</v>
      </c>
      <c r="BM9" s="160">
        <v>40</v>
      </c>
      <c r="BN9" s="160">
        <v>11</v>
      </c>
      <c r="BO9" s="165">
        <v>368</v>
      </c>
      <c r="BP9" s="164">
        <v>368</v>
      </c>
      <c r="BQ9" s="159">
        <v>5</v>
      </c>
      <c r="BR9" s="160">
        <v>13</v>
      </c>
      <c r="BS9" s="165">
        <v>18</v>
      </c>
      <c r="BT9" s="162">
        <v>0</v>
      </c>
      <c r="BU9" s="160">
        <v>9</v>
      </c>
      <c r="BV9" s="160">
        <v>27</v>
      </c>
      <c r="BW9" s="160">
        <v>13</v>
      </c>
      <c r="BX9" s="160">
        <v>7</v>
      </c>
      <c r="BY9" s="160">
        <v>3</v>
      </c>
      <c r="BZ9" s="165">
        <v>59</v>
      </c>
      <c r="CA9" s="164">
        <v>77</v>
      </c>
      <c r="CB9" s="159">
        <v>1</v>
      </c>
      <c r="CC9" s="160">
        <v>0</v>
      </c>
      <c r="CD9" s="165">
        <v>1</v>
      </c>
      <c r="CE9" s="162">
        <v>0</v>
      </c>
      <c r="CF9" s="160">
        <v>10</v>
      </c>
      <c r="CG9" s="160">
        <v>19</v>
      </c>
      <c r="CH9" s="160">
        <v>29</v>
      </c>
      <c r="CI9" s="160">
        <v>16</v>
      </c>
      <c r="CJ9" s="160">
        <v>10</v>
      </c>
      <c r="CK9" s="165">
        <v>84</v>
      </c>
      <c r="CL9" s="164">
        <v>85</v>
      </c>
      <c r="CM9" s="159">
        <v>0</v>
      </c>
      <c r="CN9" s="160">
        <v>0</v>
      </c>
      <c r="CO9" s="165">
        <v>0</v>
      </c>
      <c r="CP9" s="162">
        <v>0</v>
      </c>
      <c r="CQ9" s="160">
        <v>0</v>
      </c>
      <c r="CR9" s="160">
        <v>1</v>
      </c>
      <c r="CS9" s="160">
        <v>2</v>
      </c>
      <c r="CT9" s="160">
        <v>1</v>
      </c>
      <c r="CU9" s="160">
        <v>1</v>
      </c>
      <c r="CV9" s="165">
        <v>5</v>
      </c>
      <c r="CW9" s="164">
        <v>5</v>
      </c>
      <c r="CX9" s="159">
        <v>0</v>
      </c>
      <c r="CY9" s="160">
        <v>0</v>
      </c>
      <c r="CZ9" s="165">
        <v>0</v>
      </c>
      <c r="DA9" s="162">
        <v>0</v>
      </c>
      <c r="DB9" s="160">
        <v>0</v>
      </c>
      <c r="DC9" s="160">
        <v>0</v>
      </c>
      <c r="DD9" s="160">
        <v>0</v>
      </c>
      <c r="DE9" s="160">
        <v>0</v>
      </c>
      <c r="DF9" s="160">
        <v>0</v>
      </c>
      <c r="DG9" s="165">
        <v>0</v>
      </c>
      <c r="DH9" s="164">
        <v>0</v>
      </c>
      <c r="DI9" s="159">
        <v>0</v>
      </c>
      <c r="DJ9" s="160">
        <v>0</v>
      </c>
      <c r="DK9" s="165">
        <v>0</v>
      </c>
      <c r="DL9" s="162">
        <v>0</v>
      </c>
      <c r="DM9" s="160">
        <v>0</v>
      </c>
      <c r="DN9" s="160">
        <v>0</v>
      </c>
      <c r="DO9" s="160">
        <v>0</v>
      </c>
      <c r="DP9" s="160">
        <v>0</v>
      </c>
      <c r="DQ9" s="160">
        <v>0</v>
      </c>
      <c r="DR9" s="165">
        <v>0</v>
      </c>
      <c r="DS9" s="164">
        <v>0</v>
      </c>
      <c r="DT9" s="159">
        <v>34</v>
      </c>
      <c r="DU9" s="160">
        <v>115</v>
      </c>
      <c r="DV9" s="165">
        <v>149</v>
      </c>
      <c r="DW9" s="162">
        <v>0</v>
      </c>
      <c r="DX9" s="160">
        <v>111</v>
      </c>
      <c r="DY9" s="160">
        <v>251</v>
      </c>
      <c r="DZ9" s="160">
        <v>150</v>
      </c>
      <c r="EA9" s="160">
        <v>99</v>
      </c>
      <c r="EB9" s="160">
        <v>47</v>
      </c>
      <c r="EC9" s="165">
        <v>658</v>
      </c>
      <c r="ED9" s="164">
        <v>807</v>
      </c>
      <c r="EE9" s="159">
        <v>15</v>
      </c>
      <c r="EF9" s="160">
        <v>5</v>
      </c>
      <c r="EG9" s="165">
        <v>20</v>
      </c>
      <c r="EH9" s="162">
        <v>0</v>
      </c>
      <c r="EI9" s="160">
        <v>35</v>
      </c>
      <c r="EJ9" s="160">
        <v>30</v>
      </c>
      <c r="EK9" s="160">
        <v>28</v>
      </c>
      <c r="EL9" s="160">
        <v>20</v>
      </c>
      <c r="EM9" s="160">
        <v>12</v>
      </c>
      <c r="EN9" s="165">
        <v>125</v>
      </c>
      <c r="EO9" s="164">
        <v>145</v>
      </c>
      <c r="EP9" s="159">
        <v>50</v>
      </c>
      <c r="EQ9" s="160">
        <v>143</v>
      </c>
      <c r="ER9" s="165">
        <v>193</v>
      </c>
      <c r="ES9" s="162">
        <v>0</v>
      </c>
      <c r="ET9" s="160">
        <v>268</v>
      </c>
      <c r="EU9" s="160">
        <v>354</v>
      </c>
      <c r="EV9" s="160">
        <v>199</v>
      </c>
      <c r="EW9" s="160">
        <v>104</v>
      </c>
      <c r="EX9" s="160">
        <v>48</v>
      </c>
      <c r="EY9" s="165">
        <v>973</v>
      </c>
      <c r="EZ9" s="164">
        <v>1166</v>
      </c>
    </row>
    <row r="10" spans="2:156" ht="21" customHeight="1" x14ac:dyDescent="0.2">
      <c r="B10" s="166" t="s">
        <v>7</v>
      </c>
      <c r="C10" s="159">
        <v>0</v>
      </c>
      <c r="D10" s="160">
        <v>0</v>
      </c>
      <c r="E10" s="161">
        <v>0</v>
      </c>
      <c r="F10" s="162">
        <v>0</v>
      </c>
      <c r="G10" s="160">
        <v>99</v>
      </c>
      <c r="H10" s="160">
        <v>82</v>
      </c>
      <c r="I10" s="160">
        <v>46</v>
      </c>
      <c r="J10" s="160">
        <v>35</v>
      </c>
      <c r="K10" s="160">
        <v>25</v>
      </c>
      <c r="L10" s="163">
        <v>287</v>
      </c>
      <c r="M10" s="164">
        <v>287</v>
      </c>
      <c r="N10" s="159">
        <v>0</v>
      </c>
      <c r="O10" s="160">
        <v>0</v>
      </c>
      <c r="P10" s="165">
        <v>0</v>
      </c>
      <c r="Q10" s="162">
        <v>0</v>
      </c>
      <c r="R10" s="160">
        <v>1</v>
      </c>
      <c r="S10" s="160">
        <v>4</v>
      </c>
      <c r="T10" s="160">
        <v>3</v>
      </c>
      <c r="U10" s="160">
        <v>8</v>
      </c>
      <c r="V10" s="160">
        <v>15</v>
      </c>
      <c r="W10" s="165">
        <v>31</v>
      </c>
      <c r="X10" s="164">
        <v>31</v>
      </c>
      <c r="Y10" s="159">
        <v>1</v>
      </c>
      <c r="Z10" s="160">
        <v>2</v>
      </c>
      <c r="AA10" s="165">
        <v>3</v>
      </c>
      <c r="AB10" s="162">
        <v>0</v>
      </c>
      <c r="AC10" s="160">
        <v>50</v>
      </c>
      <c r="AD10" s="160">
        <v>52</v>
      </c>
      <c r="AE10" s="160">
        <v>20</v>
      </c>
      <c r="AF10" s="160">
        <v>25</v>
      </c>
      <c r="AG10" s="160">
        <v>24</v>
      </c>
      <c r="AH10" s="165">
        <v>171</v>
      </c>
      <c r="AI10" s="164">
        <v>174</v>
      </c>
      <c r="AJ10" s="159">
        <v>0</v>
      </c>
      <c r="AK10" s="160">
        <v>1</v>
      </c>
      <c r="AL10" s="165">
        <v>1</v>
      </c>
      <c r="AM10" s="162">
        <v>0</v>
      </c>
      <c r="AN10" s="160">
        <v>11</v>
      </c>
      <c r="AO10" s="160">
        <v>5</v>
      </c>
      <c r="AP10" s="160">
        <v>4</v>
      </c>
      <c r="AQ10" s="160">
        <v>6</v>
      </c>
      <c r="AR10" s="160">
        <v>0</v>
      </c>
      <c r="AS10" s="165">
        <v>26</v>
      </c>
      <c r="AT10" s="164">
        <v>27</v>
      </c>
      <c r="AU10" s="159">
        <v>24</v>
      </c>
      <c r="AV10" s="160">
        <v>13</v>
      </c>
      <c r="AW10" s="165">
        <v>37</v>
      </c>
      <c r="AX10" s="162">
        <v>0</v>
      </c>
      <c r="AY10" s="160">
        <v>123</v>
      </c>
      <c r="AZ10" s="160">
        <v>134</v>
      </c>
      <c r="BA10" s="160">
        <v>97</v>
      </c>
      <c r="BB10" s="160">
        <v>77</v>
      </c>
      <c r="BC10" s="160">
        <v>51</v>
      </c>
      <c r="BD10" s="163">
        <v>482</v>
      </c>
      <c r="BE10" s="164">
        <v>519</v>
      </c>
      <c r="BF10" s="159">
        <v>0</v>
      </c>
      <c r="BG10" s="160">
        <v>0</v>
      </c>
      <c r="BH10" s="165">
        <v>0</v>
      </c>
      <c r="BI10" s="162">
        <v>0</v>
      </c>
      <c r="BJ10" s="160">
        <v>156</v>
      </c>
      <c r="BK10" s="160">
        <v>82</v>
      </c>
      <c r="BL10" s="160">
        <v>46</v>
      </c>
      <c r="BM10" s="160">
        <v>15</v>
      </c>
      <c r="BN10" s="160">
        <v>10</v>
      </c>
      <c r="BO10" s="165">
        <v>309</v>
      </c>
      <c r="BP10" s="164">
        <v>309</v>
      </c>
      <c r="BQ10" s="159">
        <v>2</v>
      </c>
      <c r="BR10" s="160">
        <v>6</v>
      </c>
      <c r="BS10" s="165">
        <v>8</v>
      </c>
      <c r="BT10" s="162">
        <v>0</v>
      </c>
      <c r="BU10" s="160">
        <v>26</v>
      </c>
      <c r="BV10" s="160">
        <v>26</v>
      </c>
      <c r="BW10" s="160">
        <v>9</v>
      </c>
      <c r="BX10" s="160">
        <v>5</v>
      </c>
      <c r="BY10" s="160">
        <v>3</v>
      </c>
      <c r="BZ10" s="165">
        <v>69</v>
      </c>
      <c r="CA10" s="164">
        <v>77</v>
      </c>
      <c r="CB10" s="159">
        <v>2</v>
      </c>
      <c r="CC10" s="160">
        <v>1</v>
      </c>
      <c r="CD10" s="165">
        <v>3</v>
      </c>
      <c r="CE10" s="162">
        <v>0</v>
      </c>
      <c r="CF10" s="160">
        <v>22</v>
      </c>
      <c r="CG10" s="160">
        <v>33</v>
      </c>
      <c r="CH10" s="160">
        <v>25</v>
      </c>
      <c r="CI10" s="160">
        <v>13</v>
      </c>
      <c r="CJ10" s="160">
        <v>11</v>
      </c>
      <c r="CK10" s="165">
        <v>104</v>
      </c>
      <c r="CL10" s="164">
        <v>107</v>
      </c>
      <c r="CM10" s="159">
        <v>0</v>
      </c>
      <c r="CN10" s="160">
        <v>0</v>
      </c>
      <c r="CO10" s="165">
        <v>0</v>
      </c>
      <c r="CP10" s="162">
        <v>0</v>
      </c>
      <c r="CQ10" s="160">
        <v>2</v>
      </c>
      <c r="CR10" s="160">
        <v>1</v>
      </c>
      <c r="CS10" s="160">
        <v>1</v>
      </c>
      <c r="CT10" s="160">
        <v>2</v>
      </c>
      <c r="CU10" s="160">
        <v>0</v>
      </c>
      <c r="CV10" s="165">
        <v>6</v>
      </c>
      <c r="CW10" s="164">
        <v>6</v>
      </c>
      <c r="CX10" s="159">
        <v>0</v>
      </c>
      <c r="CY10" s="160">
        <v>0</v>
      </c>
      <c r="CZ10" s="165">
        <v>0</v>
      </c>
      <c r="DA10" s="162">
        <v>0</v>
      </c>
      <c r="DB10" s="160">
        <v>0</v>
      </c>
      <c r="DC10" s="160">
        <v>0</v>
      </c>
      <c r="DD10" s="160">
        <v>0</v>
      </c>
      <c r="DE10" s="160">
        <v>0</v>
      </c>
      <c r="DF10" s="160">
        <v>0</v>
      </c>
      <c r="DG10" s="165">
        <v>0</v>
      </c>
      <c r="DH10" s="164">
        <v>0</v>
      </c>
      <c r="DI10" s="159">
        <v>0</v>
      </c>
      <c r="DJ10" s="160">
        <v>0</v>
      </c>
      <c r="DK10" s="165">
        <v>0</v>
      </c>
      <c r="DL10" s="162">
        <v>0</v>
      </c>
      <c r="DM10" s="160">
        <v>0</v>
      </c>
      <c r="DN10" s="160">
        <v>0</v>
      </c>
      <c r="DO10" s="160">
        <v>0</v>
      </c>
      <c r="DP10" s="160">
        <v>0</v>
      </c>
      <c r="DQ10" s="160">
        <v>0</v>
      </c>
      <c r="DR10" s="165">
        <v>0</v>
      </c>
      <c r="DS10" s="164">
        <v>0</v>
      </c>
      <c r="DT10" s="159">
        <v>36</v>
      </c>
      <c r="DU10" s="160">
        <v>41</v>
      </c>
      <c r="DV10" s="165">
        <v>77</v>
      </c>
      <c r="DW10" s="162">
        <v>0</v>
      </c>
      <c r="DX10" s="160">
        <v>167</v>
      </c>
      <c r="DY10" s="160">
        <v>180</v>
      </c>
      <c r="DZ10" s="160">
        <v>92</v>
      </c>
      <c r="EA10" s="160">
        <v>66</v>
      </c>
      <c r="EB10" s="160">
        <v>47</v>
      </c>
      <c r="EC10" s="165">
        <v>552</v>
      </c>
      <c r="ED10" s="164">
        <v>629</v>
      </c>
      <c r="EE10" s="159">
        <v>17</v>
      </c>
      <c r="EF10" s="160">
        <v>10</v>
      </c>
      <c r="EG10" s="165">
        <v>27</v>
      </c>
      <c r="EH10" s="162">
        <v>0</v>
      </c>
      <c r="EI10" s="160">
        <v>52</v>
      </c>
      <c r="EJ10" s="160">
        <v>41</v>
      </c>
      <c r="EK10" s="160">
        <v>27</v>
      </c>
      <c r="EL10" s="160">
        <v>33</v>
      </c>
      <c r="EM10" s="160">
        <v>17</v>
      </c>
      <c r="EN10" s="165">
        <v>170</v>
      </c>
      <c r="EO10" s="164">
        <v>197</v>
      </c>
      <c r="EP10" s="159">
        <v>42</v>
      </c>
      <c r="EQ10" s="160">
        <v>51</v>
      </c>
      <c r="ER10" s="165">
        <v>93</v>
      </c>
      <c r="ES10" s="162">
        <v>0</v>
      </c>
      <c r="ET10" s="160">
        <v>387</v>
      </c>
      <c r="EU10" s="160">
        <v>258</v>
      </c>
      <c r="EV10" s="160">
        <v>116</v>
      </c>
      <c r="EW10" s="160">
        <v>77</v>
      </c>
      <c r="EX10" s="160">
        <v>47</v>
      </c>
      <c r="EY10" s="165">
        <v>885</v>
      </c>
      <c r="EZ10" s="164">
        <v>978</v>
      </c>
    </row>
    <row r="11" spans="2:156" ht="21" customHeight="1" x14ac:dyDescent="0.2">
      <c r="B11" s="166" t="s">
        <v>8</v>
      </c>
      <c r="C11" s="159">
        <v>0</v>
      </c>
      <c r="D11" s="160">
        <v>0</v>
      </c>
      <c r="E11" s="161">
        <v>0</v>
      </c>
      <c r="F11" s="162">
        <v>0</v>
      </c>
      <c r="G11" s="160">
        <v>23</v>
      </c>
      <c r="H11" s="160">
        <v>19</v>
      </c>
      <c r="I11" s="160">
        <v>22</v>
      </c>
      <c r="J11" s="160">
        <v>13</v>
      </c>
      <c r="K11" s="160">
        <v>11</v>
      </c>
      <c r="L11" s="163">
        <v>88</v>
      </c>
      <c r="M11" s="164">
        <v>88</v>
      </c>
      <c r="N11" s="159">
        <v>0</v>
      </c>
      <c r="O11" s="160">
        <v>0</v>
      </c>
      <c r="P11" s="165">
        <v>0</v>
      </c>
      <c r="Q11" s="162">
        <v>0</v>
      </c>
      <c r="R11" s="160">
        <v>0</v>
      </c>
      <c r="S11" s="160">
        <v>1</v>
      </c>
      <c r="T11" s="160">
        <v>2</v>
      </c>
      <c r="U11" s="160">
        <v>0</v>
      </c>
      <c r="V11" s="160">
        <v>5</v>
      </c>
      <c r="W11" s="165">
        <v>8</v>
      </c>
      <c r="X11" s="164">
        <v>8</v>
      </c>
      <c r="Y11" s="159">
        <v>4</v>
      </c>
      <c r="Z11" s="160">
        <v>4</v>
      </c>
      <c r="AA11" s="165">
        <v>8</v>
      </c>
      <c r="AB11" s="162">
        <v>0</v>
      </c>
      <c r="AC11" s="160">
        <v>22</v>
      </c>
      <c r="AD11" s="160">
        <v>33</v>
      </c>
      <c r="AE11" s="160">
        <v>21</v>
      </c>
      <c r="AF11" s="160">
        <v>16</v>
      </c>
      <c r="AG11" s="160">
        <v>9</v>
      </c>
      <c r="AH11" s="165">
        <v>101</v>
      </c>
      <c r="AI11" s="164">
        <v>109</v>
      </c>
      <c r="AJ11" s="159">
        <v>1</v>
      </c>
      <c r="AK11" s="160">
        <v>2</v>
      </c>
      <c r="AL11" s="165">
        <v>3</v>
      </c>
      <c r="AM11" s="162">
        <v>0</v>
      </c>
      <c r="AN11" s="160">
        <v>4</v>
      </c>
      <c r="AO11" s="160">
        <v>3</v>
      </c>
      <c r="AP11" s="160">
        <v>4</v>
      </c>
      <c r="AQ11" s="160">
        <v>3</v>
      </c>
      <c r="AR11" s="160">
        <v>1</v>
      </c>
      <c r="AS11" s="165">
        <v>15</v>
      </c>
      <c r="AT11" s="164">
        <v>18</v>
      </c>
      <c r="AU11" s="159">
        <v>5</v>
      </c>
      <c r="AV11" s="160">
        <v>4</v>
      </c>
      <c r="AW11" s="165">
        <v>9</v>
      </c>
      <c r="AX11" s="162">
        <v>0</v>
      </c>
      <c r="AY11" s="160">
        <v>37</v>
      </c>
      <c r="AZ11" s="160">
        <v>38</v>
      </c>
      <c r="BA11" s="160">
        <v>38</v>
      </c>
      <c r="BB11" s="160">
        <v>35</v>
      </c>
      <c r="BC11" s="160">
        <v>24</v>
      </c>
      <c r="BD11" s="163">
        <v>172</v>
      </c>
      <c r="BE11" s="164">
        <v>181</v>
      </c>
      <c r="BF11" s="159">
        <v>0</v>
      </c>
      <c r="BG11" s="160">
        <v>0</v>
      </c>
      <c r="BH11" s="165">
        <v>0</v>
      </c>
      <c r="BI11" s="162">
        <v>0</v>
      </c>
      <c r="BJ11" s="160">
        <v>38</v>
      </c>
      <c r="BK11" s="160">
        <v>36</v>
      </c>
      <c r="BL11" s="160">
        <v>20</v>
      </c>
      <c r="BM11" s="160">
        <v>17</v>
      </c>
      <c r="BN11" s="160">
        <v>7</v>
      </c>
      <c r="BO11" s="165">
        <v>118</v>
      </c>
      <c r="BP11" s="164">
        <v>118</v>
      </c>
      <c r="BQ11" s="159">
        <v>6</v>
      </c>
      <c r="BR11" s="160">
        <v>3</v>
      </c>
      <c r="BS11" s="165">
        <v>9</v>
      </c>
      <c r="BT11" s="162">
        <v>0</v>
      </c>
      <c r="BU11" s="160">
        <v>13</v>
      </c>
      <c r="BV11" s="160">
        <v>12</v>
      </c>
      <c r="BW11" s="160">
        <v>5</v>
      </c>
      <c r="BX11" s="160">
        <v>1</v>
      </c>
      <c r="BY11" s="160">
        <v>1</v>
      </c>
      <c r="BZ11" s="165">
        <v>32</v>
      </c>
      <c r="CA11" s="164">
        <v>41</v>
      </c>
      <c r="CB11" s="159">
        <v>0</v>
      </c>
      <c r="CC11" s="160">
        <v>1</v>
      </c>
      <c r="CD11" s="165">
        <v>1</v>
      </c>
      <c r="CE11" s="162">
        <v>0</v>
      </c>
      <c r="CF11" s="160">
        <v>5</v>
      </c>
      <c r="CG11" s="160">
        <v>6</v>
      </c>
      <c r="CH11" s="160">
        <v>13</v>
      </c>
      <c r="CI11" s="160">
        <v>10</v>
      </c>
      <c r="CJ11" s="160">
        <v>2</v>
      </c>
      <c r="CK11" s="165">
        <v>36</v>
      </c>
      <c r="CL11" s="164">
        <v>37</v>
      </c>
      <c r="CM11" s="159">
        <v>0</v>
      </c>
      <c r="CN11" s="160">
        <v>0</v>
      </c>
      <c r="CO11" s="165">
        <v>0</v>
      </c>
      <c r="CP11" s="162">
        <v>0</v>
      </c>
      <c r="CQ11" s="160">
        <v>0</v>
      </c>
      <c r="CR11" s="160">
        <v>1</v>
      </c>
      <c r="CS11" s="160">
        <v>0</v>
      </c>
      <c r="CT11" s="160">
        <v>0</v>
      </c>
      <c r="CU11" s="160">
        <v>0</v>
      </c>
      <c r="CV11" s="165">
        <v>1</v>
      </c>
      <c r="CW11" s="164">
        <v>1</v>
      </c>
      <c r="CX11" s="159">
        <v>0</v>
      </c>
      <c r="CY11" s="160">
        <v>0</v>
      </c>
      <c r="CZ11" s="165">
        <v>0</v>
      </c>
      <c r="DA11" s="162">
        <v>0</v>
      </c>
      <c r="DB11" s="160">
        <v>0</v>
      </c>
      <c r="DC11" s="160">
        <v>0</v>
      </c>
      <c r="DD11" s="160">
        <v>0</v>
      </c>
      <c r="DE11" s="160">
        <v>0</v>
      </c>
      <c r="DF11" s="160">
        <v>0</v>
      </c>
      <c r="DG11" s="165">
        <v>0</v>
      </c>
      <c r="DH11" s="164">
        <v>0</v>
      </c>
      <c r="DI11" s="159">
        <v>0</v>
      </c>
      <c r="DJ11" s="160">
        <v>0</v>
      </c>
      <c r="DK11" s="165">
        <v>0</v>
      </c>
      <c r="DL11" s="162">
        <v>0</v>
      </c>
      <c r="DM11" s="160">
        <v>0</v>
      </c>
      <c r="DN11" s="160">
        <v>0</v>
      </c>
      <c r="DO11" s="160">
        <v>0</v>
      </c>
      <c r="DP11" s="160">
        <v>0</v>
      </c>
      <c r="DQ11" s="160">
        <v>0</v>
      </c>
      <c r="DR11" s="165">
        <v>0</v>
      </c>
      <c r="DS11" s="164">
        <v>0</v>
      </c>
      <c r="DT11" s="159">
        <v>20</v>
      </c>
      <c r="DU11" s="160">
        <v>28</v>
      </c>
      <c r="DV11" s="165">
        <v>48</v>
      </c>
      <c r="DW11" s="162">
        <v>0</v>
      </c>
      <c r="DX11" s="160">
        <v>55</v>
      </c>
      <c r="DY11" s="160">
        <v>94</v>
      </c>
      <c r="DZ11" s="160">
        <v>49</v>
      </c>
      <c r="EA11" s="160">
        <v>36</v>
      </c>
      <c r="EB11" s="160">
        <v>21</v>
      </c>
      <c r="EC11" s="165">
        <v>255</v>
      </c>
      <c r="ED11" s="164">
        <v>303</v>
      </c>
      <c r="EE11" s="159">
        <v>5</v>
      </c>
      <c r="EF11" s="160">
        <v>2</v>
      </c>
      <c r="EG11" s="165">
        <v>7</v>
      </c>
      <c r="EH11" s="162">
        <v>0</v>
      </c>
      <c r="EI11" s="160">
        <v>15</v>
      </c>
      <c r="EJ11" s="160">
        <v>10</v>
      </c>
      <c r="EK11" s="160">
        <v>6</v>
      </c>
      <c r="EL11" s="160">
        <v>9</v>
      </c>
      <c r="EM11" s="160">
        <v>5</v>
      </c>
      <c r="EN11" s="165">
        <v>45</v>
      </c>
      <c r="EO11" s="164">
        <v>52</v>
      </c>
      <c r="EP11" s="159">
        <v>29</v>
      </c>
      <c r="EQ11" s="160">
        <v>32</v>
      </c>
      <c r="ER11" s="165">
        <v>61</v>
      </c>
      <c r="ES11" s="162">
        <v>0</v>
      </c>
      <c r="ET11" s="160">
        <v>115</v>
      </c>
      <c r="EU11" s="160">
        <v>116</v>
      </c>
      <c r="EV11" s="160">
        <v>57</v>
      </c>
      <c r="EW11" s="160">
        <v>37</v>
      </c>
      <c r="EX11" s="160">
        <v>22</v>
      </c>
      <c r="EY11" s="165">
        <v>347</v>
      </c>
      <c r="EZ11" s="164">
        <v>408</v>
      </c>
    </row>
    <row r="12" spans="2:156" ht="21" customHeight="1" x14ac:dyDescent="0.2">
      <c r="B12" s="166" t="s">
        <v>9</v>
      </c>
      <c r="C12" s="159">
        <v>0</v>
      </c>
      <c r="D12" s="160">
        <v>0</v>
      </c>
      <c r="E12" s="161">
        <v>0</v>
      </c>
      <c r="F12" s="162">
        <v>0</v>
      </c>
      <c r="G12" s="160">
        <v>61</v>
      </c>
      <c r="H12" s="160">
        <v>30</v>
      </c>
      <c r="I12" s="160">
        <v>31</v>
      </c>
      <c r="J12" s="160">
        <v>23</v>
      </c>
      <c r="K12" s="160">
        <v>12</v>
      </c>
      <c r="L12" s="163">
        <v>157</v>
      </c>
      <c r="M12" s="164">
        <v>157</v>
      </c>
      <c r="N12" s="159">
        <v>0</v>
      </c>
      <c r="O12" s="160">
        <v>0</v>
      </c>
      <c r="P12" s="165">
        <v>0</v>
      </c>
      <c r="Q12" s="162">
        <v>0</v>
      </c>
      <c r="R12" s="160">
        <v>0</v>
      </c>
      <c r="S12" s="160">
        <v>1</v>
      </c>
      <c r="T12" s="160">
        <v>0</v>
      </c>
      <c r="U12" s="160">
        <v>1</v>
      </c>
      <c r="V12" s="160">
        <v>4</v>
      </c>
      <c r="W12" s="165">
        <v>6</v>
      </c>
      <c r="X12" s="164">
        <v>6</v>
      </c>
      <c r="Y12" s="159">
        <v>10</v>
      </c>
      <c r="Z12" s="160">
        <v>10</v>
      </c>
      <c r="AA12" s="165">
        <v>20</v>
      </c>
      <c r="AB12" s="162">
        <v>0</v>
      </c>
      <c r="AC12" s="160">
        <v>42</v>
      </c>
      <c r="AD12" s="160">
        <v>21</v>
      </c>
      <c r="AE12" s="160">
        <v>30</v>
      </c>
      <c r="AF12" s="160">
        <v>26</v>
      </c>
      <c r="AG12" s="160">
        <v>12</v>
      </c>
      <c r="AH12" s="165">
        <v>131</v>
      </c>
      <c r="AI12" s="164">
        <v>151</v>
      </c>
      <c r="AJ12" s="159">
        <v>0</v>
      </c>
      <c r="AK12" s="160">
        <v>1</v>
      </c>
      <c r="AL12" s="165">
        <v>1</v>
      </c>
      <c r="AM12" s="162">
        <v>0</v>
      </c>
      <c r="AN12" s="160">
        <v>3</v>
      </c>
      <c r="AO12" s="160">
        <v>2</v>
      </c>
      <c r="AP12" s="160">
        <v>0</v>
      </c>
      <c r="AQ12" s="160">
        <v>3</v>
      </c>
      <c r="AR12" s="160">
        <v>3</v>
      </c>
      <c r="AS12" s="165">
        <v>11</v>
      </c>
      <c r="AT12" s="164">
        <v>12</v>
      </c>
      <c r="AU12" s="159">
        <v>11</v>
      </c>
      <c r="AV12" s="160">
        <v>8</v>
      </c>
      <c r="AW12" s="165">
        <v>19</v>
      </c>
      <c r="AX12" s="162">
        <v>0</v>
      </c>
      <c r="AY12" s="160">
        <v>62</v>
      </c>
      <c r="AZ12" s="160">
        <v>50</v>
      </c>
      <c r="BA12" s="160">
        <v>61</v>
      </c>
      <c r="BB12" s="160">
        <v>52</v>
      </c>
      <c r="BC12" s="160">
        <v>21</v>
      </c>
      <c r="BD12" s="163">
        <v>246</v>
      </c>
      <c r="BE12" s="164">
        <v>265</v>
      </c>
      <c r="BF12" s="159">
        <v>0</v>
      </c>
      <c r="BG12" s="160">
        <v>0</v>
      </c>
      <c r="BH12" s="165">
        <v>0</v>
      </c>
      <c r="BI12" s="162">
        <v>0</v>
      </c>
      <c r="BJ12" s="160">
        <v>58</v>
      </c>
      <c r="BK12" s="160">
        <v>30</v>
      </c>
      <c r="BL12" s="160">
        <v>20</v>
      </c>
      <c r="BM12" s="160">
        <v>9</v>
      </c>
      <c r="BN12" s="160">
        <v>5</v>
      </c>
      <c r="BO12" s="165">
        <v>122</v>
      </c>
      <c r="BP12" s="164">
        <v>122</v>
      </c>
      <c r="BQ12" s="159">
        <v>5</v>
      </c>
      <c r="BR12" s="160">
        <v>3</v>
      </c>
      <c r="BS12" s="165">
        <v>8</v>
      </c>
      <c r="BT12" s="162">
        <v>0</v>
      </c>
      <c r="BU12" s="160">
        <v>18</v>
      </c>
      <c r="BV12" s="160">
        <v>13</v>
      </c>
      <c r="BW12" s="160">
        <v>12</v>
      </c>
      <c r="BX12" s="160">
        <v>15</v>
      </c>
      <c r="BY12" s="160">
        <v>1</v>
      </c>
      <c r="BZ12" s="165">
        <v>59</v>
      </c>
      <c r="CA12" s="164">
        <v>67</v>
      </c>
      <c r="CB12" s="159">
        <v>0</v>
      </c>
      <c r="CC12" s="160">
        <v>0</v>
      </c>
      <c r="CD12" s="165">
        <v>0</v>
      </c>
      <c r="CE12" s="162">
        <v>0</v>
      </c>
      <c r="CF12" s="160">
        <v>8</v>
      </c>
      <c r="CG12" s="160">
        <v>7</v>
      </c>
      <c r="CH12" s="160">
        <v>10</v>
      </c>
      <c r="CI12" s="160">
        <v>3</v>
      </c>
      <c r="CJ12" s="160">
        <v>4</v>
      </c>
      <c r="CK12" s="165">
        <v>32</v>
      </c>
      <c r="CL12" s="164">
        <v>32</v>
      </c>
      <c r="CM12" s="159">
        <v>0</v>
      </c>
      <c r="CN12" s="160">
        <v>0</v>
      </c>
      <c r="CO12" s="165">
        <v>0</v>
      </c>
      <c r="CP12" s="162">
        <v>0</v>
      </c>
      <c r="CQ12" s="160">
        <v>1</v>
      </c>
      <c r="CR12" s="160">
        <v>0</v>
      </c>
      <c r="CS12" s="160">
        <v>2</v>
      </c>
      <c r="CT12" s="160">
        <v>1</v>
      </c>
      <c r="CU12" s="160">
        <v>1</v>
      </c>
      <c r="CV12" s="165">
        <v>5</v>
      </c>
      <c r="CW12" s="164">
        <v>5</v>
      </c>
      <c r="CX12" s="159">
        <v>0</v>
      </c>
      <c r="CY12" s="160">
        <v>0</v>
      </c>
      <c r="CZ12" s="165">
        <v>0</v>
      </c>
      <c r="DA12" s="162">
        <v>0</v>
      </c>
      <c r="DB12" s="160">
        <v>0</v>
      </c>
      <c r="DC12" s="160">
        <v>0</v>
      </c>
      <c r="DD12" s="160">
        <v>0</v>
      </c>
      <c r="DE12" s="160">
        <v>0</v>
      </c>
      <c r="DF12" s="160">
        <v>0</v>
      </c>
      <c r="DG12" s="165">
        <v>0</v>
      </c>
      <c r="DH12" s="164">
        <v>0</v>
      </c>
      <c r="DI12" s="159">
        <v>0</v>
      </c>
      <c r="DJ12" s="160">
        <v>0</v>
      </c>
      <c r="DK12" s="165">
        <v>0</v>
      </c>
      <c r="DL12" s="162">
        <v>0</v>
      </c>
      <c r="DM12" s="160">
        <v>0</v>
      </c>
      <c r="DN12" s="160">
        <v>0</v>
      </c>
      <c r="DO12" s="160">
        <v>0</v>
      </c>
      <c r="DP12" s="160">
        <v>0</v>
      </c>
      <c r="DQ12" s="160">
        <v>0</v>
      </c>
      <c r="DR12" s="165">
        <v>0</v>
      </c>
      <c r="DS12" s="164">
        <v>0</v>
      </c>
      <c r="DT12" s="159">
        <v>33</v>
      </c>
      <c r="DU12" s="160">
        <v>23</v>
      </c>
      <c r="DV12" s="165">
        <v>56</v>
      </c>
      <c r="DW12" s="162">
        <v>0</v>
      </c>
      <c r="DX12" s="160">
        <v>76</v>
      </c>
      <c r="DY12" s="160">
        <v>69</v>
      </c>
      <c r="DZ12" s="160">
        <v>62</v>
      </c>
      <c r="EA12" s="160">
        <v>48</v>
      </c>
      <c r="EB12" s="160">
        <v>22</v>
      </c>
      <c r="EC12" s="165">
        <v>277</v>
      </c>
      <c r="ED12" s="164">
        <v>333</v>
      </c>
      <c r="EE12" s="159">
        <v>6</v>
      </c>
      <c r="EF12" s="160">
        <v>3</v>
      </c>
      <c r="EG12" s="165">
        <v>9</v>
      </c>
      <c r="EH12" s="162">
        <v>0</v>
      </c>
      <c r="EI12" s="160">
        <v>22</v>
      </c>
      <c r="EJ12" s="160">
        <v>16</v>
      </c>
      <c r="EK12" s="160">
        <v>15</v>
      </c>
      <c r="EL12" s="160">
        <v>20</v>
      </c>
      <c r="EM12" s="160">
        <v>5</v>
      </c>
      <c r="EN12" s="165">
        <v>78</v>
      </c>
      <c r="EO12" s="164">
        <v>87</v>
      </c>
      <c r="EP12" s="159">
        <v>42</v>
      </c>
      <c r="EQ12" s="160">
        <v>35</v>
      </c>
      <c r="ER12" s="165">
        <v>77</v>
      </c>
      <c r="ES12" s="162">
        <v>0</v>
      </c>
      <c r="ET12" s="160">
        <v>175</v>
      </c>
      <c r="EU12" s="160">
        <v>101</v>
      </c>
      <c r="EV12" s="160">
        <v>81</v>
      </c>
      <c r="EW12" s="160">
        <v>53</v>
      </c>
      <c r="EX12" s="160">
        <v>26</v>
      </c>
      <c r="EY12" s="165">
        <v>436</v>
      </c>
      <c r="EZ12" s="164">
        <v>513</v>
      </c>
    </row>
    <row r="13" spans="2:156" ht="21" customHeight="1" x14ac:dyDescent="0.2">
      <c r="B13" s="166" t="s">
        <v>10</v>
      </c>
      <c r="C13" s="159">
        <v>0</v>
      </c>
      <c r="D13" s="160">
        <v>0</v>
      </c>
      <c r="E13" s="161">
        <v>0</v>
      </c>
      <c r="F13" s="162">
        <v>0</v>
      </c>
      <c r="G13" s="160">
        <v>81</v>
      </c>
      <c r="H13" s="160">
        <v>48</v>
      </c>
      <c r="I13" s="160">
        <v>28</v>
      </c>
      <c r="J13" s="160">
        <v>30</v>
      </c>
      <c r="K13" s="160">
        <v>22</v>
      </c>
      <c r="L13" s="163">
        <v>209</v>
      </c>
      <c r="M13" s="164">
        <v>209</v>
      </c>
      <c r="N13" s="159">
        <v>0</v>
      </c>
      <c r="O13" s="160">
        <v>0</v>
      </c>
      <c r="P13" s="165">
        <v>0</v>
      </c>
      <c r="Q13" s="162">
        <v>0</v>
      </c>
      <c r="R13" s="160">
        <v>0</v>
      </c>
      <c r="S13" s="160">
        <v>1</v>
      </c>
      <c r="T13" s="160">
        <v>2</v>
      </c>
      <c r="U13" s="160">
        <v>3</v>
      </c>
      <c r="V13" s="160">
        <v>13</v>
      </c>
      <c r="W13" s="165">
        <v>19</v>
      </c>
      <c r="X13" s="164">
        <v>19</v>
      </c>
      <c r="Y13" s="159">
        <v>18</v>
      </c>
      <c r="Z13" s="160">
        <v>18</v>
      </c>
      <c r="AA13" s="165">
        <v>36</v>
      </c>
      <c r="AB13" s="162">
        <v>0</v>
      </c>
      <c r="AC13" s="160">
        <v>62</v>
      </c>
      <c r="AD13" s="160">
        <v>33</v>
      </c>
      <c r="AE13" s="160">
        <v>27</v>
      </c>
      <c r="AF13" s="160">
        <v>29</v>
      </c>
      <c r="AG13" s="160">
        <v>15</v>
      </c>
      <c r="AH13" s="165">
        <v>166</v>
      </c>
      <c r="AI13" s="164">
        <v>202</v>
      </c>
      <c r="AJ13" s="159">
        <v>2</v>
      </c>
      <c r="AK13" s="160">
        <v>3</v>
      </c>
      <c r="AL13" s="165">
        <v>5</v>
      </c>
      <c r="AM13" s="162">
        <v>0</v>
      </c>
      <c r="AN13" s="160">
        <v>7</v>
      </c>
      <c r="AO13" s="160">
        <v>6</v>
      </c>
      <c r="AP13" s="160">
        <v>4</v>
      </c>
      <c r="AQ13" s="160">
        <v>6</v>
      </c>
      <c r="AR13" s="160">
        <v>4</v>
      </c>
      <c r="AS13" s="165">
        <v>27</v>
      </c>
      <c r="AT13" s="164">
        <v>32</v>
      </c>
      <c r="AU13" s="159">
        <v>20</v>
      </c>
      <c r="AV13" s="160">
        <v>23</v>
      </c>
      <c r="AW13" s="165">
        <v>43</v>
      </c>
      <c r="AX13" s="162">
        <v>0</v>
      </c>
      <c r="AY13" s="160">
        <v>92</v>
      </c>
      <c r="AZ13" s="160">
        <v>79</v>
      </c>
      <c r="BA13" s="160">
        <v>67</v>
      </c>
      <c r="BB13" s="160">
        <v>79</v>
      </c>
      <c r="BC13" s="160">
        <v>51</v>
      </c>
      <c r="BD13" s="163">
        <v>368</v>
      </c>
      <c r="BE13" s="164">
        <v>411</v>
      </c>
      <c r="BF13" s="159">
        <v>0</v>
      </c>
      <c r="BG13" s="160">
        <v>0</v>
      </c>
      <c r="BH13" s="165">
        <v>0</v>
      </c>
      <c r="BI13" s="162">
        <v>0</v>
      </c>
      <c r="BJ13" s="160">
        <v>128</v>
      </c>
      <c r="BK13" s="160">
        <v>61</v>
      </c>
      <c r="BL13" s="160">
        <v>24</v>
      </c>
      <c r="BM13" s="160">
        <v>21</v>
      </c>
      <c r="BN13" s="160">
        <v>9</v>
      </c>
      <c r="BO13" s="165">
        <v>243</v>
      </c>
      <c r="BP13" s="164">
        <v>243</v>
      </c>
      <c r="BQ13" s="159">
        <v>3</v>
      </c>
      <c r="BR13" s="160">
        <v>3</v>
      </c>
      <c r="BS13" s="165">
        <v>6</v>
      </c>
      <c r="BT13" s="162">
        <v>0</v>
      </c>
      <c r="BU13" s="160">
        <v>24</v>
      </c>
      <c r="BV13" s="160">
        <v>14</v>
      </c>
      <c r="BW13" s="160">
        <v>13</v>
      </c>
      <c r="BX13" s="160">
        <v>2</v>
      </c>
      <c r="BY13" s="160">
        <v>2</v>
      </c>
      <c r="BZ13" s="165">
        <v>55</v>
      </c>
      <c r="CA13" s="164">
        <v>61</v>
      </c>
      <c r="CB13" s="159">
        <v>0</v>
      </c>
      <c r="CC13" s="160">
        <v>2</v>
      </c>
      <c r="CD13" s="165">
        <v>2</v>
      </c>
      <c r="CE13" s="162">
        <v>0</v>
      </c>
      <c r="CF13" s="160">
        <v>19</v>
      </c>
      <c r="CG13" s="160">
        <v>11</v>
      </c>
      <c r="CH13" s="160">
        <v>11</v>
      </c>
      <c r="CI13" s="160">
        <v>11</v>
      </c>
      <c r="CJ13" s="160">
        <v>4</v>
      </c>
      <c r="CK13" s="165">
        <v>56</v>
      </c>
      <c r="CL13" s="164">
        <v>58</v>
      </c>
      <c r="CM13" s="159">
        <v>0</v>
      </c>
      <c r="CN13" s="160">
        <v>0</v>
      </c>
      <c r="CO13" s="165">
        <v>0</v>
      </c>
      <c r="CP13" s="162">
        <v>0</v>
      </c>
      <c r="CQ13" s="160">
        <v>0</v>
      </c>
      <c r="CR13" s="160">
        <v>2</v>
      </c>
      <c r="CS13" s="160">
        <v>5</v>
      </c>
      <c r="CT13" s="160">
        <v>0</v>
      </c>
      <c r="CU13" s="160">
        <v>1</v>
      </c>
      <c r="CV13" s="165">
        <v>8</v>
      </c>
      <c r="CW13" s="164">
        <v>8</v>
      </c>
      <c r="CX13" s="159">
        <v>0</v>
      </c>
      <c r="CY13" s="160">
        <v>0</v>
      </c>
      <c r="CZ13" s="165">
        <v>0</v>
      </c>
      <c r="DA13" s="162">
        <v>0</v>
      </c>
      <c r="DB13" s="160">
        <v>0</v>
      </c>
      <c r="DC13" s="160">
        <v>0</v>
      </c>
      <c r="DD13" s="160">
        <v>0</v>
      </c>
      <c r="DE13" s="160">
        <v>0</v>
      </c>
      <c r="DF13" s="160">
        <v>0</v>
      </c>
      <c r="DG13" s="165">
        <v>0</v>
      </c>
      <c r="DH13" s="164">
        <v>0</v>
      </c>
      <c r="DI13" s="159">
        <v>0</v>
      </c>
      <c r="DJ13" s="160">
        <v>0</v>
      </c>
      <c r="DK13" s="165">
        <v>0</v>
      </c>
      <c r="DL13" s="162">
        <v>0</v>
      </c>
      <c r="DM13" s="160">
        <v>0</v>
      </c>
      <c r="DN13" s="160">
        <v>0</v>
      </c>
      <c r="DO13" s="160">
        <v>0</v>
      </c>
      <c r="DP13" s="160">
        <v>0</v>
      </c>
      <c r="DQ13" s="160">
        <v>0</v>
      </c>
      <c r="DR13" s="165">
        <v>0</v>
      </c>
      <c r="DS13" s="164">
        <v>0</v>
      </c>
      <c r="DT13" s="159">
        <v>70</v>
      </c>
      <c r="DU13" s="160">
        <v>84</v>
      </c>
      <c r="DV13" s="165">
        <v>154</v>
      </c>
      <c r="DW13" s="162">
        <v>0</v>
      </c>
      <c r="DX13" s="160">
        <v>130</v>
      </c>
      <c r="DY13" s="160">
        <v>114</v>
      </c>
      <c r="DZ13" s="160">
        <v>58</v>
      </c>
      <c r="EA13" s="160">
        <v>58</v>
      </c>
      <c r="EB13" s="160">
        <v>37</v>
      </c>
      <c r="EC13" s="165">
        <v>397</v>
      </c>
      <c r="ED13" s="164">
        <v>551</v>
      </c>
      <c r="EE13" s="159">
        <v>10</v>
      </c>
      <c r="EF13" s="160">
        <v>3</v>
      </c>
      <c r="EG13" s="165">
        <v>13</v>
      </c>
      <c r="EH13" s="162">
        <v>0</v>
      </c>
      <c r="EI13" s="160">
        <v>26</v>
      </c>
      <c r="EJ13" s="160">
        <v>22</v>
      </c>
      <c r="EK13" s="160">
        <v>13</v>
      </c>
      <c r="EL13" s="160">
        <v>25</v>
      </c>
      <c r="EM13" s="160">
        <v>11</v>
      </c>
      <c r="EN13" s="165">
        <v>97</v>
      </c>
      <c r="EO13" s="164">
        <v>110</v>
      </c>
      <c r="EP13" s="159">
        <v>92</v>
      </c>
      <c r="EQ13" s="160">
        <v>103</v>
      </c>
      <c r="ER13" s="165">
        <v>195</v>
      </c>
      <c r="ES13" s="162">
        <v>0</v>
      </c>
      <c r="ET13" s="160">
        <v>288</v>
      </c>
      <c r="EU13" s="160">
        <v>142</v>
      </c>
      <c r="EV13" s="160">
        <v>77</v>
      </c>
      <c r="EW13" s="160">
        <v>61</v>
      </c>
      <c r="EX13" s="160">
        <v>35</v>
      </c>
      <c r="EY13" s="165">
        <v>603</v>
      </c>
      <c r="EZ13" s="164">
        <v>798</v>
      </c>
    </row>
    <row r="14" spans="2:156" ht="21" customHeight="1" x14ac:dyDescent="0.2">
      <c r="B14" s="166" t="s">
        <v>11</v>
      </c>
      <c r="C14" s="159">
        <v>0</v>
      </c>
      <c r="D14" s="160">
        <v>0</v>
      </c>
      <c r="E14" s="161">
        <v>0</v>
      </c>
      <c r="F14" s="162">
        <v>0</v>
      </c>
      <c r="G14" s="160">
        <v>22</v>
      </c>
      <c r="H14" s="160">
        <v>13</v>
      </c>
      <c r="I14" s="160">
        <v>12</v>
      </c>
      <c r="J14" s="160">
        <v>12</v>
      </c>
      <c r="K14" s="160">
        <v>7</v>
      </c>
      <c r="L14" s="163">
        <v>66</v>
      </c>
      <c r="M14" s="164">
        <v>66</v>
      </c>
      <c r="N14" s="159">
        <v>0</v>
      </c>
      <c r="O14" s="160">
        <v>0</v>
      </c>
      <c r="P14" s="165">
        <v>0</v>
      </c>
      <c r="Q14" s="162">
        <v>0</v>
      </c>
      <c r="R14" s="160">
        <v>0</v>
      </c>
      <c r="S14" s="160">
        <v>1</v>
      </c>
      <c r="T14" s="160">
        <v>0</v>
      </c>
      <c r="U14" s="160">
        <v>3</v>
      </c>
      <c r="V14" s="160">
        <v>4</v>
      </c>
      <c r="W14" s="165">
        <v>8</v>
      </c>
      <c r="X14" s="164">
        <v>8</v>
      </c>
      <c r="Y14" s="159">
        <v>6</v>
      </c>
      <c r="Z14" s="160">
        <v>4</v>
      </c>
      <c r="AA14" s="165">
        <v>10</v>
      </c>
      <c r="AB14" s="162">
        <v>0</v>
      </c>
      <c r="AC14" s="160">
        <v>15</v>
      </c>
      <c r="AD14" s="160">
        <v>16</v>
      </c>
      <c r="AE14" s="160">
        <v>17</v>
      </c>
      <c r="AF14" s="160">
        <v>17</v>
      </c>
      <c r="AG14" s="160">
        <v>7</v>
      </c>
      <c r="AH14" s="165">
        <v>72</v>
      </c>
      <c r="AI14" s="164">
        <v>82</v>
      </c>
      <c r="AJ14" s="159">
        <v>0</v>
      </c>
      <c r="AK14" s="160">
        <v>1</v>
      </c>
      <c r="AL14" s="165">
        <v>1</v>
      </c>
      <c r="AM14" s="162">
        <v>0</v>
      </c>
      <c r="AN14" s="160">
        <v>1</v>
      </c>
      <c r="AO14" s="160">
        <v>1</v>
      </c>
      <c r="AP14" s="160">
        <v>2</v>
      </c>
      <c r="AQ14" s="160">
        <v>2</v>
      </c>
      <c r="AR14" s="160">
        <v>1</v>
      </c>
      <c r="AS14" s="165">
        <v>7</v>
      </c>
      <c r="AT14" s="164">
        <v>8</v>
      </c>
      <c r="AU14" s="159">
        <v>3</v>
      </c>
      <c r="AV14" s="160">
        <v>3</v>
      </c>
      <c r="AW14" s="165">
        <v>6</v>
      </c>
      <c r="AX14" s="162">
        <v>0</v>
      </c>
      <c r="AY14" s="160">
        <v>24</v>
      </c>
      <c r="AZ14" s="160">
        <v>27</v>
      </c>
      <c r="BA14" s="160">
        <v>23</v>
      </c>
      <c r="BB14" s="160">
        <v>38</v>
      </c>
      <c r="BC14" s="160">
        <v>14</v>
      </c>
      <c r="BD14" s="163">
        <v>126</v>
      </c>
      <c r="BE14" s="164">
        <v>132</v>
      </c>
      <c r="BF14" s="159">
        <v>0</v>
      </c>
      <c r="BG14" s="160">
        <v>0</v>
      </c>
      <c r="BH14" s="165">
        <v>0</v>
      </c>
      <c r="BI14" s="162">
        <v>0</v>
      </c>
      <c r="BJ14" s="160">
        <v>40</v>
      </c>
      <c r="BK14" s="160">
        <v>23</v>
      </c>
      <c r="BL14" s="160">
        <v>19</v>
      </c>
      <c r="BM14" s="160">
        <v>7</v>
      </c>
      <c r="BN14" s="160">
        <v>2</v>
      </c>
      <c r="BO14" s="165">
        <v>91</v>
      </c>
      <c r="BP14" s="164">
        <v>91</v>
      </c>
      <c r="BQ14" s="159">
        <v>9</v>
      </c>
      <c r="BR14" s="160">
        <v>6</v>
      </c>
      <c r="BS14" s="165">
        <v>15</v>
      </c>
      <c r="BT14" s="162">
        <v>0</v>
      </c>
      <c r="BU14" s="160">
        <v>24</v>
      </c>
      <c r="BV14" s="160">
        <v>8</v>
      </c>
      <c r="BW14" s="160">
        <v>5</v>
      </c>
      <c r="BX14" s="160">
        <v>7</v>
      </c>
      <c r="BY14" s="160">
        <v>0</v>
      </c>
      <c r="BZ14" s="165">
        <v>44</v>
      </c>
      <c r="CA14" s="164">
        <v>59</v>
      </c>
      <c r="CB14" s="159">
        <v>1</v>
      </c>
      <c r="CC14" s="160">
        <v>0</v>
      </c>
      <c r="CD14" s="165">
        <v>1</v>
      </c>
      <c r="CE14" s="162">
        <v>0</v>
      </c>
      <c r="CF14" s="160">
        <v>7</v>
      </c>
      <c r="CG14" s="160">
        <v>7</v>
      </c>
      <c r="CH14" s="160">
        <v>6</v>
      </c>
      <c r="CI14" s="160">
        <v>4</v>
      </c>
      <c r="CJ14" s="160">
        <v>0</v>
      </c>
      <c r="CK14" s="165">
        <v>24</v>
      </c>
      <c r="CL14" s="164">
        <v>25</v>
      </c>
      <c r="CM14" s="159">
        <v>0</v>
      </c>
      <c r="CN14" s="160">
        <v>0</v>
      </c>
      <c r="CO14" s="165">
        <v>0</v>
      </c>
      <c r="CP14" s="162">
        <v>0</v>
      </c>
      <c r="CQ14" s="160">
        <v>1</v>
      </c>
      <c r="CR14" s="160">
        <v>0</v>
      </c>
      <c r="CS14" s="160">
        <v>1</v>
      </c>
      <c r="CT14" s="160">
        <v>2</v>
      </c>
      <c r="CU14" s="160">
        <v>0</v>
      </c>
      <c r="CV14" s="165">
        <v>4</v>
      </c>
      <c r="CW14" s="164">
        <v>4</v>
      </c>
      <c r="CX14" s="159">
        <v>0</v>
      </c>
      <c r="CY14" s="160">
        <v>0</v>
      </c>
      <c r="CZ14" s="165">
        <v>0</v>
      </c>
      <c r="DA14" s="162">
        <v>0</v>
      </c>
      <c r="DB14" s="160">
        <v>0</v>
      </c>
      <c r="DC14" s="160">
        <v>0</v>
      </c>
      <c r="DD14" s="160">
        <v>0</v>
      </c>
      <c r="DE14" s="160">
        <v>0</v>
      </c>
      <c r="DF14" s="160">
        <v>0</v>
      </c>
      <c r="DG14" s="165">
        <v>0</v>
      </c>
      <c r="DH14" s="164">
        <v>0</v>
      </c>
      <c r="DI14" s="159">
        <v>0</v>
      </c>
      <c r="DJ14" s="160">
        <v>0</v>
      </c>
      <c r="DK14" s="165">
        <v>0</v>
      </c>
      <c r="DL14" s="162">
        <v>0</v>
      </c>
      <c r="DM14" s="160">
        <v>0</v>
      </c>
      <c r="DN14" s="160">
        <v>0</v>
      </c>
      <c r="DO14" s="160">
        <v>0</v>
      </c>
      <c r="DP14" s="160">
        <v>0</v>
      </c>
      <c r="DQ14" s="160">
        <v>0</v>
      </c>
      <c r="DR14" s="165">
        <v>0</v>
      </c>
      <c r="DS14" s="164">
        <v>0</v>
      </c>
      <c r="DT14" s="159">
        <v>17</v>
      </c>
      <c r="DU14" s="160">
        <v>23</v>
      </c>
      <c r="DV14" s="165">
        <v>40</v>
      </c>
      <c r="DW14" s="162">
        <v>0</v>
      </c>
      <c r="DX14" s="160">
        <v>58</v>
      </c>
      <c r="DY14" s="160">
        <v>52</v>
      </c>
      <c r="DZ14" s="160">
        <v>31</v>
      </c>
      <c r="EA14" s="160">
        <v>29</v>
      </c>
      <c r="EB14" s="160">
        <v>14</v>
      </c>
      <c r="EC14" s="165">
        <v>184</v>
      </c>
      <c r="ED14" s="164">
        <v>224</v>
      </c>
      <c r="EE14" s="159">
        <v>3</v>
      </c>
      <c r="EF14" s="160">
        <v>1</v>
      </c>
      <c r="EG14" s="165">
        <v>4</v>
      </c>
      <c r="EH14" s="162">
        <v>0</v>
      </c>
      <c r="EI14" s="160">
        <v>18</v>
      </c>
      <c r="EJ14" s="160">
        <v>12</v>
      </c>
      <c r="EK14" s="160">
        <v>8</v>
      </c>
      <c r="EL14" s="160">
        <v>19</v>
      </c>
      <c r="EM14" s="160">
        <v>6</v>
      </c>
      <c r="EN14" s="165">
        <v>63</v>
      </c>
      <c r="EO14" s="164">
        <v>67</v>
      </c>
      <c r="EP14" s="159">
        <v>30</v>
      </c>
      <c r="EQ14" s="160">
        <v>29</v>
      </c>
      <c r="ER14" s="165">
        <v>59</v>
      </c>
      <c r="ES14" s="162">
        <v>0</v>
      </c>
      <c r="ET14" s="160">
        <v>120</v>
      </c>
      <c r="EU14" s="160">
        <v>64</v>
      </c>
      <c r="EV14" s="160">
        <v>41</v>
      </c>
      <c r="EW14" s="160">
        <v>31</v>
      </c>
      <c r="EX14" s="160">
        <v>13</v>
      </c>
      <c r="EY14" s="165">
        <v>269</v>
      </c>
      <c r="EZ14" s="164">
        <v>328</v>
      </c>
    </row>
    <row r="15" spans="2:156" ht="21" customHeight="1" x14ac:dyDescent="0.2">
      <c r="B15" s="166" t="s">
        <v>12</v>
      </c>
      <c r="C15" s="159">
        <v>0</v>
      </c>
      <c r="D15" s="160">
        <v>0</v>
      </c>
      <c r="E15" s="161">
        <v>0</v>
      </c>
      <c r="F15" s="162">
        <v>0</v>
      </c>
      <c r="G15" s="160">
        <v>29</v>
      </c>
      <c r="H15" s="160">
        <v>40</v>
      </c>
      <c r="I15" s="160">
        <v>19</v>
      </c>
      <c r="J15" s="160">
        <v>21</v>
      </c>
      <c r="K15" s="160">
        <v>9</v>
      </c>
      <c r="L15" s="163">
        <v>118</v>
      </c>
      <c r="M15" s="164">
        <v>118</v>
      </c>
      <c r="N15" s="159">
        <v>0</v>
      </c>
      <c r="O15" s="160">
        <v>0</v>
      </c>
      <c r="P15" s="165">
        <v>0</v>
      </c>
      <c r="Q15" s="162">
        <v>0</v>
      </c>
      <c r="R15" s="160">
        <v>0</v>
      </c>
      <c r="S15" s="160">
        <v>0</v>
      </c>
      <c r="T15" s="160">
        <v>4</v>
      </c>
      <c r="U15" s="160">
        <v>3</v>
      </c>
      <c r="V15" s="160">
        <v>3</v>
      </c>
      <c r="W15" s="165">
        <v>10</v>
      </c>
      <c r="X15" s="164">
        <v>10</v>
      </c>
      <c r="Y15" s="159">
        <v>9</v>
      </c>
      <c r="Z15" s="160">
        <v>26</v>
      </c>
      <c r="AA15" s="165">
        <v>35</v>
      </c>
      <c r="AB15" s="162">
        <v>0</v>
      </c>
      <c r="AC15" s="160">
        <v>18</v>
      </c>
      <c r="AD15" s="160">
        <v>45</v>
      </c>
      <c r="AE15" s="160">
        <v>23</v>
      </c>
      <c r="AF15" s="160">
        <v>14</v>
      </c>
      <c r="AG15" s="160">
        <v>11</v>
      </c>
      <c r="AH15" s="165">
        <v>111</v>
      </c>
      <c r="AI15" s="164">
        <v>146</v>
      </c>
      <c r="AJ15" s="159">
        <v>0</v>
      </c>
      <c r="AK15" s="160">
        <v>2</v>
      </c>
      <c r="AL15" s="165">
        <v>2</v>
      </c>
      <c r="AM15" s="162">
        <v>0</v>
      </c>
      <c r="AN15" s="160">
        <v>1</v>
      </c>
      <c r="AO15" s="160">
        <v>3</v>
      </c>
      <c r="AP15" s="160">
        <v>2</v>
      </c>
      <c r="AQ15" s="160">
        <v>2</v>
      </c>
      <c r="AR15" s="160">
        <v>0</v>
      </c>
      <c r="AS15" s="165">
        <v>8</v>
      </c>
      <c r="AT15" s="164">
        <v>10</v>
      </c>
      <c r="AU15" s="159">
        <v>9</v>
      </c>
      <c r="AV15" s="160">
        <v>16</v>
      </c>
      <c r="AW15" s="165">
        <v>25</v>
      </c>
      <c r="AX15" s="162">
        <v>0</v>
      </c>
      <c r="AY15" s="160">
        <v>26</v>
      </c>
      <c r="AZ15" s="160">
        <v>40</v>
      </c>
      <c r="BA15" s="160">
        <v>28</v>
      </c>
      <c r="BB15" s="160">
        <v>39</v>
      </c>
      <c r="BC15" s="160">
        <v>18</v>
      </c>
      <c r="BD15" s="163">
        <v>151</v>
      </c>
      <c r="BE15" s="164">
        <v>176</v>
      </c>
      <c r="BF15" s="159">
        <v>0</v>
      </c>
      <c r="BG15" s="160">
        <v>0</v>
      </c>
      <c r="BH15" s="165">
        <v>0</v>
      </c>
      <c r="BI15" s="162">
        <v>0</v>
      </c>
      <c r="BJ15" s="160">
        <v>61</v>
      </c>
      <c r="BK15" s="160">
        <v>45</v>
      </c>
      <c r="BL15" s="160">
        <v>20</v>
      </c>
      <c r="BM15" s="160">
        <v>13</v>
      </c>
      <c r="BN15" s="160">
        <v>1</v>
      </c>
      <c r="BO15" s="165">
        <v>140</v>
      </c>
      <c r="BP15" s="164">
        <v>140</v>
      </c>
      <c r="BQ15" s="159">
        <v>10</v>
      </c>
      <c r="BR15" s="160">
        <v>17</v>
      </c>
      <c r="BS15" s="165">
        <v>27</v>
      </c>
      <c r="BT15" s="162">
        <v>0</v>
      </c>
      <c r="BU15" s="160">
        <v>6</v>
      </c>
      <c r="BV15" s="160">
        <v>20</v>
      </c>
      <c r="BW15" s="160">
        <v>12</v>
      </c>
      <c r="BX15" s="160">
        <v>6</v>
      </c>
      <c r="BY15" s="160">
        <v>2</v>
      </c>
      <c r="BZ15" s="165">
        <v>46</v>
      </c>
      <c r="CA15" s="164">
        <v>73</v>
      </c>
      <c r="CB15" s="159">
        <v>0</v>
      </c>
      <c r="CC15" s="160">
        <v>2</v>
      </c>
      <c r="CD15" s="165">
        <v>2</v>
      </c>
      <c r="CE15" s="162">
        <v>0</v>
      </c>
      <c r="CF15" s="160">
        <v>6</v>
      </c>
      <c r="CG15" s="160">
        <v>7</v>
      </c>
      <c r="CH15" s="160">
        <v>1</v>
      </c>
      <c r="CI15" s="160">
        <v>11</v>
      </c>
      <c r="CJ15" s="160">
        <v>5</v>
      </c>
      <c r="CK15" s="165">
        <v>30</v>
      </c>
      <c r="CL15" s="164">
        <v>32</v>
      </c>
      <c r="CM15" s="159">
        <v>0</v>
      </c>
      <c r="CN15" s="160">
        <v>0</v>
      </c>
      <c r="CO15" s="165">
        <v>0</v>
      </c>
      <c r="CP15" s="162">
        <v>0</v>
      </c>
      <c r="CQ15" s="160">
        <v>0</v>
      </c>
      <c r="CR15" s="160">
        <v>1</v>
      </c>
      <c r="CS15" s="160">
        <v>0</v>
      </c>
      <c r="CT15" s="160">
        <v>1</v>
      </c>
      <c r="CU15" s="160">
        <v>0</v>
      </c>
      <c r="CV15" s="165">
        <v>2</v>
      </c>
      <c r="CW15" s="164">
        <v>2</v>
      </c>
      <c r="CX15" s="159">
        <v>0</v>
      </c>
      <c r="CY15" s="160">
        <v>0</v>
      </c>
      <c r="CZ15" s="165">
        <v>0</v>
      </c>
      <c r="DA15" s="162">
        <v>0</v>
      </c>
      <c r="DB15" s="160">
        <v>0</v>
      </c>
      <c r="DC15" s="160">
        <v>0</v>
      </c>
      <c r="DD15" s="160">
        <v>0</v>
      </c>
      <c r="DE15" s="160">
        <v>0</v>
      </c>
      <c r="DF15" s="160">
        <v>0</v>
      </c>
      <c r="DG15" s="165">
        <v>0</v>
      </c>
      <c r="DH15" s="164">
        <v>0</v>
      </c>
      <c r="DI15" s="159">
        <v>0</v>
      </c>
      <c r="DJ15" s="160">
        <v>0</v>
      </c>
      <c r="DK15" s="165">
        <v>0</v>
      </c>
      <c r="DL15" s="162">
        <v>0</v>
      </c>
      <c r="DM15" s="160">
        <v>0</v>
      </c>
      <c r="DN15" s="160">
        <v>0</v>
      </c>
      <c r="DO15" s="160">
        <v>0</v>
      </c>
      <c r="DP15" s="160">
        <v>0</v>
      </c>
      <c r="DQ15" s="160">
        <v>0</v>
      </c>
      <c r="DR15" s="165">
        <v>0</v>
      </c>
      <c r="DS15" s="164">
        <v>0</v>
      </c>
      <c r="DT15" s="159">
        <v>29</v>
      </c>
      <c r="DU15" s="160">
        <v>57</v>
      </c>
      <c r="DV15" s="165">
        <v>86</v>
      </c>
      <c r="DW15" s="162">
        <v>0</v>
      </c>
      <c r="DX15" s="160">
        <v>32</v>
      </c>
      <c r="DY15" s="160">
        <v>83</v>
      </c>
      <c r="DZ15" s="160">
        <v>51</v>
      </c>
      <c r="EA15" s="160">
        <v>43</v>
      </c>
      <c r="EB15" s="160">
        <v>20</v>
      </c>
      <c r="EC15" s="165">
        <v>229</v>
      </c>
      <c r="ED15" s="164">
        <v>315</v>
      </c>
      <c r="EE15" s="159">
        <v>5</v>
      </c>
      <c r="EF15" s="160">
        <v>6</v>
      </c>
      <c r="EG15" s="165">
        <v>11</v>
      </c>
      <c r="EH15" s="162">
        <v>0</v>
      </c>
      <c r="EI15" s="160">
        <v>12</v>
      </c>
      <c r="EJ15" s="160">
        <v>16</v>
      </c>
      <c r="EK15" s="160">
        <v>11</v>
      </c>
      <c r="EL15" s="160">
        <v>13</v>
      </c>
      <c r="EM15" s="160">
        <v>6</v>
      </c>
      <c r="EN15" s="165">
        <v>58</v>
      </c>
      <c r="EO15" s="164">
        <v>69</v>
      </c>
      <c r="EP15" s="159">
        <v>48</v>
      </c>
      <c r="EQ15" s="160">
        <v>86</v>
      </c>
      <c r="ER15" s="165">
        <v>134</v>
      </c>
      <c r="ES15" s="162">
        <v>0</v>
      </c>
      <c r="ET15" s="160">
        <v>106</v>
      </c>
      <c r="EU15" s="160">
        <v>132</v>
      </c>
      <c r="EV15" s="160">
        <v>58</v>
      </c>
      <c r="EW15" s="160">
        <v>46</v>
      </c>
      <c r="EX15" s="160">
        <v>17</v>
      </c>
      <c r="EY15" s="165">
        <v>359</v>
      </c>
      <c r="EZ15" s="164">
        <v>493</v>
      </c>
    </row>
    <row r="16" spans="2:156" ht="21" customHeight="1" x14ac:dyDescent="0.2">
      <c r="B16" s="166" t="s">
        <v>13</v>
      </c>
      <c r="C16" s="159">
        <v>0</v>
      </c>
      <c r="D16" s="160">
        <v>0</v>
      </c>
      <c r="E16" s="161">
        <v>0</v>
      </c>
      <c r="F16" s="162">
        <v>0</v>
      </c>
      <c r="G16" s="160">
        <v>19</v>
      </c>
      <c r="H16" s="160">
        <v>22</v>
      </c>
      <c r="I16" s="160">
        <v>12</v>
      </c>
      <c r="J16" s="160">
        <v>10</v>
      </c>
      <c r="K16" s="160">
        <v>13</v>
      </c>
      <c r="L16" s="163">
        <v>76</v>
      </c>
      <c r="M16" s="164">
        <v>76</v>
      </c>
      <c r="N16" s="159">
        <v>0</v>
      </c>
      <c r="O16" s="160">
        <v>0</v>
      </c>
      <c r="P16" s="165">
        <v>0</v>
      </c>
      <c r="Q16" s="162">
        <v>0</v>
      </c>
      <c r="R16" s="160">
        <v>0</v>
      </c>
      <c r="S16" s="160">
        <v>0</v>
      </c>
      <c r="T16" s="160">
        <v>1</v>
      </c>
      <c r="U16" s="160">
        <v>1</v>
      </c>
      <c r="V16" s="160">
        <v>3</v>
      </c>
      <c r="W16" s="165">
        <v>5</v>
      </c>
      <c r="X16" s="164">
        <v>5</v>
      </c>
      <c r="Y16" s="159">
        <v>0</v>
      </c>
      <c r="Z16" s="160">
        <v>2</v>
      </c>
      <c r="AA16" s="165">
        <v>2</v>
      </c>
      <c r="AB16" s="162">
        <v>0</v>
      </c>
      <c r="AC16" s="160">
        <v>12</v>
      </c>
      <c r="AD16" s="160">
        <v>22</v>
      </c>
      <c r="AE16" s="160">
        <v>8</v>
      </c>
      <c r="AF16" s="160">
        <v>6</v>
      </c>
      <c r="AG16" s="160">
        <v>10</v>
      </c>
      <c r="AH16" s="165">
        <v>58</v>
      </c>
      <c r="AI16" s="164">
        <v>60</v>
      </c>
      <c r="AJ16" s="159">
        <v>0</v>
      </c>
      <c r="AK16" s="160">
        <v>0</v>
      </c>
      <c r="AL16" s="165">
        <v>0</v>
      </c>
      <c r="AM16" s="162">
        <v>0</v>
      </c>
      <c r="AN16" s="160">
        <v>2</v>
      </c>
      <c r="AO16" s="160">
        <v>2</v>
      </c>
      <c r="AP16" s="160">
        <v>3</v>
      </c>
      <c r="AQ16" s="160">
        <v>0</v>
      </c>
      <c r="AR16" s="160">
        <v>0</v>
      </c>
      <c r="AS16" s="165">
        <v>7</v>
      </c>
      <c r="AT16" s="164">
        <v>7</v>
      </c>
      <c r="AU16" s="159">
        <v>2</v>
      </c>
      <c r="AV16" s="160">
        <v>3</v>
      </c>
      <c r="AW16" s="165">
        <v>5</v>
      </c>
      <c r="AX16" s="162">
        <v>0</v>
      </c>
      <c r="AY16" s="160">
        <v>17</v>
      </c>
      <c r="AZ16" s="160">
        <v>28</v>
      </c>
      <c r="BA16" s="160">
        <v>22</v>
      </c>
      <c r="BB16" s="160">
        <v>16</v>
      </c>
      <c r="BC16" s="160">
        <v>16</v>
      </c>
      <c r="BD16" s="163">
        <v>99</v>
      </c>
      <c r="BE16" s="164">
        <v>104</v>
      </c>
      <c r="BF16" s="159">
        <v>0</v>
      </c>
      <c r="BG16" s="160">
        <v>0</v>
      </c>
      <c r="BH16" s="165">
        <v>0</v>
      </c>
      <c r="BI16" s="162">
        <v>0</v>
      </c>
      <c r="BJ16" s="160">
        <v>19</v>
      </c>
      <c r="BK16" s="160">
        <v>14</v>
      </c>
      <c r="BL16" s="160">
        <v>5</v>
      </c>
      <c r="BM16" s="160">
        <v>8</v>
      </c>
      <c r="BN16" s="160">
        <v>3</v>
      </c>
      <c r="BO16" s="165">
        <v>49</v>
      </c>
      <c r="BP16" s="164">
        <v>49</v>
      </c>
      <c r="BQ16" s="159">
        <v>0</v>
      </c>
      <c r="BR16" s="160">
        <v>1</v>
      </c>
      <c r="BS16" s="165">
        <v>1</v>
      </c>
      <c r="BT16" s="162">
        <v>0</v>
      </c>
      <c r="BU16" s="160">
        <v>4</v>
      </c>
      <c r="BV16" s="160">
        <v>2</v>
      </c>
      <c r="BW16" s="160">
        <v>1</v>
      </c>
      <c r="BX16" s="160">
        <v>2</v>
      </c>
      <c r="BY16" s="160">
        <v>1</v>
      </c>
      <c r="BZ16" s="165">
        <v>10</v>
      </c>
      <c r="CA16" s="164">
        <v>11</v>
      </c>
      <c r="CB16" s="159">
        <v>0</v>
      </c>
      <c r="CC16" s="160">
        <v>0</v>
      </c>
      <c r="CD16" s="165">
        <v>0</v>
      </c>
      <c r="CE16" s="162">
        <v>0</v>
      </c>
      <c r="CF16" s="160">
        <v>4</v>
      </c>
      <c r="CG16" s="160">
        <v>3</v>
      </c>
      <c r="CH16" s="160">
        <v>2</v>
      </c>
      <c r="CI16" s="160">
        <v>2</v>
      </c>
      <c r="CJ16" s="160">
        <v>0</v>
      </c>
      <c r="CK16" s="165">
        <v>11</v>
      </c>
      <c r="CL16" s="164">
        <v>11</v>
      </c>
      <c r="CM16" s="159">
        <v>0</v>
      </c>
      <c r="CN16" s="160">
        <v>0</v>
      </c>
      <c r="CO16" s="165">
        <v>0</v>
      </c>
      <c r="CP16" s="162">
        <v>0</v>
      </c>
      <c r="CQ16" s="160">
        <v>0</v>
      </c>
      <c r="CR16" s="160">
        <v>0</v>
      </c>
      <c r="CS16" s="160">
        <v>0</v>
      </c>
      <c r="CT16" s="160">
        <v>0</v>
      </c>
      <c r="CU16" s="160">
        <v>0</v>
      </c>
      <c r="CV16" s="165">
        <v>0</v>
      </c>
      <c r="CW16" s="164">
        <v>0</v>
      </c>
      <c r="CX16" s="159">
        <v>0</v>
      </c>
      <c r="CY16" s="160">
        <v>0</v>
      </c>
      <c r="CZ16" s="165">
        <v>0</v>
      </c>
      <c r="DA16" s="162">
        <v>0</v>
      </c>
      <c r="DB16" s="160">
        <v>0</v>
      </c>
      <c r="DC16" s="160">
        <v>0</v>
      </c>
      <c r="DD16" s="160">
        <v>0</v>
      </c>
      <c r="DE16" s="160">
        <v>0</v>
      </c>
      <c r="DF16" s="160">
        <v>0</v>
      </c>
      <c r="DG16" s="165">
        <v>0</v>
      </c>
      <c r="DH16" s="164">
        <v>0</v>
      </c>
      <c r="DI16" s="159">
        <v>0</v>
      </c>
      <c r="DJ16" s="160">
        <v>0</v>
      </c>
      <c r="DK16" s="165">
        <v>0</v>
      </c>
      <c r="DL16" s="162">
        <v>0</v>
      </c>
      <c r="DM16" s="160">
        <v>0</v>
      </c>
      <c r="DN16" s="160">
        <v>0</v>
      </c>
      <c r="DO16" s="160">
        <v>0</v>
      </c>
      <c r="DP16" s="160">
        <v>0</v>
      </c>
      <c r="DQ16" s="160">
        <v>0</v>
      </c>
      <c r="DR16" s="165">
        <v>0</v>
      </c>
      <c r="DS16" s="164">
        <v>0</v>
      </c>
      <c r="DT16" s="159">
        <v>5</v>
      </c>
      <c r="DU16" s="160">
        <v>6</v>
      </c>
      <c r="DV16" s="165">
        <v>11</v>
      </c>
      <c r="DW16" s="162">
        <v>0</v>
      </c>
      <c r="DX16" s="160">
        <v>22</v>
      </c>
      <c r="DY16" s="160">
        <v>44</v>
      </c>
      <c r="DZ16" s="160">
        <v>13</v>
      </c>
      <c r="EA16" s="160">
        <v>14</v>
      </c>
      <c r="EB16" s="160">
        <v>15</v>
      </c>
      <c r="EC16" s="165">
        <v>108</v>
      </c>
      <c r="ED16" s="164">
        <v>119</v>
      </c>
      <c r="EE16" s="159">
        <v>0</v>
      </c>
      <c r="EF16" s="160">
        <v>2</v>
      </c>
      <c r="EG16" s="165">
        <v>2</v>
      </c>
      <c r="EH16" s="162">
        <v>0</v>
      </c>
      <c r="EI16" s="160">
        <v>7</v>
      </c>
      <c r="EJ16" s="160">
        <v>11</v>
      </c>
      <c r="EK16" s="160">
        <v>8</v>
      </c>
      <c r="EL16" s="160">
        <v>8</v>
      </c>
      <c r="EM16" s="160">
        <v>5</v>
      </c>
      <c r="EN16" s="165">
        <v>39</v>
      </c>
      <c r="EO16" s="164">
        <v>41</v>
      </c>
      <c r="EP16" s="159">
        <v>6</v>
      </c>
      <c r="EQ16" s="160">
        <v>7</v>
      </c>
      <c r="ER16" s="165">
        <v>13</v>
      </c>
      <c r="ES16" s="162">
        <v>0</v>
      </c>
      <c r="ET16" s="160">
        <v>63</v>
      </c>
      <c r="EU16" s="160">
        <v>65</v>
      </c>
      <c r="EV16" s="160">
        <v>25</v>
      </c>
      <c r="EW16" s="160">
        <v>16</v>
      </c>
      <c r="EX16" s="160">
        <v>14</v>
      </c>
      <c r="EY16" s="165">
        <v>183</v>
      </c>
      <c r="EZ16" s="164">
        <v>196</v>
      </c>
    </row>
    <row r="17" spans="2:156" ht="21" customHeight="1" x14ac:dyDescent="0.2">
      <c r="B17" s="166" t="s">
        <v>15</v>
      </c>
      <c r="C17" s="159">
        <v>0</v>
      </c>
      <c r="D17" s="160">
        <v>0</v>
      </c>
      <c r="E17" s="161">
        <v>0</v>
      </c>
      <c r="F17" s="162">
        <v>0</v>
      </c>
      <c r="G17" s="160">
        <v>6</v>
      </c>
      <c r="H17" s="160">
        <v>7</v>
      </c>
      <c r="I17" s="160">
        <v>1</v>
      </c>
      <c r="J17" s="160">
        <v>4</v>
      </c>
      <c r="K17" s="160">
        <v>2</v>
      </c>
      <c r="L17" s="163">
        <v>20</v>
      </c>
      <c r="M17" s="164">
        <v>20</v>
      </c>
      <c r="N17" s="159">
        <v>0</v>
      </c>
      <c r="O17" s="160">
        <v>0</v>
      </c>
      <c r="P17" s="165">
        <v>0</v>
      </c>
      <c r="Q17" s="162">
        <v>0</v>
      </c>
      <c r="R17" s="160">
        <v>0</v>
      </c>
      <c r="S17" s="160">
        <v>0</v>
      </c>
      <c r="T17" s="160">
        <v>2</v>
      </c>
      <c r="U17" s="160">
        <v>3</v>
      </c>
      <c r="V17" s="160">
        <v>0</v>
      </c>
      <c r="W17" s="165">
        <v>5</v>
      </c>
      <c r="X17" s="164">
        <v>5</v>
      </c>
      <c r="Y17" s="159">
        <v>0</v>
      </c>
      <c r="Z17" s="160">
        <v>1</v>
      </c>
      <c r="AA17" s="165">
        <v>1</v>
      </c>
      <c r="AB17" s="162">
        <v>0</v>
      </c>
      <c r="AC17" s="160">
        <v>5</v>
      </c>
      <c r="AD17" s="160">
        <v>4</v>
      </c>
      <c r="AE17" s="160">
        <v>3</v>
      </c>
      <c r="AF17" s="160">
        <v>4</v>
      </c>
      <c r="AG17" s="160">
        <v>0</v>
      </c>
      <c r="AH17" s="165">
        <v>16</v>
      </c>
      <c r="AI17" s="164">
        <v>17</v>
      </c>
      <c r="AJ17" s="159">
        <v>0</v>
      </c>
      <c r="AK17" s="160">
        <v>0</v>
      </c>
      <c r="AL17" s="165">
        <v>0</v>
      </c>
      <c r="AM17" s="162">
        <v>0</v>
      </c>
      <c r="AN17" s="160">
        <v>4</v>
      </c>
      <c r="AO17" s="160">
        <v>1</v>
      </c>
      <c r="AP17" s="160">
        <v>0</v>
      </c>
      <c r="AQ17" s="160">
        <v>0</v>
      </c>
      <c r="AR17" s="160">
        <v>0</v>
      </c>
      <c r="AS17" s="165">
        <v>5</v>
      </c>
      <c r="AT17" s="164">
        <v>5</v>
      </c>
      <c r="AU17" s="159">
        <v>0</v>
      </c>
      <c r="AV17" s="160">
        <v>1</v>
      </c>
      <c r="AW17" s="165">
        <v>1</v>
      </c>
      <c r="AX17" s="162">
        <v>0</v>
      </c>
      <c r="AY17" s="160">
        <v>12</v>
      </c>
      <c r="AZ17" s="160">
        <v>5</v>
      </c>
      <c r="BA17" s="160">
        <v>5</v>
      </c>
      <c r="BB17" s="160">
        <v>6</v>
      </c>
      <c r="BC17" s="160">
        <v>3</v>
      </c>
      <c r="BD17" s="163">
        <v>31</v>
      </c>
      <c r="BE17" s="164">
        <v>32</v>
      </c>
      <c r="BF17" s="159">
        <v>0</v>
      </c>
      <c r="BG17" s="160">
        <v>0</v>
      </c>
      <c r="BH17" s="165">
        <v>0</v>
      </c>
      <c r="BI17" s="162">
        <v>0</v>
      </c>
      <c r="BJ17" s="160">
        <v>5</v>
      </c>
      <c r="BK17" s="160">
        <v>6</v>
      </c>
      <c r="BL17" s="160">
        <v>1</v>
      </c>
      <c r="BM17" s="160">
        <v>2</v>
      </c>
      <c r="BN17" s="160">
        <v>0</v>
      </c>
      <c r="BO17" s="165">
        <v>14</v>
      </c>
      <c r="BP17" s="164">
        <v>14</v>
      </c>
      <c r="BQ17" s="159">
        <v>0</v>
      </c>
      <c r="BR17" s="160">
        <v>0</v>
      </c>
      <c r="BS17" s="165">
        <v>0</v>
      </c>
      <c r="BT17" s="162">
        <v>0</v>
      </c>
      <c r="BU17" s="160">
        <v>1</v>
      </c>
      <c r="BV17" s="160">
        <v>1</v>
      </c>
      <c r="BW17" s="160">
        <v>4</v>
      </c>
      <c r="BX17" s="160">
        <v>1</v>
      </c>
      <c r="BY17" s="160">
        <v>0</v>
      </c>
      <c r="BZ17" s="165">
        <v>7</v>
      </c>
      <c r="CA17" s="164">
        <v>7</v>
      </c>
      <c r="CB17" s="159">
        <v>0</v>
      </c>
      <c r="CC17" s="160">
        <v>0</v>
      </c>
      <c r="CD17" s="165">
        <v>0</v>
      </c>
      <c r="CE17" s="162">
        <v>0</v>
      </c>
      <c r="CF17" s="160">
        <v>0</v>
      </c>
      <c r="CG17" s="160">
        <v>0</v>
      </c>
      <c r="CH17" s="160">
        <v>0</v>
      </c>
      <c r="CI17" s="160">
        <v>2</v>
      </c>
      <c r="CJ17" s="160">
        <v>1</v>
      </c>
      <c r="CK17" s="165">
        <v>3</v>
      </c>
      <c r="CL17" s="164">
        <v>3</v>
      </c>
      <c r="CM17" s="159">
        <v>0</v>
      </c>
      <c r="CN17" s="160">
        <v>0</v>
      </c>
      <c r="CO17" s="165">
        <v>0</v>
      </c>
      <c r="CP17" s="162">
        <v>0</v>
      </c>
      <c r="CQ17" s="160">
        <v>0</v>
      </c>
      <c r="CR17" s="160">
        <v>0</v>
      </c>
      <c r="CS17" s="160">
        <v>0</v>
      </c>
      <c r="CT17" s="160">
        <v>0</v>
      </c>
      <c r="CU17" s="160">
        <v>0</v>
      </c>
      <c r="CV17" s="165">
        <v>0</v>
      </c>
      <c r="CW17" s="164">
        <v>0</v>
      </c>
      <c r="CX17" s="159">
        <v>0</v>
      </c>
      <c r="CY17" s="160">
        <v>0</v>
      </c>
      <c r="CZ17" s="165">
        <v>0</v>
      </c>
      <c r="DA17" s="162">
        <v>0</v>
      </c>
      <c r="DB17" s="160">
        <v>0</v>
      </c>
      <c r="DC17" s="160">
        <v>0</v>
      </c>
      <c r="DD17" s="160">
        <v>0</v>
      </c>
      <c r="DE17" s="160">
        <v>0</v>
      </c>
      <c r="DF17" s="160">
        <v>0</v>
      </c>
      <c r="DG17" s="165">
        <v>0</v>
      </c>
      <c r="DH17" s="164">
        <v>0</v>
      </c>
      <c r="DI17" s="159">
        <v>0</v>
      </c>
      <c r="DJ17" s="160">
        <v>0</v>
      </c>
      <c r="DK17" s="165">
        <v>0</v>
      </c>
      <c r="DL17" s="162">
        <v>0</v>
      </c>
      <c r="DM17" s="160">
        <v>0</v>
      </c>
      <c r="DN17" s="160">
        <v>0</v>
      </c>
      <c r="DO17" s="160">
        <v>0</v>
      </c>
      <c r="DP17" s="160">
        <v>0</v>
      </c>
      <c r="DQ17" s="160">
        <v>0</v>
      </c>
      <c r="DR17" s="165">
        <v>0</v>
      </c>
      <c r="DS17" s="164">
        <v>0</v>
      </c>
      <c r="DT17" s="159">
        <v>0</v>
      </c>
      <c r="DU17" s="160">
        <v>8</v>
      </c>
      <c r="DV17" s="165">
        <v>8</v>
      </c>
      <c r="DW17" s="162">
        <v>0</v>
      </c>
      <c r="DX17" s="160">
        <v>9</v>
      </c>
      <c r="DY17" s="160">
        <v>15</v>
      </c>
      <c r="DZ17" s="160">
        <v>11</v>
      </c>
      <c r="EA17" s="160">
        <v>9</v>
      </c>
      <c r="EB17" s="160">
        <v>5</v>
      </c>
      <c r="EC17" s="165">
        <v>49</v>
      </c>
      <c r="ED17" s="164">
        <v>57</v>
      </c>
      <c r="EE17" s="159">
        <v>0</v>
      </c>
      <c r="EF17" s="160">
        <v>4</v>
      </c>
      <c r="EG17" s="165">
        <v>4</v>
      </c>
      <c r="EH17" s="162">
        <v>0</v>
      </c>
      <c r="EI17" s="160">
        <v>7</v>
      </c>
      <c r="EJ17" s="160">
        <v>1</v>
      </c>
      <c r="EK17" s="160">
        <v>3</v>
      </c>
      <c r="EL17" s="160">
        <v>1</v>
      </c>
      <c r="EM17" s="160">
        <v>1</v>
      </c>
      <c r="EN17" s="165">
        <v>13</v>
      </c>
      <c r="EO17" s="164">
        <v>17</v>
      </c>
      <c r="EP17" s="159">
        <v>1</v>
      </c>
      <c r="EQ17" s="160">
        <v>9</v>
      </c>
      <c r="ER17" s="165">
        <v>10</v>
      </c>
      <c r="ES17" s="162">
        <v>0</v>
      </c>
      <c r="ET17" s="160">
        <v>28</v>
      </c>
      <c r="EU17" s="160">
        <v>24</v>
      </c>
      <c r="EV17" s="160">
        <v>10</v>
      </c>
      <c r="EW17" s="160">
        <v>11</v>
      </c>
      <c r="EX17" s="160">
        <v>4</v>
      </c>
      <c r="EY17" s="165">
        <v>77</v>
      </c>
      <c r="EZ17" s="164">
        <v>87</v>
      </c>
    </row>
    <row r="18" spans="2:156" ht="21" customHeight="1" x14ac:dyDescent="0.2">
      <c r="B18" s="166" t="s">
        <v>16</v>
      </c>
      <c r="C18" s="159">
        <v>0</v>
      </c>
      <c r="D18" s="160">
        <v>0</v>
      </c>
      <c r="E18" s="161">
        <v>0</v>
      </c>
      <c r="F18" s="162">
        <v>0</v>
      </c>
      <c r="G18" s="160">
        <v>14</v>
      </c>
      <c r="H18" s="160">
        <v>11</v>
      </c>
      <c r="I18" s="160">
        <v>8</v>
      </c>
      <c r="J18" s="160">
        <v>3</v>
      </c>
      <c r="K18" s="160">
        <v>2</v>
      </c>
      <c r="L18" s="163">
        <v>38</v>
      </c>
      <c r="M18" s="164">
        <v>38</v>
      </c>
      <c r="N18" s="159">
        <v>0</v>
      </c>
      <c r="O18" s="160">
        <v>0</v>
      </c>
      <c r="P18" s="165">
        <v>0</v>
      </c>
      <c r="Q18" s="162">
        <v>0</v>
      </c>
      <c r="R18" s="160">
        <v>0</v>
      </c>
      <c r="S18" s="160">
        <v>0</v>
      </c>
      <c r="T18" s="160">
        <v>1</v>
      </c>
      <c r="U18" s="160">
        <v>0</v>
      </c>
      <c r="V18" s="160">
        <v>1</v>
      </c>
      <c r="W18" s="165">
        <v>2</v>
      </c>
      <c r="X18" s="164">
        <v>2</v>
      </c>
      <c r="Y18" s="159">
        <v>7</v>
      </c>
      <c r="Z18" s="160">
        <v>4</v>
      </c>
      <c r="AA18" s="165">
        <v>11</v>
      </c>
      <c r="AB18" s="162">
        <v>0</v>
      </c>
      <c r="AC18" s="160">
        <v>10</v>
      </c>
      <c r="AD18" s="160">
        <v>20</v>
      </c>
      <c r="AE18" s="160">
        <v>5</v>
      </c>
      <c r="AF18" s="160">
        <v>5</v>
      </c>
      <c r="AG18" s="160">
        <v>6</v>
      </c>
      <c r="AH18" s="165">
        <v>46</v>
      </c>
      <c r="AI18" s="164">
        <v>57</v>
      </c>
      <c r="AJ18" s="159">
        <v>1</v>
      </c>
      <c r="AK18" s="160">
        <v>0</v>
      </c>
      <c r="AL18" s="165">
        <v>1</v>
      </c>
      <c r="AM18" s="162">
        <v>0</v>
      </c>
      <c r="AN18" s="160">
        <v>2</v>
      </c>
      <c r="AO18" s="160">
        <v>1</v>
      </c>
      <c r="AP18" s="160">
        <v>0</v>
      </c>
      <c r="AQ18" s="160">
        <v>1</v>
      </c>
      <c r="AR18" s="160">
        <v>0</v>
      </c>
      <c r="AS18" s="165">
        <v>4</v>
      </c>
      <c r="AT18" s="164">
        <v>5</v>
      </c>
      <c r="AU18" s="159">
        <v>2</v>
      </c>
      <c r="AV18" s="160">
        <v>4</v>
      </c>
      <c r="AW18" s="165">
        <v>6</v>
      </c>
      <c r="AX18" s="162">
        <v>0</v>
      </c>
      <c r="AY18" s="160">
        <v>13</v>
      </c>
      <c r="AZ18" s="160">
        <v>25</v>
      </c>
      <c r="BA18" s="160">
        <v>12</v>
      </c>
      <c r="BB18" s="160">
        <v>15</v>
      </c>
      <c r="BC18" s="160">
        <v>11</v>
      </c>
      <c r="BD18" s="163">
        <v>76</v>
      </c>
      <c r="BE18" s="164">
        <v>82</v>
      </c>
      <c r="BF18" s="159">
        <v>0</v>
      </c>
      <c r="BG18" s="160">
        <v>0</v>
      </c>
      <c r="BH18" s="165">
        <v>0</v>
      </c>
      <c r="BI18" s="162">
        <v>0</v>
      </c>
      <c r="BJ18" s="160">
        <v>19</v>
      </c>
      <c r="BK18" s="160">
        <v>18</v>
      </c>
      <c r="BL18" s="160">
        <v>11</v>
      </c>
      <c r="BM18" s="160">
        <v>5</v>
      </c>
      <c r="BN18" s="160">
        <v>1</v>
      </c>
      <c r="BO18" s="165">
        <v>54</v>
      </c>
      <c r="BP18" s="164">
        <v>54</v>
      </c>
      <c r="BQ18" s="159">
        <v>1</v>
      </c>
      <c r="BR18" s="160">
        <v>12</v>
      </c>
      <c r="BS18" s="165">
        <v>13</v>
      </c>
      <c r="BT18" s="162">
        <v>0</v>
      </c>
      <c r="BU18" s="160">
        <v>8</v>
      </c>
      <c r="BV18" s="160">
        <v>23</v>
      </c>
      <c r="BW18" s="160">
        <v>5</v>
      </c>
      <c r="BX18" s="160">
        <v>1</v>
      </c>
      <c r="BY18" s="160">
        <v>2</v>
      </c>
      <c r="BZ18" s="165">
        <v>39</v>
      </c>
      <c r="CA18" s="164">
        <v>52</v>
      </c>
      <c r="CB18" s="159">
        <v>0</v>
      </c>
      <c r="CC18" s="160">
        <v>0</v>
      </c>
      <c r="CD18" s="165">
        <v>0</v>
      </c>
      <c r="CE18" s="162">
        <v>0</v>
      </c>
      <c r="CF18" s="160">
        <v>2</v>
      </c>
      <c r="CG18" s="160">
        <v>1</v>
      </c>
      <c r="CH18" s="160">
        <v>0</v>
      </c>
      <c r="CI18" s="160">
        <v>2</v>
      </c>
      <c r="CJ18" s="160">
        <v>1</v>
      </c>
      <c r="CK18" s="165">
        <v>6</v>
      </c>
      <c r="CL18" s="164">
        <v>6</v>
      </c>
      <c r="CM18" s="159">
        <v>0</v>
      </c>
      <c r="CN18" s="160">
        <v>0</v>
      </c>
      <c r="CO18" s="165">
        <v>0</v>
      </c>
      <c r="CP18" s="162">
        <v>0</v>
      </c>
      <c r="CQ18" s="160">
        <v>0</v>
      </c>
      <c r="CR18" s="160">
        <v>2</v>
      </c>
      <c r="CS18" s="160">
        <v>0</v>
      </c>
      <c r="CT18" s="160">
        <v>1</v>
      </c>
      <c r="CU18" s="160">
        <v>0</v>
      </c>
      <c r="CV18" s="165">
        <v>3</v>
      </c>
      <c r="CW18" s="164">
        <v>3</v>
      </c>
      <c r="CX18" s="159">
        <v>0</v>
      </c>
      <c r="CY18" s="160">
        <v>0</v>
      </c>
      <c r="CZ18" s="165">
        <v>0</v>
      </c>
      <c r="DA18" s="162">
        <v>0</v>
      </c>
      <c r="DB18" s="160">
        <v>0</v>
      </c>
      <c r="DC18" s="160">
        <v>0</v>
      </c>
      <c r="DD18" s="160">
        <v>0</v>
      </c>
      <c r="DE18" s="160">
        <v>0</v>
      </c>
      <c r="DF18" s="160">
        <v>0</v>
      </c>
      <c r="DG18" s="165">
        <v>0</v>
      </c>
      <c r="DH18" s="164">
        <v>0</v>
      </c>
      <c r="DI18" s="159">
        <v>0</v>
      </c>
      <c r="DJ18" s="160">
        <v>0</v>
      </c>
      <c r="DK18" s="165">
        <v>0</v>
      </c>
      <c r="DL18" s="162">
        <v>0</v>
      </c>
      <c r="DM18" s="160">
        <v>0</v>
      </c>
      <c r="DN18" s="160">
        <v>0</v>
      </c>
      <c r="DO18" s="160">
        <v>0</v>
      </c>
      <c r="DP18" s="160">
        <v>0</v>
      </c>
      <c r="DQ18" s="160">
        <v>0</v>
      </c>
      <c r="DR18" s="165">
        <v>0</v>
      </c>
      <c r="DS18" s="164">
        <v>0</v>
      </c>
      <c r="DT18" s="159">
        <v>13</v>
      </c>
      <c r="DU18" s="160">
        <v>21</v>
      </c>
      <c r="DV18" s="165">
        <v>34</v>
      </c>
      <c r="DW18" s="162">
        <v>0</v>
      </c>
      <c r="DX18" s="160">
        <v>20</v>
      </c>
      <c r="DY18" s="160">
        <v>47</v>
      </c>
      <c r="DZ18" s="160">
        <v>28</v>
      </c>
      <c r="EA18" s="160">
        <v>15</v>
      </c>
      <c r="EB18" s="160">
        <v>4</v>
      </c>
      <c r="EC18" s="165">
        <v>114</v>
      </c>
      <c r="ED18" s="164">
        <v>148</v>
      </c>
      <c r="EE18" s="159">
        <v>1</v>
      </c>
      <c r="EF18" s="160">
        <v>1</v>
      </c>
      <c r="EG18" s="165">
        <v>2</v>
      </c>
      <c r="EH18" s="162">
        <v>0</v>
      </c>
      <c r="EI18" s="160">
        <v>8</v>
      </c>
      <c r="EJ18" s="160">
        <v>14</v>
      </c>
      <c r="EK18" s="160">
        <v>4</v>
      </c>
      <c r="EL18" s="160">
        <v>9</v>
      </c>
      <c r="EM18" s="160">
        <v>6</v>
      </c>
      <c r="EN18" s="165">
        <v>41</v>
      </c>
      <c r="EO18" s="164">
        <v>43</v>
      </c>
      <c r="EP18" s="159">
        <v>19</v>
      </c>
      <c r="EQ18" s="160">
        <v>32</v>
      </c>
      <c r="ER18" s="165">
        <v>51</v>
      </c>
      <c r="ES18" s="162">
        <v>0</v>
      </c>
      <c r="ET18" s="160">
        <v>55</v>
      </c>
      <c r="EU18" s="160">
        <v>67</v>
      </c>
      <c r="EV18" s="160">
        <v>31</v>
      </c>
      <c r="EW18" s="160">
        <v>15</v>
      </c>
      <c r="EX18" s="160">
        <v>6</v>
      </c>
      <c r="EY18" s="165">
        <v>174</v>
      </c>
      <c r="EZ18" s="164">
        <v>225</v>
      </c>
    </row>
    <row r="19" spans="2:156" ht="21" customHeight="1" x14ac:dyDescent="0.2">
      <c r="B19" s="166" t="s">
        <v>17</v>
      </c>
      <c r="C19" s="159">
        <v>0</v>
      </c>
      <c r="D19" s="160">
        <v>0</v>
      </c>
      <c r="E19" s="161">
        <v>0</v>
      </c>
      <c r="F19" s="162">
        <v>0</v>
      </c>
      <c r="G19" s="160">
        <v>16</v>
      </c>
      <c r="H19" s="160">
        <v>22</v>
      </c>
      <c r="I19" s="160">
        <v>11</v>
      </c>
      <c r="J19" s="160">
        <v>5</v>
      </c>
      <c r="K19" s="160">
        <v>5</v>
      </c>
      <c r="L19" s="163">
        <v>59</v>
      </c>
      <c r="M19" s="164">
        <v>59</v>
      </c>
      <c r="N19" s="159">
        <v>0</v>
      </c>
      <c r="O19" s="160">
        <v>0</v>
      </c>
      <c r="P19" s="165">
        <v>0</v>
      </c>
      <c r="Q19" s="162">
        <v>0</v>
      </c>
      <c r="R19" s="160">
        <v>1</v>
      </c>
      <c r="S19" s="160">
        <v>0</v>
      </c>
      <c r="T19" s="160">
        <v>0</v>
      </c>
      <c r="U19" s="160">
        <v>0</v>
      </c>
      <c r="V19" s="160">
        <v>0</v>
      </c>
      <c r="W19" s="165">
        <v>1</v>
      </c>
      <c r="X19" s="164">
        <v>1</v>
      </c>
      <c r="Y19" s="159">
        <v>0</v>
      </c>
      <c r="Z19" s="160">
        <v>4</v>
      </c>
      <c r="AA19" s="165">
        <v>4</v>
      </c>
      <c r="AB19" s="162">
        <v>0</v>
      </c>
      <c r="AC19" s="160">
        <v>14</v>
      </c>
      <c r="AD19" s="160">
        <v>18</v>
      </c>
      <c r="AE19" s="160">
        <v>16</v>
      </c>
      <c r="AF19" s="160">
        <v>6</v>
      </c>
      <c r="AG19" s="160">
        <v>1</v>
      </c>
      <c r="AH19" s="165">
        <v>55</v>
      </c>
      <c r="AI19" s="164">
        <v>59</v>
      </c>
      <c r="AJ19" s="159">
        <v>0</v>
      </c>
      <c r="AK19" s="160">
        <v>2</v>
      </c>
      <c r="AL19" s="165">
        <v>2</v>
      </c>
      <c r="AM19" s="162">
        <v>0</v>
      </c>
      <c r="AN19" s="160">
        <v>1</v>
      </c>
      <c r="AO19" s="160">
        <v>1</v>
      </c>
      <c r="AP19" s="160">
        <v>1</v>
      </c>
      <c r="AQ19" s="160">
        <v>0</v>
      </c>
      <c r="AR19" s="160">
        <v>1</v>
      </c>
      <c r="AS19" s="165">
        <v>4</v>
      </c>
      <c r="AT19" s="164">
        <v>6</v>
      </c>
      <c r="AU19" s="159">
        <v>8</v>
      </c>
      <c r="AV19" s="160">
        <v>3</v>
      </c>
      <c r="AW19" s="165">
        <v>11</v>
      </c>
      <c r="AX19" s="162">
        <v>0</v>
      </c>
      <c r="AY19" s="160">
        <v>13</v>
      </c>
      <c r="AZ19" s="160">
        <v>31</v>
      </c>
      <c r="BA19" s="160">
        <v>32</v>
      </c>
      <c r="BB19" s="160">
        <v>12</v>
      </c>
      <c r="BC19" s="160">
        <v>8</v>
      </c>
      <c r="BD19" s="163">
        <v>96</v>
      </c>
      <c r="BE19" s="164">
        <v>107</v>
      </c>
      <c r="BF19" s="159">
        <v>0</v>
      </c>
      <c r="BG19" s="160">
        <v>0</v>
      </c>
      <c r="BH19" s="165">
        <v>0</v>
      </c>
      <c r="BI19" s="162">
        <v>0</v>
      </c>
      <c r="BJ19" s="160">
        <v>14</v>
      </c>
      <c r="BK19" s="160">
        <v>22</v>
      </c>
      <c r="BL19" s="160">
        <v>14</v>
      </c>
      <c r="BM19" s="160">
        <v>3</v>
      </c>
      <c r="BN19" s="160">
        <v>1</v>
      </c>
      <c r="BO19" s="165">
        <v>54</v>
      </c>
      <c r="BP19" s="164">
        <v>54</v>
      </c>
      <c r="BQ19" s="159">
        <v>4</v>
      </c>
      <c r="BR19" s="160">
        <v>3</v>
      </c>
      <c r="BS19" s="165">
        <v>7</v>
      </c>
      <c r="BT19" s="162">
        <v>0</v>
      </c>
      <c r="BU19" s="160">
        <v>2</v>
      </c>
      <c r="BV19" s="160">
        <v>14</v>
      </c>
      <c r="BW19" s="160">
        <v>6</v>
      </c>
      <c r="BX19" s="160">
        <v>1</v>
      </c>
      <c r="BY19" s="160">
        <v>2</v>
      </c>
      <c r="BZ19" s="165">
        <v>25</v>
      </c>
      <c r="CA19" s="164">
        <v>32</v>
      </c>
      <c r="CB19" s="159">
        <v>0</v>
      </c>
      <c r="CC19" s="160">
        <v>1</v>
      </c>
      <c r="CD19" s="165">
        <v>1</v>
      </c>
      <c r="CE19" s="162">
        <v>0</v>
      </c>
      <c r="CF19" s="160">
        <v>4</v>
      </c>
      <c r="CG19" s="160">
        <v>7</v>
      </c>
      <c r="CH19" s="160">
        <v>5</v>
      </c>
      <c r="CI19" s="160">
        <v>1</v>
      </c>
      <c r="CJ19" s="160">
        <v>2</v>
      </c>
      <c r="CK19" s="165">
        <v>19</v>
      </c>
      <c r="CL19" s="164">
        <v>20</v>
      </c>
      <c r="CM19" s="159">
        <v>0</v>
      </c>
      <c r="CN19" s="160">
        <v>0</v>
      </c>
      <c r="CO19" s="165">
        <v>0</v>
      </c>
      <c r="CP19" s="162">
        <v>0</v>
      </c>
      <c r="CQ19" s="160">
        <v>0</v>
      </c>
      <c r="CR19" s="160">
        <v>3</v>
      </c>
      <c r="CS19" s="160">
        <v>3</v>
      </c>
      <c r="CT19" s="160">
        <v>0</v>
      </c>
      <c r="CU19" s="160">
        <v>0</v>
      </c>
      <c r="CV19" s="165">
        <v>6</v>
      </c>
      <c r="CW19" s="164">
        <v>6</v>
      </c>
      <c r="CX19" s="159">
        <v>0</v>
      </c>
      <c r="CY19" s="160">
        <v>0</v>
      </c>
      <c r="CZ19" s="165">
        <v>0</v>
      </c>
      <c r="DA19" s="162">
        <v>0</v>
      </c>
      <c r="DB19" s="160">
        <v>0</v>
      </c>
      <c r="DC19" s="160">
        <v>0</v>
      </c>
      <c r="DD19" s="160">
        <v>0</v>
      </c>
      <c r="DE19" s="160">
        <v>0</v>
      </c>
      <c r="DF19" s="160">
        <v>0</v>
      </c>
      <c r="DG19" s="165">
        <v>0</v>
      </c>
      <c r="DH19" s="164">
        <v>0</v>
      </c>
      <c r="DI19" s="159">
        <v>0</v>
      </c>
      <c r="DJ19" s="160">
        <v>0</v>
      </c>
      <c r="DK19" s="165">
        <v>0</v>
      </c>
      <c r="DL19" s="162">
        <v>0</v>
      </c>
      <c r="DM19" s="160">
        <v>0</v>
      </c>
      <c r="DN19" s="160">
        <v>0</v>
      </c>
      <c r="DO19" s="160">
        <v>0</v>
      </c>
      <c r="DP19" s="160">
        <v>0</v>
      </c>
      <c r="DQ19" s="160">
        <v>0</v>
      </c>
      <c r="DR19" s="165">
        <v>0</v>
      </c>
      <c r="DS19" s="164">
        <v>0</v>
      </c>
      <c r="DT19" s="159">
        <v>8</v>
      </c>
      <c r="DU19" s="160">
        <v>31</v>
      </c>
      <c r="DV19" s="165">
        <v>39</v>
      </c>
      <c r="DW19" s="162">
        <v>0</v>
      </c>
      <c r="DX19" s="160">
        <v>18</v>
      </c>
      <c r="DY19" s="160">
        <v>67</v>
      </c>
      <c r="DZ19" s="160">
        <v>34</v>
      </c>
      <c r="EA19" s="160">
        <v>11</v>
      </c>
      <c r="EB19" s="160">
        <v>7</v>
      </c>
      <c r="EC19" s="165">
        <v>137</v>
      </c>
      <c r="ED19" s="164">
        <v>176</v>
      </c>
      <c r="EE19" s="159">
        <v>4</v>
      </c>
      <c r="EF19" s="160">
        <v>2</v>
      </c>
      <c r="EG19" s="165">
        <v>6</v>
      </c>
      <c r="EH19" s="162">
        <v>0</v>
      </c>
      <c r="EI19" s="160">
        <v>7</v>
      </c>
      <c r="EJ19" s="160">
        <v>14</v>
      </c>
      <c r="EK19" s="160">
        <v>6</v>
      </c>
      <c r="EL19" s="160">
        <v>2</v>
      </c>
      <c r="EM19" s="160">
        <v>2</v>
      </c>
      <c r="EN19" s="165">
        <v>31</v>
      </c>
      <c r="EO19" s="164">
        <v>37</v>
      </c>
      <c r="EP19" s="159">
        <v>14</v>
      </c>
      <c r="EQ19" s="160">
        <v>33</v>
      </c>
      <c r="ER19" s="165">
        <v>47</v>
      </c>
      <c r="ES19" s="162">
        <v>0</v>
      </c>
      <c r="ET19" s="160">
        <v>66</v>
      </c>
      <c r="EU19" s="160">
        <v>92</v>
      </c>
      <c r="EV19" s="160">
        <v>50</v>
      </c>
      <c r="EW19" s="160">
        <v>15</v>
      </c>
      <c r="EX19" s="160">
        <v>9</v>
      </c>
      <c r="EY19" s="165">
        <v>232</v>
      </c>
      <c r="EZ19" s="164">
        <v>279</v>
      </c>
    </row>
    <row r="20" spans="2:156" ht="21" customHeight="1" x14ac:dyDescent="0.2">
      <c r="B20" s="166" t="s">
        <v>18</v>
      </c>
      <c r="C20" s="159">
        <v>0</v>
      </c>
      <c r="D20" s="160">
        <v>0</v>
      </c>
      <c r="E20" s="161">
        <v>0</v>
      </c>
      <c r="F20" s="162">
        <v>0</v>
      </c>
      <c r="G20" s="160">
        <v>24</v>
      </c>
      <c r="H20" s="160">
        <v>21</v>
      </c>
      <c r="I20" s="160">
        <v>13</v>
      </c>
      <c r="J20" s="160">
        <v>8</v>
      </c>
      <c r="K20" s="160">
        <v>9</v>
      </c>
      <c r="L20" s="163">
        <v>75</v>
      </c>
      <c r="M20" s="164">
        <v>75</v>
      </c>
      <c r="N20" s="159">
        <v>0</v>
      </c>
      <c r="O20" s="160">
        <v>0</v>
      </c>
      <c r="P20" s="165">
        <v>0</v>
      </c>
      <c r="Q20" s="162">
        <v>0</v>
      </c>
      <c r="R20" s="160">
        <v>0</v>
      </c>
      <c r="S20" s="160">
        <v>0</v>
      </c>
      <c r="T20" s="160">
        <v>0</v>
      </c>
      <c r="U20" s="160">
        <v>4</v>
      </c>
      <c r="V20" s="160">
        <v>4</v>
      </c>
      <c r="W20" s="165">
        <v>8</v>
      </c>
      <c r="X20" s="164">
        <v>8</v>
      </c>
      <c r="Y20" s="159">
        <v>7</v>
      </c>
      <c r="Z20" s="160">
        <v>12</v>
      </c>
      <c r="AA20" s="165">
        <v>19</v>
      </c>
      <c r="AB20" s="162">
        <v>0</v>
      </c>
      <c r="AC20" s="160">
        <v>24</v>
      </c>
      <c r="AD20" s="160">
        <v>27</v>
      </c>
      <c r="AE20" s="160">
        <v>10</v>
      </c>
      <c r="AF20" s="160">
        <v>9</v>
      </c>
      <c r="AG20" s="160">
        <v>7</v>
      </c>
      <c r="AH20" s="165">
        <v>77</v>
      </c>
      <c r="AI20" s="164">
        <v>96</v>
      </c>
      <c r="AJ20" s="159">
        <v>1</v>
      </c>
      <c r="AK20" s="160">
        <v>1</v>
      </c>
      <c r="AL20" s="165">
        <v>2</v>
      </c>
      <c r="AM20" s="162">
        <v>0</v>
      </c>
      <c r="AN20" s="160">
        <v>1</v>
      </c>
      <c r="AO20" s="160">
        <v>4</v>
      </c>
      <c r="AP20" s="160">
        <v>2</v>
      </c>
      <c r="AQ20" s="160">
        <v>1</v>
      </c>
      <c r="AR20" s="160">
        <v>0</v>
      </c>
      <c r="AS20" s="165">
        <v>8</v>
      </c>
      <c r="AT20" s="164">
        <v>10</v>
      </c>
      <c r="AU20" s="159">
        <v>5</v>
      </c>
      <c r="AV20" s="160">
        <v>6</v>
      </c>
      <c r="AW20" s="165">
        <v>11</v>
      </c>
      <c r="AX20" s="162">
        <v>0</v>
      </c>
      <c r="AY20" s="160">
        <v>41</v>
      </c>
      <c r="AZ20" s="160">
        <v>35</v>
      </c>
      <c r="BA20" s="160">
        <v>39</v>
      </c>
      <c r="BB20" s="160">
        <v>28</v>
      </c>
      <c r="BC20" s="160">
        <v>22</v>
      </c>
      <c r="BD20" s="163">
        <v>165</v>
      </c>
      <c r="BE20" s="164">
        <v>176</v>
      </c>
      <c r="BF20" s="159">
        <v>0</v>
      </c>
      <c r="BG20" s="160">
        <v>0</v>
      </c>
      <c r="BH20" s="165">
        <v>0</v>
      </c>
      <c r="BI20" s="162">
        <v>0</v>
      </c>
      <c r="BJ20" s="160">
        <v>54</v>
      </c>
      <c r="BK20" s="160">
        <v>31</v>
      </c>
      <c r="BL20" s="160">
        <v>19</v>
      </c>
      <c r="BM20" s="160">
        <v>4</v>
      </c>
      <c r="BN20" s="160">
        <v>2</v>
      </c>
      <c r="BO20" s="165">
        <v>110</v>
      </c>
      <c r="BP20" s="164">
        <v>110</v>
      </c>
      <c r="BQ20" s="159">
        <v>2</v>
      </c>
      <c r="BR20" s="160">
        <v>8</v>
      </c>
      <c r="BS20" s="165">
        <v>10</v>
      </c>
      <c r="BT20" s="162">
        <v>0</v>
      </c>
      <c r="BU20" s="160">
        <v>10</v>
      </c>
      <c r="BV20" s="160">
        <v>8</v>
      </c>
      <c r="BW20" s="160">
        <v>7</v>
      </c>
      <c r="BX20" s="160">
        <v>2</v>
      </c>
      <c r="BY20" s="160">
        <v>2</v>
      </c>
      <c r="BZ20" s="165">
        <v>29</v>
      </c>
      <c r="CA20" s="164">
        <v>39</v>
      </c>
      <c r="CB20" s="159">
        <v>0</v>
      </c>
      <c r="CC20" s="160">
        <v>1</v>
      </c>
      <c r="CD20" s="165">
        <v>1</v>
      </c>
      <c r="CE20" s="162">
        <v>0</v>
      </c>
      <c r="CF20" s="160">
        <v>5</v>
      </c>
      <c r="CG20" s="160">
        <v>8</v>
      </c>
      <c r="CH20" s="160">
        <v>9</v>
      </c>
      <c r="CI20" s="160">
        <v>2</v>
      </c>
      <c r="CJ20" s="160">
        <v>3</v>
      </c>
      <c r="CK20" s="165">
        <v>27</v>
      </c>
      <c r="CL20" s="164">
        <v>28</v>
      </c>
      <c r="CM20" s="159">
        <v>0</v>
      </c>
      <c r="CN20" s="160">
        <v>0</v>
      </c>
      <c r="CO20" s="165">
        <v>0</v>
      </c>
      <c r="CP20" s="162">
        <v>0</v>
      </c>
      <c r="CQ20" s="160">
        <v>0</v>
      </c>
      <c r="CR20" s="160">
        <v>0</v>
      </c>
      <c r="CS20" s="160">
        <v>1</v>
      </c>
      <c r="CT20" s="160">
        <v>0</v>
      </c>
      <c r="CU20" s="160">
        <v>0</v>
      </c>
      <c r="CV20" s="165">
        <v>1</v>
      </c>
      <c r="CW20" s="164">
        <v>1</v>
      </c>
      <c r="CX20" s="159">
        <v>0</v>
      </c>
      <c r="CY20" s="160">
        <v>0</v>
      </c>
      <c r="CZ20" s="165">
        <v>0</v>
      </c>
      <c r="DA20" s="162">
        <v>0</v>
      </c>
      <c r="DB20" s="160">
        <v>0</v>
      </c>
      <c r="DC20" s="160">
        <v>0</v>
      </c>
      <c r="DD20" s="160">
        <v>0</v>
      </c>
      <c r="DE20" s="160">
        <v>0</v>
      </c>
      <c r="DF20" s="160">
        <v>0</v>
      </c>
      <c r="DG20" s="165">
        <v>0</v>
      </c>
      <c r="DH20" s="164">
        <v>0</v>
      </c>
      <c r="DI20" s="159">
        <v>0</v>
      </c>
      <c r="DJ20" s="160">
        <v>0</v>
      </c>
      <c r="DK20" s="165">
        <v>0</v>
      </c>
      <c r="DL20" s="162">
        <v>0</v>
      </c>
      <c r="DM20" s="160">
        <v>0</v>
      </c>
      <c r="DN20" s="160">
        <v>0</v>
      </c>
      <c r="DO20" s="160">
        <v>0</v>
      </c>
      <c r="DP20" s="160">
        <v>0</v>
      </c>
      <c r="DQ20" s="160">
        <v>0</v>
      </c>
      <c r="DR20" s="165">
        <v>0</v>
      </c>
      <c r="DS20" s="164">
        <v>0</v>
      </c>
      <c r="DT20" s="159">
        <v>11</v>
      </c>
      <c r="DU20" s="160">
        <v>30</v>
      </c>
      <c r="DV20" s="165">
        <v>41</v>
      </c>
      <c r="DW20" s="162">
        <v>0</v>
      </c>
      <c r="DX20" s="160">
        <v>53</v>
      </c>
      <c r="DY20" s="160">
        <v>57</v>
      </c>
      <c r="DZ20" s="160">
        <v>35</v>
      </c>
      <c r="EA20" s="160">
        <v>22</v>
      </c>
      <c r="EB20" s="160">
        <v>18</v>
      </c>
      <c r="EC20" s="165">
        <v>185</v>
      </c>
      <c r="ED20" s="164">
        <v>226</v>
      </c>
      <c r="EE20" s="159">
        <v>2</v>
      </c>
      <c r="EF20" s="160">
        <v>1</v>
      </c>
      <c r="EG20" s="165">
        <v>3</v>
      </c>
      <c r="EH20" s="162">
        <v>0</v>
      </c>
      <c r="EI20" s="160">
        <v>15</v>
      </c>
      <c r="EJ20" s="160">
        <v>8</v>
      </c>
      <c r="EK20" s="160">
        <v>14</v>
      </c>
      <c r="EL20" s="160">
        <v>10</v>
      </c>
      <c r="EM20" s="160">
        <v>5</v>
      </c>
      <c r="EN20" s="165">
        <v>52</v>
      </c>
      <c r="EO20" s="164">
        <v>55</v>
      </c>
      <c r="EP20" s="159">
        <v>19</v>
      </c>
      <c r="EQ20" s="160">
        <v>40</v>
      </c>
      <c r="ER20" s="165">
        <v>59</v>
      </c>
      <c r="ES20" s="162">
        <v>0</v>
      </c>
      <c r="ET20" s="160">
        <v>126</v>
      </c>
      <c r="EU20" s="160">
        <v>81</v>
      </c>
      <c r="EV20" s="160">
        <v>47</v>
      </c>
      <c r="EW20" s="160">
        <v>22</v>
      </c>
      <c r="EX20" s="160">
        <v>21</v>
      </c>
      <c r="EY20" s="165">
        <v>297</v>
      </c>
      <c r="EZ20" s="164">
        <v>356</v>
      </c>
    </row>
    <row r="21" spans="2:156" ht="21" customHeight="1" x14ac:dyDescent="0.2">
      <c r="B21" s="166" t="s">
        <v>19</v>
      </c>
      <c r="C21" s="159">
        <v>0</v>
      </c>
      <c r="D21" s="160">
        <v>0</v>
      </c>
      <c r="E21" s="161">
        <v>0</v>
      </c>
      <c r="F21" s="162">
        <v>0</v>
      </c>
      <c r="G21" s="160">
        <v>12</v>
      </c>
      <c r="H21" s="160">
        <v>7</v>
      </c>
      <c r="I21" s="160">
        <v>2</v>
      </c>
      <c r="J21" s="160">
        <v>5</v>
      </c>
      <c r="K21" s="160">
        <v>3</v>
      </c>
      <c r="L21" s="163">
        <v>29</v>
      </c>
      <c r="M21" s="164">
        <v>29</v>
      </c>
      <c r="N21" s="159">
        <v>0</v>
      </c>
      <c r="O21" s="160">
        <v>0</v>
      </c>
      <c r="P21" s="165">
        <v>0</v>
      </c>
      <c r="Q21" s="162">
        <v>0</v>
      </c>
      <c r="R21" s="160">
        <v>0</v>
      </c>
      <c r="S21" s="160">
        <v>0</v>
      </c>
      <c r="T21" s="160">
        <v>2</v>
      </c>
      <c r="U21" s="160">
        <v>0</v>
      </c>
      <c r="V21" s="160">
        <v>2</v>
      </c>
      <c r="W21" s="165">
        <v>4</v>
      </c>
      <c r="X21" s="164">
        <v>4</v>
      </c>
      <c r="Y21" s="159">
        <v>1</v>
      </c>
      <c r="Z21" s="160">
        <v>6</v>
      </c>
      <c r="AA21" s="165">
        <v>7</v>
      </c>
      <c r="AB21" s="162">
        <v>0</v>
      </c>
      <c r="AC21" s="160">
        <v>15</v>
      </c>
      <c r="AD21" s="160">
        <v>10</v>
      </c>
      <c r="AE21" s="160">
        <v>6</v>
      </c>
      <c r="AF21" s="160">
        <v>5</v>
      </c>
      <c r="AG21" s="160">
        <v>5</v>
      </c>
      <c r="AH21" s="165">
        <v>41</v>
      </c>
      <c r="AI21" s="164">
        <v>48</v>
      </c>
      <c r="AJ21" s="159">
        <v>0</v>
      </c>
      <c r="AK21" s="160">
        <v>0</v>
      </c>
      <c r="AL21" s="165">
        <v>0</v>
      </c>
      <c r="AM21" s="162">
        <v>0</v>
      </c>
      <c r="AN21" s="160">
        <v>1</v>
      </c>
      <c r="AO21" s="160">
        <v>1</v>
      </c>
      <c r="AP21" s="160">
        <v>0</v>
      </c>
      <c r="AQ21" s="160">
        <v>2</v>
      </c>
      <c r="AR21" s="160">
        <v>1</v>
      </c>
      <c r="AS21" s="165">
        <v>5</v>
      </c>
      <c r="AT21" s="164">
        <v>5</v>
      </c>
      <c r="AU21" s="159">
        <v>3</v>
      </c>
      <c r="AV21" s="160">
        <v>9</v>
      </c>
      <c r="AW21" s="165">
        <v>12</v>
      </c>
      <c r="AX21" s="162">
        <v>0</v>
      </c>
      <c r="AY21" s="160">
        <v>24</v>
      </c>
      <c r="AZ21" s="160">
        <v>18</v>
      </c>
      <c r="BA21" s="160">
        <v>12</v>
      </c>
      <c r="BB21" s="160">
        <v>9</v>
      </c>
      <c r="BC21" s="160">
        <v>13</v>
      </c>
      <c r="BD21" s="163">
        <v>76</v>
      </c>
      <c r="BE21" s="164">
        <v>88</v>
      </c>
      <c r="BF21" s="159">
        <v>0</v>
      </c>
      <c r="BG21" s="160">
        <v>0</v>
      </c>
      <c r="BH21" s="165">
        <v>0</v>
      </c>
      <c r="BI21" s="162">
        <v>0</v>
      </c>
      <c r="BJ21" s="160">
        <v>16</v>
      </c>
      <c r="BK21" s="160">
        <v>15</v>
      </c>
      <c r="BL21" s="160">
        <v>3</v>
      </c>
      <c r="BM21" s="160">
        <v>3</v>
      </c>
      <c r="BN21" s="160">
        <v>2</v>
      </c>
      <c r="BO21" s="165">
        <v>39</v>
      </c>
      <c r="BP21" s="164">
        <v>39</v>
      </c>
      <c r="BQ21" s="159">
        <v>3</v>
      </c>
      <c r="BR21" s="160">
        <v>3</v>
      </c>
      <c r="BS21" s="165">
        <v>6</v>
      </c>
      <c r="BT21" s="162">
        <v>0</v>
      </c>
      <c r="BU21" s="160">
        <v>8</v>
      </c>
      <c r="BV21" s="160">
        <v>10</v>
      </c>
      <c r="BW21" s="160">
        <v>2</v>
      </c>
      <c r="BX21" s="160">
        <v>2</v>
      </c>
      <c r="BY21" s="160">
        <v>0</v>
      </c>
      <c r="BZ21" s="165">
        <v>22</v>
      </c>
      <c r="CA21" s="164">
        <v>28</v>
      </c>
      <c r="CB21" s="159">
        <v>0</v>
      </c>
      <c r="CC21" s="160">
        <v>0</v>
      </c>
      <c r="CD21" s="165">
        <v>0</v>
      </c>
      <c r="CE21" s="162">
        <v>0</v>
      </c>
      <c r="CF21" s="160">
        <v>1</v>
      </c>
      <c r="CG21" s="160">
        <v>4</v>
      </c>
      <c r="CH21" s="160">
        <v>0</v>
      </c>
      <c r="CI21" s="160">
        <v>0</v>
      </c>
      <c r="CJ21" s="160">
        <v>0</v>
      </c>
      <c r="CK21" s="165">
        <v>5</v>
      </c>
      <c r="CL21" s="164">
        <v>5</v>
      </c>
      <c r="CM21" s="159">
        <v>0</v>
      </c>
      <c r="CN21" s="160">
        <v>0</v>
      </c>
      <c r="CO21" s="165">
        <v>0</v>
      </c>
      <c r="CP21" s="162">
        <v>0</v>
      </c>
      <c r="CQ21" s="160">
        <v>1</v>
      </c>
      <c r="CR21" s="160">
        <v>2</v>
      </c>
      <c r="CS21" s="160">
        <v>1</v>
      </c>
      <c r="CT21" s="160">
        <v>0</v>
      </c>
      <c r="CU21" s="160">
        <v>0</v>
      </c>
      <c r="CV21" s="165">
        <v>4</v>
      </c>
      <c r="CW21" s="164">
        <v>4</v>
      </c>
      <c r="CX21" s="159">
        <v>0</v>
      </c>
      <c r="CY21" s="160">
        <v>0</v>
      </c>
      <c r="CZ21" s="165">
        <v>0</v>
      </c>
      <c r="DA21" s="162">
        <v>0</v>
      </c>
      <c r="DB21" s="160">
        <v>0</v>
      </c>
      <c r="DC21" s="160">
        <v>0</v>
      </c>
      <c r="DD21" s="160">
        <v>0</v>
      </c>
      <c r="DE21" s="160">
        <v>0</v>
      </c>
      <c r="DF21" s="160">
        <v>0</v>
      </c>
      <c r="DG21" s="165">
        <v>0</v>
      </c>
      <c r="DH21" s="164">
        <v>0</v>
      </c>
      <c r="DI21" s="159">
        <v>0</v>
      </c>
      <c r="DJ21" s="160">
        <v>0</v>
      </c>
      <c r="DK21" s="165">
        <v>0</v>
      </c>
      <c r="DL21" s="162">
        <v>0</v>
      </c>
      <c r="DM21" s="160">
        <v>0</v>
      </c>
      <c r="DN21" s="160">
        <v>0</v>
      </c>
      <c r="DO21" s="160">
        <v>0</v>
      </c>
      <c r="DP21" s="160">
        <v>0</v>
      </c>
      <c r="DQ21" s="160">
        <v>0</v>
      </c>
      <c r="DR21" s="165">
        <v>0</v>
      </c>
      <c r="DS21" s="164">
        <v>0</v>
      </c>
      <c r="DT21" s="159">
        <v>8</v>
      </c>
      <c r="DU21" s="160">
        <v>12</v>
      </c>
      <c r="DV21" s="165">
        <v>20</v>
      </c>
      <c r="DW21" s="162">
        <v>0</v>
      </c>
      <c r="DX21" s="160">
        <v>32</v>
      </c>
      <c r="DY21" s="160">
        <v>26</v>
      </c>
      <c r="DZ21" s="160">
        <v>9</v>
      </c>
      <c r="EA21" s="160">
        <v>10</v>
      </c>
      <c r="EB21" s="160">
        <v>8</v>
      </c>
      <c r="EC21" s="165">
        <v>85</v>
      </c>
      <c r="ED21" s="164">
        <v>105</v>
      </c>
      <c r="EE21" s="159">
        <v>2</v>
      </c>
      <c r="EF21" s="160">
        <v>2</v>
      </c>
      <c r="EG21" s="165">
        <v>4</v>
      </c>
      <c r="EH21" s="162">
        <v>0</v>
      </c>
      <c r="EI21" s="160">
        <v>9</v>
      </c>
      <c r="EJ21" s="160">
        <v>6</v>
      </c>
      <c r="EK21" s="160">
        <v>4</v>
      </c>
      <c r="EL21" s="160">
        <v>3</v>
      </c>
      <c r="EM21" s="160">
        <v>3</v>
      </c>
      <c r="EN21" s="165">
        <v>25</v>
      </c>
      <c r="EO21" s="164">
        <v>29</v>
      </c>
      <c r="EP21" s="159">
        <v>13</v>
      </c>
      <c r="EQ21" s="160">
        <v>21</v>
      </c>
      <c r="ER21" s="165">
        <v>34</v>
      </c>
      <c r="ES21" s="162">
        <v>0</v>
      </c>
      <c r="ET21" s="160">
        <v>51</v>
      </c>
      <c r="EU21" s="160">
        <v>40</v>
      </c>
      <c r="EV21" s="160">
        <v>10</v>
      </c>
      <c r="EW21" s="160">
        <v>9</v>
      </c>
      <c r="EX21" s="160">
        <v>6</v>
      </c>
      <c r="EY21" s="165">
        <v>116</v>
      </c>
      <c r="EZ21" s="164">
        <v>150</v>
      </c>
    </row>
    <row r="22" spans="2:156" ht="21" customHeight="1" x14ac:dyDescent="0.2">
      <c r="B22" s="166" t="s">
        <v>20</v>
      </c>
      <c r="C22" s="159">
        <v>0</v>
      </c>
      <c r="D22" s="160">
        <v>0</v>
      </c>
      <c r="E22" s="161">
        <v>0</v>
      </c>
      <c r="F22" s="162">
        <v>0</v>
      </c>
      <c r="G22" s="160">
        <v>21</v>
      </c>
      <c r="H22" s="160">
        <v>12</v>
      </c>
      <c r="I22" s="160">
        <v>3</v>
      </c>
      <c r="J22" s="160">
        <v>6</v>
      </c>
      <c r="K22" s="160">
        <v>4</v>
      </c>
      <c r="L22" s="163">
        <v>46</v>
      </c>
      <c r="M22" s="164">
        <v>46</v>
      </c>
      <c r="N22" s="159">
        <v>0</v>
      </c>
      <c r="O22" s="160">
        <v>0</v>
      </c>
      <c r="P22" s="165">
        <v>0</v>
      </c>
      <c r="Q22" s="162">
        <v>0</v>
      </c>
      <c r="R22" s="160">
        <v>0</v>
      </c>
      <c r="S22" s="160">
        <v>0</v>
      </c>
      <c r="T22" s="160">
        <v>0</v>
      </c>
      <c r="U22" s="160">
        <v>1</v>
      </c>
      <c r="V22" s="160">
        <v>1</v>
      </c>
      <c r="W22" s="165">
        <v>2</v>
      </c>
      <c r="X22" s="164">
        <v>2</v>
      </c>
      <c r="Y22" s="159">
        <v>4</v>
      </c>
      <c r="Z22" s="160">
        <v>5</v>
      </c>
      <c r="AA22" s="165">
        <v>9</v>
      </c>
      <c r="AB22" s="162">
        <v>0</v>
      </c>
      <c r="AC22" s="160">
        <v>18</v>
      </c>
      <c r="AD22" s="160">
        <v>21</v>
      </c>
      <c r="AE22" s="160">
        <v>10</v>
      </c>
      <c r="AF22" s="160">
        <v>4</v>
      </c>
      <c r="AG22" s="160">
        <v>4</v>
      </c>
      <c r="AH22" s="165">
        <v>57</v>
      </c>
      <c r="AI22" s="164">
        <v>66</v>
      </c>
      <c r="AJ22" s="159">
        <v>2</v>
      </c>
      <c r="AK22" s="160">
        <v>3</v>
      </c>
      <c r="AL22" s="165">
        <v>5</v>
      </c>
      <c r="AM22" s="162">
        <v>0</v>
      </c>
      <c r="AN22" s="160">
        <v>4</v>
      </c>
      <c r="AO22" s="160">
        <v>7</v>
      </c>
      <c r="AP22" s="160">
        <v>6</v>
      </c>
      <c r="AQ22" s="160">
        <v>2</v>
      </c>
      <c r="AR22" s="160">
        <v>0</v>
      </c>
      <c r="AS22" s="165">
        <v>19</v>
      </c>
      <c r="AT22" s="164">
        <v>24</v>
      </c>
      <c r="AU22" s="159">
        <v>2</v>
      </c>
      <c r="AV22" s="160">
        <v>3</v>
      </c>
      <c r="AW22" s="165">
        <v>5</v>
      </c>
      <c r="AX22" s="162">
        <v>0</v>
      </c>
      <c r="AY22" s="160">
        <v>21</v>
      </c>
      <c r="AZ22" s="160">
        <v>18</v>
      </c>
      <c r="BA22" s="160">
        <v>23</v>
      </c>
      <c r="BB22" s="160">
        <v>17</v>
      </c>
      <c r="BC22" s="160">
        <v>7</v>
      </c>
      <c r="BD22" s="163">
        <v>86</v>
      </c>
      <c r="BE22" s="164">
        <v>91</v>
      </c>
      <c r="BF22" s="159">
        <v>0</v>
      </c>
      <c r="BG22" s="160">
        <v>0</v>
      </c>
      <c r="BH22" s="165">
        <v>0</v>
      </c>
      <c r="BI22" s="162">
        <v>0</v>
      </c>
      <c r="BJ22" s="160">
        <v>40</v>
      </c>
      <c r="BK22" s="160">
        <v>16</v>
      </c>
      <c r="BL22" s="160">
        <v>14</v>
      </c>
      <c r="BM22" s="160">
        <v>6</v>
      </c>
      <c r="BN22" s="160">
        <v>2</v>
      </c>
      <c r="BO22" s="165">
        <v>78</v>
      </c>
      <c r="BP22" s="164">
        <v>78</v>
      </c>
      <c r="BQ22" s="159">
        <v>2</v>
      </c>
      <c r="BR22" s="160">
        <v>0</v>
      </c>
      <c r="BS22" s="165">
        <v>2</v>
      </c>
      <c r="BT22" s="162">
        <v>0</v>
      </c>
      <c r="BU22" s="160">
        <v>19</v>
      </c>
      <c r="BV22" s="160">
        <v>6</v>
      </c>
      <c r="BW22" s="160">
        <v>3</v>
      </c>
      <c r="BX22" s="160">
        <v>2</v>
      </c>
      <c r="BY22" s="160">
        <v>1</v>
      </c>
      <c r="BZ22" s="165">
        <v>31</v>
      </c>
      <c r="CA22" s="164">
        <v>33</v>
      </c>
      <c r="CB22" s="159">
        <v>1</v>
      </c>
      <c r="CC22" s="160">
        <v>0</v>
      </c>
      <c r="CD22" s="165">
        <v>1</v>
      </c>
      <c r="CE22" s="162">
        <v>0</v>
      </c>
      <c r="CF22" s="160">
        <v>9</v>
      </c>
      <c r="CG22" s="160">
        <v>6</v>
      </c>
      <c r="CH22" s="160">
        <v>8</v>
      </c>
      <c r="CI22" s="160">
        <v>2</v>
      </c>
      <c r="CJ22" s="160">
        <v>3</v>
      </c>
      <c r="CK22" s="165">
        <v>28</v>
      </c>
      <c r="CL22" s="164">
        <v>29</v>
      </c>
      <c r="CM22" s="159">
        <v>0</v>
      </c>
      <c r="CN22" s="160">
        <v>0</v>
      </c>
      <c r="CO22" s="165">
        <v>0</v>
      </c>
      <c r="CP22" s="162">
        <v>0</v>
      </c>
      <c r="CQ22" s="160">
        <v>0</v>
      </c>
      <c r="CR22" s="160">
        <v>0</v>
      </c>
      <c r="CS22" s="160">
        <v>1</v>
      </c>
      <c r="CT22" s="160">
        <v>1</v>
      </c>
      <c r="CU22" s="160">
        <v>0</v>
      </c>
      <c r="CV22" s="165">
        <v>2</v>
      </c>
      <c r="CW22" s="164">
        <v>2</v>
      </c>
      <c r="CX22" s="159">
        <v>0</v>
      </c>
      <c r="CY22" s="160">
        <v>0</v>
      </c>
      <c r="CZ22" s="165">
        <v>0</v>
      </c>
      <c r="DA22" s="162">
        <v>0</v>
      </c>
      <c r="DB22" s="160">
        <v>0</v>
      </c>
      <c r="DC22" s="160">
        <v>0</v>
      </c>
      <c r="DD22" s="160">
        <v>0</v>
      </c>
      <c r="DE22" s="160">
        <v>0</v>
      </c>
      <c r="DF22" s="160">
        <v>0</v>
      </c>
      <c r="DG22" s="165">
        <v>0</v>
      </c>
      <c r="DH22" s="164">
        <v>0</v>
      </c>
      <c r="DI22" s="159">
        <v>0</v>
      </c>
      <c r="DJ22" s="160">
        <v>0</v>
      </c>
      <c r="DK22" s="165">
        <v>0</v>
      </c>
      <c r="DL22" s="162">
        <v>0</v>
      </c>
      <c r="DM22" s="160">
        <v>0</v>
      </c>
      <c r="DN22" s="160">
        <v>0</v>
      </c>
      <c r="DO22" s="160">
        <v>0</v>
      </c>
      <c r="DP22" s="160">
        <v>0</v>
      </c>
      <c r="DQ22" s="160">
        <v>0</v>
      </c>
      <c r="DR22" s="165">
        <v>0</v>
      </c>
      <c r="DS22" s="164">
        <v>0</v>
      </c>
      <c r="DT22" s="159">
        <v>14</v>
      </c>
      <c r="DU22" s="160">
        <v>17</v>
      </c>
      <c r="DV22" s="165">
        <v>31</v>
      </c>
      <c r="DW22" s="162">
        <v>0</v>
      </c>
      <c r="DX22" s="160">
        <v>51</v>
      </c>
      <c r="DY22" s="160">
        <v>44</v>
      </c>
      <c r="DZ22" s="160">
        <v>20</v>
      </c>
      <c r="EA22" s="160">
        <v>14</v>
      </c>
      <c r="EB22" s="160">
        <v>7</v>
      </c>
      <c r="EC22" s="165">
        <v>136</v>
      </c>
      <c r="ED22" s="164">
        <v>167</v>
      </c>
      <c r="EE22" s="159">
        <v>2</v>
      </c>
      <c r="EF22" s="160">
        <v>3</v>
      </c>
      <c r="EG22" s="165">
        <v>5</v>
      </c>
      <c r="EH22" s="162">
        <v>0</v>
      </c>
      <c r="EI22" s="160">
        <v>6</v>
      </c>
      <c r="EJ22" s="160">
        <v>1</v>
      </c>
      <c r="EK22" s="160">
        <v>8</v>
      </c>
      <c r="EL22" s="160">
        <v>8</v>
      </c>
      <c r="EM22" s="160">
        <v>2</v>
      </c>
      <c r="EN22" s="165">
        <v>25</v>
      </c>
      <c r="EO22" s="164">
        <v>30</v>
      </c>
      <c r="EP22" s="159">
        <v>21</v>
      </c>
      <c r="EQ22" s="160">
        <v>22</v>
      </c>
      <c r="ER22" s="165">
        <v>43</v>
      </c>
      <c r="ES22" s="162">
        <v>0</v>
      </c>
      <c r="ET22" s="160">
        <v>113</v>
      </c>
      <c r="EU22" s="160">
        <v>63</v>
      </c>
      <c r="EV22" s="160">
        <v>29</v>
      </c>
      <c r="EW22" s="160">
        <v>15</v>
      </c>
      <c r="EX22" s="160">
        <v>7</v>
      </c>
      <c r="EY22" s="165">
        <v>227</v>
      </c>
      <c r="EZ22" s="164">
        <v>270</v>
      </c>
    </row>
    <row r="23" spans="2:156" ht="21" customHeight="1" x14ac:dyDescent="0.2">
      <c r="B23" s="166" t="s">
        <v>21</v>
      </c>
      <c r="C23" s="159">
        <v>0</v>
      </c>
      <c r="D23" s="160">
        <v>0</v>
      </c>
      <c r="E23" s="161">
        <v>0</v>
      </c>
      <c r="F23" s="162">
        <v>0</v>
      </c>
      <c r="G23" s="160">
        <v>13</v>
      </c>
      <c r="H23" s="160">
        <v>19</v>
      </c>
      <c r="I23" s="160">
        <v>5</v>
      </c>
      <c r="J23" s="160">
        <v>5</v>
      </c>
      <c r="K23" s="160">
        <v>3</v>
      </c>
      <c r="L23" s="163">
        <v>45</v>
      </c>
      <c r="M23" s="164">
        <v>45</v>
      </c>
      <c r="N23" s="159">
        <v>0</v>
      </c>
      <c r="O23" s="160">
        <v>0</v>
      </c>
      <c r="P23" s="165">
        <v>0</v>
      </c>
      <c r="Q23" s="162">
        <v>0</v>
      </c>
      <c r="R23" s="160">
        <v>0</v>
      </c>
      <c r="S23" s="160">
        <v>0</v>
      </c>
      <c r="T23" s="160">
        <v>1</v>
      </c>
      <c r="U23" s="160">
        <v>0</v>
      </c>
      <c r="V23" s="160">
        <v>1</v>
      </c>
      <c r="W23" s="165">
        <v>2</v>
      </c>
      <c r="X23" s="164">
        <v>2</v>
      </c>
      <c r="Y23" s="159">
        <v>3</v>
      </c>
      <c r="Z23" s="160">
        <v>4</v>
      </c>
      <c r="AA23" s="165">
        <v>7</v>
      </c>
      <c r="AB23" s="162">
        <v>0</v>
      </c>
      <c r="AC23" s="160">
        <v>17</v>
      </c>
      <c r="AD23" s="160">
        <v>18</v>
      </c>
      <c r="AE23" s="160">
        <v>5</v>
      </c>
      <c r="AF23" s="160">
        <v>5</v>
      </c>
      <c r="AG23" s="160">
        <v>2</v>
      </c>
      <c r="AH23" s="165">
        <v>47</v>
      </c>
      <c r="AI23" s="164">
        <v>54</v>
      </c>
      <c r="AJ23" s="159">
        <v>1</v>
      </c>
      <c r="AK23" s="160">
        <v>1</v>
      </c>
      <c r="AL23" s="165">
        <v>2</v>
      </c>
      <c r="AM23" s="162">
        <v>0</v>
      </c>
      <c r="AN23" s="160">
        <v>2</v>
      </c>
      <c r="AO23" s="160">
        <v>4</v>
      </c>
      <c r="AP23" s="160">
        <v>1</v>
      </c>
      <c r="AQ23" s="160">
        <v>1</v>
      </c>
      <c r="AR23" s="160">
        <v>0</v>
      </c>
      <c r="AS23" s="165">
        <v>8</v>
      </c>
      <c r="AT23" s="164">
        <v>10</v>
      </c>
      <c r="AU23" s="159">
        <v>2</v>
      </c>
      <c r="AV23" s="160">
        <v>1</v>
      </c>
      <c r="AW23" s="165">
        <v>3</v>
      </c>
      <c r="AX23" s="162">
        <v>0</v>
      </c>
      <c r="AY23" s="160">
        <v>15</v>
      </c>
      <c r="AZ23" s="160">
        <v>26</v>
      </c>
      <c r="BA23" s="160">
        <v>9</v>
      </c>
      <c r="BB23" s="160">
        <v>16</v>
      </c>
      <c r="BC23" s="160">
        <v>9</v>
      </c>
      <c r="BD23" s="163">
        <v>75</v>
      </c>
      <c r="BE23" s="164">
        <v>78</v>
      </c>
      <c r="BF23" s="159">
        <v>0</v>
      </c>
      <c r="BG23" s="160">
        <v>0</v>
      </c>
      <c r="BH23" s="165">
        <v>0</v>
      </c>
      <c r="BI23" s="162">
        <v>0</v>
      </c>
      <c r="BJ23" s="160">
        <v>23</v>
      </c>
      <c r="BK23" s="160">
        <v>20</v>
      </c>
      <c r="BL23" s="160">
        <v>8</v>
      </c>
      <c r="BM23" s="160">
        <v>3</v>
      </c>
      <c r="BN23" s="160">
        <v>1</v>
      </c>
      <c r="BO23" s="165">
        <v>55</v>
      </c>
      <c r="BP23" s="164">
        <v>55</v>
      </c>
      <c r="BQ23" s="159">
        <v>1</v>
      </c>
      <c r="BR23" s="160">
        <v>2</v>
      </c>
      <c r="BS23" s="165">
        <v>3</v>
      </c>
      <c r="BT23" s="162">
        <v>0</v>
      </c>
      <c r="BU23" s="160">
        <v>4</v>
      </c>
      <c r="BV23" s="160">
        <v>3</v>
      </c>
      <c r="BW23" s="160">
        <v>1</v>
      </c>
      <c r="BX23" s="160">
        <v>0</v>
      </c>
      <c r="BY23" s="160">
        <v>1</v>
      </c>
      <c r="BZ23" s="165">
        <v>9</v>
      </c>
      <c r="CA23" s="164">
        <v>12</v>
      </c>
      <c r="CB23" s="159">
        <v>0</v>
      </c>
      <c r="CC23" s="160">
        <v>0</v>
      </c>
      <c r="CD23" s="165">
        <v>0</v>
      </c>
      <c r="CE23" s="162">
        <v>0</v>
      </c>
      <c r="CF23" s="160">
        <v>3</v>
      </c>
      <c r="CG23" s="160">
        <v>2</v>
      </c>
      <c r="CH23" s="160">
        <v>1</v>
      </c>
      <c r="CI23" s="160">
        <v>2</v>
      </c>
      <c r="CJ23" s="160">
        <v>0</v>
      </c>
      <c r="CK23" s="165">
        <v>8</v>
      </c>
      <c r="CL23" s="164">
        <v>8</v>
      </c>
      <c r="CM23" s="159">
        <v>0</v>
      </c>
      <c r="CN23" s="160">
        <v>0</v>
      </c>
      <c r="CO23" s="165">
        <v>0</v>
      </c>
      <c r="CP23" s="162">
        <v>0</v>
      </c>
      <c r="CQ23" s="160">
        <v>0</v>
      </c>
      <c r="CR23" s="160">
        <v>0</v>
      </c>
      <c r="CS23" s="160">
        <v>0</v>
      </c>
      <c r="CT23" s="160">
        <v>0</v>
      </c>
      <c r="CU23" s="160">
        <v>0</v>
      </c>
      <c r="CV23" s="165">
        <v>0</v>
      </c>
      <c r="CW23" s="164">
        <v>0</v>
      </c>
      <c r="CX23" s="159">
        <v>0</v>
      </c>
      <c r="CY23" s="160">
        <v>0</v>
      </c>
      <c r="CZ23" s="165">
        <v>0</v>
      </c>
      <c r="DA23" s="162">
        <v>0</v>
      </c>
      <c r="DB23" s="160">
        <v>0</v>
      </c>
      <c r="DC23" s="160">
        <v>0</v>
      </c>
      <c r="DD23" s="160">
        <v>0</v>
      </c>
      <c r="DE23" s="160">
        <v>0</v>
      </c>
      <c r="DF23" s="160">
        <v>0</v>
      </c>
      <c r="DG23" s="165">
        <v>0</v>
      </c>
      <c r="DH23" s="164">
        <v>0</v>
      </c>
      <c r="DI23" s="159">
        <v>0</v>
      </c>
      <c r="DJ23" s="160">
        <v>0</v>
      </c>
      <c r="DK23" s="165">
        <v>0</v>
      </c>
      <c r="DL23" s="162">
        <v>0</v>
      </c>
      <c r="DM23" s="160">
        <v>0</v>
      </c>
      <c r="DN23" s="160">
        <v>0</v>
      </c>
      <c r="DO23" s="160">
        <v>0</v>
      </c>
      <c r="DP23" s="160">
        <v>0</v>
      </c>
      <c r="DQ23" s="160">
        <v>0</v>
      </c>
      <c r="DR23" s="165">
        <v>0</v>
      </c>
      <c r="DS23" s="164">
        <v>0</v>
      </c>
      <c r="DT23" s="159">
        <v>9</v>
      </c>
      <c r="DU23" s="160">
        <v>24</v>
      </c>
      <c r="DV23" s="165">
        <v>33</v>
      </c>
      <c r="DW23" s="162">
        <v>0</v>
      </c>
      <c r="DX23" s="160">
        <v>22</v>
      </c>
      <c r="DY23" s="160">
        <v>37</v>
      </c>
      <c r="DZ23" s="160">
        <v>11</v>
      </c>
      <c r="EA23" s="160">
        <v>11</v>
      </c>
      <c r="EB23" s="160">
        <v>4</v>
      </c>
      <c r="EC23" s="165">
        <v>85</v>
      </c>
      <c r="ED23" s="164">
        <v>118</v>
      </c>
      <c r="EE23" s="159">
        <v>0</v>
      </c>
      <c r="EF23" s="160">
        <v>0</v>
      </c>
      <c r="EG23" s="165">
        <v>0</v>
      </c>
      <c r="EH23" s="162">
        <v>0</v>
      </c>
      <c r="EI23" s="160">
        <v>6</v>
      </c>
      <c r="EJ23" s="160">
        <v>8</v>
      </c>
      <c r="EK23" s="160">
        <v>7</v>
      </c>
      <c r="EL23" s="160">
        <v>7</v>
      </c>
      <c r="EM23" s="160">
        <v>6</v>
      </c>
      <c r="EN23" s="165">
        <v>34</v>
      </c>
      <c r="EO23" s="164">
        <v>34</v>
      </c>
      <c r="EP23" s="159">
        <v>13</v>
      </c>
      <c r="EQ23" s="160">
        <v>30</v>
      </c>
      <c r="ER23" s="165">
        <v>43</v>
      </c>
      <c r="ES23" s="162">
        <v>0</v>
      </c>
      <c r="ET23" s="160">
        <v>59</v>
      </c>
      <c r="EU23" s="160">
        <v>57</v>
      </c>
      <c r="EV23" s="160">
        <v>14</v>
      </c>
      <c r="EW23" s="160">
        <v>10</v>
      </c>
      <c r="EX23" s="160">
        <v>6</v>
      </c>
      <c r="EY23" s="165">
        <v>146</v>
      </c>
      <c r="EZ23" s="164">
        <v>189</v>
      </c>
    </row>
    <row r="24" spans="2:156" ht="21" customHeight="1" x14ac:dyDescent="0.2">
      <c r="B24" s="166" t="s">
        <v>22</v>
      </c>
      <c r="C24" s="159">
        <v>0</v>
      </c>
      <c r="D24" s="160">
        <v>0</v>
      </c>
      <c r="E24" s="161">
        <v>0</v>
      </c>
      <c r="F24" s="162">
        <v>0</v>
      </c>
      <c r="G24" s="160">
        <v>8</v>
      </c>
      <c r="H24" s="160">
        <v>3</v>
      </c>
      <c r="I24" s="160">
        <v>3</v>
      </c>
      <c r="J24" s="160">
        <v>1</v>
      </c>
      <c r="K24" s="160">
        <v>3</v>
      </c>
      <c r="L24" s="163">
        <v>18</v>
      </c>
      <c r="M24" s="164">
        <v>18</v>
      </c>
      <c r="N24" s="159">
        <v>0</v>
      </c>
      <c r="O24" s="160">
        <v>0</v>
      </c>
      <c r="P24" s="165">
        <v>0</v>
      </c>
      <c r="Q24" s="162">
        <v>0</v>
      </c>
      <c r="R24" s="160">
        <v>0</v>
      </c>
      <c r="S24" s="160">
        <v>0</v>
      </c>
      <c r="T24" s="160">
        <v>0</v>
      </c>
      <c r="U24" s="160">
        <v>0</v>
      </c>
      <c r="V24" s="160">
        <v>0</v>
      </c>
      <c r="W24" s="165">
        <v>0</v>
      </c>
      <c r="X24" s="164">
        <v>0</v>
      </c>
      <c r="Y24" s="159">
        <v>0</v>
      </c>
      <c r="Z24" s="160">
        <v>0</v>
      </c>
      <c r="AA24" s="165">
        <v>0</v>
      </c>
      <c r="AB24" s="162">
        <v>0</v>
      </c>
      <c r="AC24" s="160">
        <v>5</v>
      </c>
      <c r="AD24" s="160">
        <v>7</v>
      </c>
      <c r="AE24" s="160">
        <v>5</v>
      </c>
      <c r="AF24" s="160">
        <v>1</v>
      </c>
      <c r="AG24" s="160">
        <v>2</v>
      </c>
      <c r="AH24" s="165">
        <v>20</v>
      </c>
      <c r="AI24" s="164">
        <v>20</v>
      </c>
      <c r="AJ24" s="159">
        <v>1</v>
      </c>
      <c r="AK24" s="160">
        <v>0</v>
      </c>
      <c r="AL24" s="165">
        <v>1</v>
      </c>
      <c r="AM24" s="162">
        <v>0</v>
      </c>
      <c r="AN24" s="160">
        <v>1</v>
      </c>
      <c r="AO24" s="160">
        <v>1</v>
      </c>
      <c r="AP24" s="160">
        <v>0</v>
      </c>
      <c r="AQ24" s="160">
        <v>0</v>
      </c>
      <c r="AR24" s="160">
        <v>0</v>
      </c>
      <c r="AS24" s="165">
        <v>2</v>
      </c>
      <c r="AT24" s="164">
        <v>3</v>
      </c>
      <c r="AU24" s="159">
        <v>2</v>
      </c>
      <c r="AV24" s="160">
        <v>0</v>
      </c>
      <c r="AW24" s="165">
        <v>2</v>
      </c>
      <c r="AX24" s="162">
        <v>0</v>
      </c>
      <c r="AY24" s="160">
        <v>6</v>
      </c>
      <c r="AZ24" s="160">
        <v>5</v>
      </c>
      <c r="BA24" s="160">
        <v>7</v>
      </c>
      <c r="BB24" s="160">
        <v>6</v>
      </c>
      <c r="BC24" s="160">
        <v>1</v>
      </c>
      <c r="BD24" s="163">
        <v>25</v>
      </c>
      <c r="BE24" s="164">
        <v>27</v>
      </c>
      <c r="BF24" s="159">
        <v>0</v>
      </c>
      <c r="BG24" s="160">
        <v>0</v>
      </c>
      <c r="BH24" s="165">
        <v>0</v>
      </c>
      <c r="BI24" s="162">
        <v>0</v>
      </c>
      <c r="BJ24" s="160">
        <v>13</v>
      </c>
      <c r="BK24" s="160">
        <v>9</v>
      </c>
      <c r="BL24" s="160">
        <v>12</v>
      </c>
      <c r="BM24" s="160">
        <v>0</v>
      </c>
      <c r="BN24" s="160">
        <v>1</v>
      </c>
      <c r="BO24" s="165">
        <v>35</v>
      </c>
      <c r="BP24" s="164">
        <v>35</v>
      </c>
      <c r="BQ24" s="159">
        <v>0</v>
      </c>
      <c r="BR24" s="160">
        <v>0</v>
      </c>
      <c r="BS24" s="165">
        <v>0</v>
      </c>
      <c r="BT24" s="162">
        <v>0</v>
      </c>
      <c r="BU24" s="160">
        <v>3</v>
      </c>
      <c r="BV24" s="160">
        <v>0</v>
      </c>
      <c r="BW24" s="160">
        <v>0</v>
      </c>
      <c r="BX24" s="160">
        <v>1</v>
      </c>
      <c r="BY24" s="160">
        <v>1</v>
      </c>
      <c r="BZ24" s="165">
        <v>5</v>
      </c>
      <c r="CA24" s="164">
        <v>5</v>
      </c>
      <c r="CB24" s="159">
        <v>0</v>
      </c>
      <c r="CC24" s="160">
        <v>0</v>
      </c>
      <c r="CD24" s="165">
        <v>0</v>
      </c>
      <c r="CE24" s="162">
        <v>0</v>
      </c>
      <c r="CF24" s="160">
        <v>0</v>
      </c>
      <c r="CG24" s="160">
        <v>0</v>
      </c>
      <c r="CH24" s="160">
        <v>3</v>
      </c>
      <c r="CI24" s="160">
        <v>2</v>
      </c>
      <c r="CJ24" s="160">
        <v>0</v>
      </c>
      <c r="CK24" s="165">
        <v>5</v>
      </c>
      <c r="CL24" s="164">
        <v>5</v>
      </c>
      <c r="CM24" s="159">
        <v>0</v>
      </c>
      <c r="CN24" s="160">
        <v>0</v>
      </c>
      <c r="CO24" s="165">
        <v>0</v>
      </c>
      <c r="CP24" s="162">
        <v>0</v>
      </c>
      <c r="CQ24" s="160">
        <v>1</v>
      </c>
      <c r="CR24" s="160">
        <v>0</v>
      </c>
      <c r="CS24" s="160">
        <v>1</v>
      </c>
      <c r="CT24" s="160">
        <v>0</v>
      </c>
      <c r="CU24" s="160">
        <v>0</v>
      </c>
      <c r="CV24" s="165">
        <v>2</v>
      </c>
      <c r="CW24" s="164">
        <v>2</v>
      </c>
      <c r="CX24" s="159">
        <v>0</v>
      </c>
      <c r="CY24" s="160">
        <v>0</v>
      </c>
      <c r="CZ24" s="165">
        <v>0</v>
      </c>
      <c r="DA24" s="162">
        <v>0</v>
      </c>
      <c r="DB24" s="160">
        <v>0</v>
      </c>
      <c r="DC24" s="160">
        <v>0</v>
      </c>
      <c r="DD24" s="160">
        <v>0</v>
      </c>
      <c r="DE24" s="160">
        <v>0</v>
      </c>
      <c r="DF24" s="160">
        <v>0</v>
      </c>
      <c r="DG24" s="165">
        <v>0</v>
      </c>
      <c r="DH24" s="164">
        <v>0</v>
      </c>
      <c r="DI24" s="159">
        <v>0</v>
      </c>
      <c r="DJ24" s="160">
        <v>0</v>
      </c>
      <c r="DK24" s="165">
        <v>0</v>
      </c>
      <c r="DL24" s="162">
        <v>0</v>
      </c>
      <c r="DM24" s="160">
        <v>0</v>
      </c>
      <c r="DN24" s="160">
        <v>0</v>
      </c>
      <c r="DO24" s="160">
        <v>0</v>
      </c>
      <c r="DP24" s="160">
        <v>0</v>
      </c>
      <c r="DQ24" s="160">
        <v>0</v>
      </c>
      <c r="DR24" s="165">
        <v>0</v>
      </c>
      <c r="DS24" s="164">
        <v>0</v>
      </c>
      <c r="DT24" s="159">
        <v>1</v>
      </c>
      <c r="DU24" s="160">
        <v>3</v>
      </c>
      <c r="DV24" s="165">
        <v>4</v>
      </c>
      <c r="DW24" s="162">
        <v>0</v>
      </c>
      <c r="DX24" s="160">
        <v>20</v>
      </c>
      <c r="DY24" s="160">
        <v>15</v>
      </c>
      <c r="DZ24" s="160">
        <v>14</v>
      </c>
      <c r="EA24" s="160">
        <v>5</v>
      </c>
      <c r="EB24" s="160">
        <v>5</v>
      </c>
      <c r="EC24" s="165">
        <v>59</v>
      </c>
      <c r="ED24" s="164">
        <v>63</v>
      </c>
      <c r="EE24" s="159">
        <v>1</v>
      </c>
      <c r="EF24" s="160">
        <v>1</v>
      </c>
      <c r="EG24" s="165">
        <v>2</v>
      </c>
      <c r="EH24" s="162">
        <v>0</v>
      </c>
      <c r="EI24" s="160">
        <v>7</v>
      </c>
      <c r="EJ24" s="160">
        <v>1</v>
      </c>
      <c r="EK24" s="160">
        <v>2</v>
      </c>
      <c r="EL24" s="160">
        <v>5</v>
      </c>
      <c r="EM24" s="160">
        <v>0</v>
      </c>
      <c r="EN24" s="165">
        <v>15</v>
      </c>
      <c r="EO24" s="164">
        <v>17</v>
      </c>
      <c r="EP24" s="159">
        <v>2</v>
      </c>
      <c r="EQ24" s="160">
        <v>4</v>
      </c>
      <c r="ER24" s="165">
        <v>6</v>
      </c>
      <c r="ES24" s="162">
        <v>0</v>
      </c>
      <c r="ET24" s="160">
        <v>35</v>
      </c>
      <c r="EU24" s="160">
        <v>22</v>
      </c>
      <c r="EV24" s="160">
        <v>18</v>
      </c>
      <c r="EW24" s="160">
        <v>6</v>
      </c>
      <c r="EX24" s="160">
        <v>5</v>
      </c>
      <c r="EY24" s="165">
        <v>86</v>
      </c>
      <c r="EZ24" s="164">
        <v>92</v>
      </c>
    </row>
    <row r="25" spans="2:156" ht="21" customHeight="1" x14ac:dyDescent="0.2">
      <c r="B25" s="166" t="s">
        <v>23</v>
      </c>
      <c r="C25" s="159">
        <v>0</v>
      </c>
      <c r="D25" s="160">
        <v>0</v>
      </c>
      <c r="E25" s="161">
        <v>0</v>
      </c>
      <c r="F25" s="162">
        <v>0</v>
      </c>
      <c r="G25" s="160">
        <v>9</v>
      </c>
      <c r="H25" s="160">
        <v>6</v>
      </c>
      <c r="I25" s="160">
        <v>1</v>
      </c>
      <c r="J25" s="160">
        <v>1</v>
      </c>
      <c r="K25" s="160">
        <v>2</v>
      </c>
      <c r="L25" s="163">
        <v>19</v>
      </c>
      <c r="M25" s="164">
        <v>19</v>
      </c>
      <c r="N25" s="159">
        <v>0</v>
      </c>
      <c r="O25" s="160">
        <v>0</v>
      </c>
      <c r="P25" s="165">
        <v>0</v>
      </c>
      <c r="Q25" s="162">
        <v>0</v>
      </c>
      <c r="R25" s="160">
        <v>0</v>
      </c>
      <c r="S25" s="160">
        <v>0</v>
      </c>
      <c r="T25" s="160">
        <v>0</v>
      </c>
      <c r="U25" s="160">
        <v>0</v>
      </c>
      <c r="V25" s="160">
        <v>0</v>
      </c>
      <c r="W25" s="165">
        <v>0</v>
      </c>
      <c r="X25" s="164">
        <v>0</v>
      </c>
      <c r="Y25" s="159">
        <v>5</v>
      </c>
      <c r="Z25" s="160">
        <v>3</v>
      </c>
      <c r="AA25" s="165">
        <v>8</v>
      </c>
      <c r="AB25" s="162">
        <v>0</v>
      </c>
      <c r="AC25" s="160">
        <v>7</v>
      </c>
      <c r="AD25" s="160">
        <v>14</v>
      </c>
      <c r="AE25" s="160">
        <v>0</v>
      </c>
      <c r="AF25" s="160">
        <v>2</v>
      </c>
      <c r="AG25" s="160">
        <v>2</v>
      </c>
      <c r="AH25" s="165">
        <v>25</v>
      </c>
      <c r="AI25" s="164">
        <v>33</v>
      </c>
      <c r="AJ25" s="159">
        <v>0</v>
      </c>
      <c r="AK25" s="160">
        <v>1</v>
      </c>
      <c r="AL25" s="165">
        <v>1</v>
      </c>
      <c r="AM25" s="162">
        <v>0</v>
      </c>
      <c r="AN25" s="160">
        <v>2</v>
      </c>
      <c r="AO25" s="160">
        <v>0</v>
      </c>
      <c r="AP25" s="160">
        <v>0</v>
      </c>
      <c r="AQ25" s="160">
        <v>0</v>
      </c>
      <c r="AR25" s="160">
        <v>0</v>
      </c>
      <c r="AS25" s="165">
        <v>2</v>
      </c>
      <c r="AT25" s="164">
        <v>3</v>
      </c>
      <c r="AU25" s="159">
        <v>3</v>
      </c>
      <c r="AV25" s="160">
        <v>1</v>
      </c>
      <c r="AW25" s="165">
        <v>4</v>
      </c>
      <c r="AX25" s="162">
        <v>0</v>
      </c>
      <c r="AY25" s="160">
        <v>15</v>
      </c>
      <c r="AZ25" s="160">
        <v>12</v>
      </c>
      <c r="BA25" s="160">
        <v>9</v>
      </c>
      <c r="BB25" s="160">
        <v>6</v>
      </c>
      <c r="BC25" s="160">
        <v>5</v>
      </c>
      <c r="BD25" s="163">
        <v>47</v>
      </c>
      <c r="BE25" s="164">
        <v>51</v>
      </c>
      <c r="BF25" s="159">
        <v>0</v>
      </c>
      <c r="BG25" s="160">
        <v>0</v>
      </c>
      <c r="BH25" s="165">
        <v>0</v>
      </c>
      <c r="BI25" s="162">
        <v>0</v>
      </c>
      <c r="BJ25" s="160">
        <v>11</v>
      </c>
      <c r="BK25" s="160">
        <v>23</v>
      </c>
      <c r="BL25" s="160">
        <v>4</v>
      </c>
      <c r="BM25" s="160">
        <v>2</v>
      </c>
      <c r="BN25" s="160">
        <v>3</v>
      </c>
      <c r="BO25" s="165">
        <v>43</v>
      </c>
      <c r="BP25" s="164">
        <v>43</v>
      </c>
      <c r="BQ25" s="159">
        <v>0</v>
      </c>
      <c r="BR25" s="160">
        <v>0</v>
      </c>
      <c r="BS25" s="165">
        <v>0</v>
      </c>
      <c r="BT25" s="162">
        <v>0</v>
      </c>
      <c r="BU25" s="160">
        <v>3</v>
      </c>
      <c r="BV25" s="160">
        <v>5</v>
      </c>
      <c r="BW25" s="160">
        <v>0</v>
      </c>
      <c r="BX25" s="160">
        <v>1</v>
      </c>
      <c r="BY25" s="160">
        <v>0</v>
      </c>
      <c r="BZ25" s="165">
        <v>9</v>
      </c>
      <c r="CA25" s="164">
        <v>9</v>
      </c>
      <c r="CB25" s="159">
        <v>0</v>
      </c>
      <c r="CC25" s="160">
        <v>0</v>
      </c>
      <c r="CD25" s="165">
        <v>0</v>
      </c>
      <c r="CE25" s="162">
        <v>0</v>
      </c>
      <c r="CF25" s="160">
        <v>0</v>
      </c>
      <c r="CG25" s="160">
        <v>1</v>
      </c>
      <c r="CH25" s="160">
        <v>1</v>
      </c>
      <c r="CI25" s="160">
        <v>2</v>
      </c>
      <c r="CJ25" s="160">
        <v>1</v>
      </c>
      <c r="CK25" s="165">
        <v>5</v>
      </c>
      <c r="CL25" s="164">
        <v>5</v>
      </c>
      <c r="CM25" s="159">
        <v>0</v>
      </c>
      <c r="CN25" s="160">
        <v>0</v>
      </c>
      <c r="CO25" s="165">
        <v>0</v>
      </c>
      <c r="CP25" s="162">
        <v>0</v>
      </c>
      <c r="CQ25" s="160">
        <v>1</v>
      </c>
      <c r="CR25" s="160">
        <v>1</v>
      </c>
      <c r="CS25" s="160">
        <v>0</v>
      </c>
      <c r="CT25" s="160">
        <v>0</v>
      </c>
      <c r="CU25" s="160">
        <v>0</v>
      </c>
      <c r="CV25" s="165">
        <v>2</v>
      </c>
      <c r="CW25" s="164">
        <v>2</v>
      </c>
      <c r="CX25" s="159">
        <v>0</v>
      </c>
      <c r="CY25" s="160">
        <v>0</v>
      </c>
      <c r="CZ25" s="165">
        <v>0</v>
      </c>
      <c r="DA25" s="162">
        <v>0</v>
      </c>
      <c r="DB25" s="160">
        <v>0</v>
      </c>
      <c r="DC25" s="160">
        <v>0</v>
      </c>
      <c r="DD25" s="160">
        <v>0</v>
      </c>
      <c r="DE25" s="160">
        <v>0</v>
      </c>
      <c r="DF25" s="160">
        <v>0</v>
      </c>
      <c r="DG25" s="165">
        <v>0</v>
      </c>
      <c r="DH25" s="164">
        <v>0</v>
      </c>
      <c r="DI25" s="159">
        <v>0</v>
      </c>
      <c r="DJ25" s="160">
        <v>0</v>
      </c>
      <c r="DK25" s="165">
        <v>0</v>
      </c>
      <c r="DL25" s="162">
        <v>0</v>
      </c>
      <c r="DM25" s="160">
        <v>0</v>
      </c>
      <c r="DN25" s="160">
        <v>0</v>
      </c>
      <c r="DO25" s="160">
        <v>0</v>
      </c>
      <c r="DP25" s="160">
        <v>0</v>
      </c>
      <c r="DQ25" s="160">
        <v>0</v>
      </c>
      <c r="DR25" s="165">
        <v>0</v>
      </c>
      <c r="DS25" s="164">
        <v>0</v>
      </c>
      <c r="DT25" s="159">
        <v>5</v>
      </c>
      <c r="DU25" s="160">
        <v>9</v>
      </c>
      <c r="DV25" s="165">
        <v>14</v>
      </c>
      <c r="DW25" s="162">
        <v>0</v>
      </c>
      <c r="DX25" s="160">
        <v>13</v>
      </c>
      <c r="DY25" s="160">
        <v>24</v>
      </c>
      <c r="DZ25" s="160">
        <v>5</v>
      </c>
      <c r="EA25" s="160">
        <v>4</v>
      </c>
      <c r="EB25" s="160">
        <v>6</v>
      </c>
      <c r="EC25" s="165">
        <v>52</v>
      </c>
      <c r="ED25" s="164">
        <v>66</v>
      </c>
      <c r="EE25" s="159">
        <v>3</v>
      </c>
      <c r="EF25" s="160">
        <v>0</v>
      </c>
      <c r="EG25" s="165">
        <v>3</v>
      </c>
      <c r="EH25" s="162">
        <v>0</v>
      </c>
      <c r="EI25" s="160">
        <v>6</v>
      </c>
      <c r="EJ25" s="160">
        <v>0</v>
      </c>
      <c r="EK25" s="160">
        <v>4</v>
      </c>
      <c r="EL25" s="160">
        <v>3</v>
      </c>
      <c r="EM25" s="160">
        <v>2</v>
      </c>
      <c r="EN25" s="165">
        <v>15</v>
      </c>
      <c r="EO25" s="164">
        <v>18</v>
      </c>
      <c r="EP25" s="159">
        <v>8</v>
      </c>
      <c r="EQ25" s="160">
        <v>14</v>
      </c>
      <c r="ER25" s="165">
        <v>22</v>
      </c>
      <c r="ES25" s="162">
        <v>0</v>
      </c>
      <c r="ET25" s="160">
        <v>30</v>
      </c>
      <c r="EU25" s="160">
        <v>37</v>
      </c>
      <c r="EV25" s="160">
        <v>7</v>
      </c>
      <c r="EW25" s="160">
        <v>4</v>
      </c>
      <c r="EX25" s="160">
        <v>6</v>
      </c>
      <c r="EY25" s="165">
        <v>84</v>
      </c>
      <c r="EZ25" s="164">
        <v>106</v>
      </c>
    </row>
    <row r="26" spans="2:156" ht="21" customHeight="1" x14ac:dyDescent="0.2">
      <c r="B26" s="166" t="s">
        <v>24</v>
      </c>
      <c r="C26" s="159">
        <v>0</v>
      </c>
      <c r="D26" s="160">
        <v>0</v>
      </c>
      <c r="E26" s="161">
        <v>0</v>
      </c>
      <c r="F26" s="162">
        <v>0</v>
      </c>
      <c r="G26" s="160">
        <v>5</v>
      </c>
      <c r="H26" s="160">
        <v>6</v>
      </c>
      <c r="I26" s="160">
        <v>3</v>
      </c>
      <c r="J26" s="160">
        <v>4</v>
      </c>
      <c r="K26" s="160">
        <v>4</v>
      </c>
      <c r="L26" s="163">
        <v>22</v>
      </c>
      <c r="M26" s="164">
        <v>22</v>
      </c>
      <c r="N26" s="159">
        <v>0</v>
      </c>
      <c r="O26" s="160">
        <v>0</v>
      </c>
      <c r="P26" s="165">
        <v>0</v>
      </c>
      <c r="Q26" s="162">
        <v>0</v>
      </c>
      <c r="R26" s="160">
        <v>0</v>
      </c>
      <c r="S26" s="160">
        <v>0</v>
      </c>
      <c r="T26" s="160">
        <v>0</v>
      </c>
      <c r="U26" s="160">
        <v>2</v>
      </c>
      <c r="V26" s="160">
        <v>0</v>
      </c>
      <c r="W26" s="165">
        <v>2</v>
      </c>
      <c r="X26" s="164">
        <v>2</v>
      </c>
      <c r="Y26" s="159">
        <v>1</v>
      </c>
      <c r="Z26" s="160">
        <v>2</v>
      </c>
      <c r="AA26" s="165">
        <v>3</v>
      </c>
      <c r="AB26" s="162">
        <v>0</v>
      </c>
      <c r="AC26" s="160">
        <v>8</v>
      </c>
      <c r="AD26" s="160">
        <v>5</v>
      </c>
      <c r="AE26" s="160">
        <v>7</v>
      </c>
      <c r="AF26" s="160">
        <v>3</v>
      </c>
      <c r="AG26" s="160">
        <v>1</v>
      </c>
      <c r="AH26" s="165">
        <v>24</v>
      </c>
      <c r="AI26" s="164">
        <v>27</v>
      </c>
      <c r="AJ26" s="159">
        <v>0</v>
      </c>
      <c r="AK26" s="160">
        <v>0</v>
      </c>
      <c r="AL26" s="165">
        <v>0</v>
      </c>
      <c r="AM26" s="162">
        <v>0</v>
      </c>
      <c r="AN26" s="160">
        <v>1</v>
      </c>
      <c r="AO26" s="160">
        <v>1</v>
      </c>
      <c r="AP26" s="160">
        <v>0</v>
      </c>
      <c r="AQ26" s="160">
        <v>0</v>
      </c>
      <c r="AR26" s="160">
        <v>0</v>
      </c>
      <c r="AS26" s="165">
        <v>2</v>
      </c>
      <c r="AT26" s="164">
        <v>2</v>
      </c>
      <c r="AU26" s="159">
        <v>3</v>
      </c>
      <c r="AV26" s="160">
        <v>2</v>
      </c>
      <c r="AW26" s="165">
        <v>5</v>
      </c>
      <c r="AX26" s="162">
        <v>0</v>
      </c>
      <c r="AY26" s="160">
        <v>12</v>
      </c>
      <c r="AZ26" s="160">
        <v>7</v>
      </c>
      <c r="BA26" s="160">
        <v>10</v>
      </c>
      <c r="BB26" s="160">
        <v>10</v>
      </c>
      <c r="BC26" s="160">
        <v>3</v>
      </c>
      <c r="BD26" s="163">
        <v>42</v>
      </c>
      <c r="BE26" s="164">
        <v>47</v>
      </c>
      <c r="BF26" s="159">
        <v>0</v>
      </c>
      <c r="BG26" s="160">
        <v>0</v>
      </c>
      <c r="BH26" s="165">
        <v>0</v>
      </c>
      <c r="BI26" s="162">
        <v>0</v>
      </c>
      <c r="BJ26" s="160">
        <v>11</v>
      </c>
      <c r="BK26" s="160">
        <v>9</v>
      </c>
      <c r="BL26" s="160">
        <v>4</v>
      </c>
      <c r="BM26" s="160">
        <v>2</v>
      </c>
      <c r="BN26" s="160">
        <v>1</v>
      </c>
      <c r="BO26" s="165">
        <v>27</v>
      </c>
      <c r="BP26" s="164">
        <v>27</v>
      </c>
      <c r="BQ26" s="159">
        <v>1</v>
      </c>
      <c r="BR26" s="160">
        <v>1</v>
      </c>
      <c r="BS26" s="165">
        <v>2</v>
      </c>
      <c r="BT26" s="162">
        <v>0</v>
      </c>
      <c r="BU26" s="160">
        <v>0</v>
      </c>
      <c r="BV26" s="160">
        <v>7</v>
      </c>
      <c r="BW26" s="160">
        <v>6</v>
      </c>
      <c r="BX26" s="160">
        <v>3</v>
      </c>
      <c r="BY26" s="160">
        <v>1</v>
      </c>
      <c r="BZ26" s="165">
        <v>17</v>
      </c>
      <c r="CA26" s="164">
        <v>19</v>
      </c>
      <c r="CB26" s="159">
        <v>0</v>
      </c>
      <c r="CC26" s="160">
        <v>0</v>
      </c>
      <c r="CD26" s="165">
        <v>0</v>
      </c>
      <c r="CE26" s="162">
        <v>0</v>
      </c>
      <c r="CF26" s="160">
        <v>0</v>
      </c>
      <c r="CG26" s="160">
        <v>6</v>
      </c>
      <c r="CH26" s="160">
        <v>1</v>
      </c>
      <c r="CI26" s="160">
        <v>4</v>
      </c>
      <c r="CJ26" s="160">
        <v>0</v>
      </c>
      <c r="CK26" s="165">
        <v>11</v>
      </c>
      <c r="CL26" s="164">
        <v>11</v>
      </c>
      <c r="CM26" s="159">
        <v>0</v>
      </c>
      <c r="CN26" s="160">
        <v>0</v>
      </c>
      <c r="CO26" s="165">
        <v>0</v>
      </c>
      <c r="CP26" s="162">
        <v>0</v>
      </c>
      <c r="CQ26" s="160">
        <v>0</v>
      </c>
      <c r="CR26" s="160">
        <v>2</v>
      </c>
      <c r="CS26" s="160">
        <v>1</v>
      </c>
      <c r="CT26" s="160">
        <v>0</v>
      </c>
      <c r="CU26" s="160">
        <v>0</v>
      </c>
      <c r="CV26" s="165">
        <v>3</v>
      </c>
      <c r="CW26" s="164">
        <v>3</v>
      </c>
      <c r="CX26" s="159">
        <v>0</v>
      </c>
      <c r="CY26" s="160">
        <v>0</v>
      </c>
      <c r="CZ26" s="165">
        <v>0</v>
      </c>
      <c r="DA26" s="162">
        <v>0</v>
      </c>
      <c r="DB26" s="160">
        <v>0</v>
      </c>
      <c r="DC26" s="160">
        <v>0</v>
      </c>
      <c r="DD26" s="160">
        <v>0</v>
      </c>
      <c r="DE26" s="160">
        <v>0</v>
      </c>
      <c r="DF26" s="160">
        <v>0</v>
      </c>
      <c r="DG26" s="165">
        <v>0</v>
      </c>
      <c r="DH26" s="164">
        <v>0</v>
      </c>
      <c r="DI26" s="159">
        <v>0</v>
      </c>
      <c r="DJ26" s="160">
        <v>0</v>
      </c>
      <c r="DK26" s="165">
        <v>0</v>
      </c>
      <c r="DL26" s="162">
        <v>0</v>
      </c>
      <c r="DM26" s="160">
        <v>0</v>
      </c>
      <c r="DN26" s="160">
        <v>0</v>
      </c>
      <c r="DO26" s="160">
        <v>0</v>
      </c>
      <c r="DP26" s="160">
        <v>0</v>
      </c>
      <c r="DQ26" s="160">
        <v>0</v>
      </c>
      <c r="DR26" s="165">
        <v>0</v>
      </c>
      <c r="DS26" s="164">
        <v>0</v>
      </c>
      <c r="DT26" s="159">
        <v>9</v>
      </c>
      <c r="DU26" s="160">
        <v>6</v>
      </c>
      <c r="DV26" s="165">
        <v>15</v>
      </c>
      <c r="DW26" s="162">
        <v>0</v>
      </c>
      <c r="DX26" s="160">
        <v>11</v>
      </c>
      <c r="DY26" s="160">
        <v>15</v>
      </c>
      <c r="DZ26" s="160">
        <v>12</v>
      </c>
      <c r="EA26" s="160">
        <v>10</v>
      </c>
      <c r="EB26" s="160">
        <v>4</v>
      </c>
      <c r="EC26" s="165">
        <v>52</v>
      </c>
      <c r="ED26" s="164">
        <v>67</v>
      </c>
      <c r="EE26" s="159">
        <v>1</v>
      </c>
      <c r="EF26" s="160">
        <v>0</v>
      </c>
      <c r="EG26" s="165">
        <v>1</v>
      </c>
      <c r="EH26" s="162">
        <v>0</v>
      </c>
      <c r="EI26" s="160">
        <v>5</v>
      </c>
      <c r="EJ26" s="160">
        <v>1</v>
      </c>
      <c r="EK26" s="160">
        <v>3</v>
      </c>
      <c r="EL26" s="160">
        <v>2</v>
      </c>
      <c r="EM26" s="160">
        <v>0</v>
      </c>
      <c r="EN26" s="165">
        <v>11</v>
      </c>
      <c r="EO26" s="164">
        <v>12</v>
      </c>
      <c r="EP26" s="159">
        <v>10</v>
      </c>
      <c r="EQ26" s="160">
        <v>8</v>
      </c>
      <c r="ER26" s="165">
        <v>18</v>
      </c>
      <c r="ES26" s="162">
        <v>0</v>
      </c>
      <c r="ET26" s="160">
        <v>25</v>
      </c>
      <c r="EU26" s="160">
        <v>24</v>
      </c>
      <c r="EV26" s="160">
        <v>16</v>
      </c>
      <c r="EW26" s="160">
        <v>10</v>
      </c>
      <c r="EX26" s="160">
        <v>4</v>
      </c>
      <c r="EY26" s="165">
        <v>79</v>
      </c>
      <c r="EZ26" s="164">
        <v>97</v>
      </c>
    </row>
    <row r="27" spans="2:156" ht="21" customHeight="1" x14ac:dyDescent="0.2">
      <c r="B27" s="166" t="s">
        <v>25</v>
      </c>
      <c r="C27" s="159">
        <v>0</v>
      </c>
      <c r="D27" s="160">
        <v>0</v>
      </c>
      <c r="E27" s="161">
        <v>0</v>
      </c>
      <c r="F27" s="162">
        <v>0</v>
      </c>
      <c r="G27" s="160">
        <v>3</v>
      </c>
      <c r="H27" s="160">
        <v>2</v>
      </c>
      <c r="I27" s="160">
        <v>1</v>
      </c>
      <c r="J27" s="160">
        <v>1</v>
      </c>
      <c r="K27" s="160">
        <v>0</v>
      </c>
      <c r="L27" s="163">
        <v>7</v>
      </c>
      <c r="M27" s="164">
        <v>7</v>
      </c>
      <c r="N27" s="159">
        <v>0</v>
      </c>
      <c r="O27" s="160">
        <v>0</v>
      </c>
      <c r="P27" s="165">
        <v>0</v>
      </c>
      <c r="Q27" s="162">
        <v>0</v>
      </c>
      <c r="R27" s="160">
        <v>0</v>
      </c>
      <c r="S27" s="160">
        <v>1</v>
      </c>
      <c r="T27" s="160">
        <v>1</v>
      </c>
      <c r="U27" s="160">
        <v>1</v>
      </c>
      <c r="V27" s="160">
        <v>0</v>
      </c>
      <c r="W27" s="165">
        <v>3</v>
      </c>
      <c r="X27" s="164">
        <v>3</v>
      </c>
      <c r="Y27" s="159">
        <v>1</v>
      </c>
      <c r="Z27" s="160">
        <v>1</v>
      </c>
      <c r="AA27" s="165">
        <v>2</v>
      </c>
      <c r="AB27" s="162">
        <v>0</v>
      </c>
      <c r="AC27" s="160">
        <v>1</v>
      </c>
      <c r="AD27" s="160">
        <v>6</v>
      </c>
      <c r="AE27" s="160">
        <v>3</v>
      </c>
      <c r="AF27" s="160">
        <v>2</v>
      </c>
      <c r="AG27" s="160">
        <v>0</v>
      </c>
      <c r="AH27" s="165">
        <v>12</v>
      </c>
      <c r="AI27" s="164">
        <v>14</v>
      </c>
      <c r="AJ27" s="159">
        <v>0</v>
      </c>
      <c r="AK27" s="160">
        <v>3</v>
      </c>
      <c r="AL27" s="165">
        <v>3</v>
      </c>
      <c r="AM27" s="162">
        <v>0</v>
      </c>
      <c r="AN27" s="160">
        <v>0</v>
      </c>
      <c r="AO27" s="160">
        <v>1</v>
      </c>
      <c r="AP27" s="160">
        <v>0</v>
      </c>
      <c r="AQ27" s="160">
        <v>0</v>
      </c>
      <c r="AR27" s="160">
        <v>0</v>
      </c>
      <c r="AS27" s="165">
        <v>1</v>
      </c>
      <c r="AT27" s="164">
        <v>4</v>
      </c>
      <c r="AU27" s="159">
        <v>0</v>
      </c>
      <c r="AV27" s="160">
        <v>3</v>
      </c>
      <c r="AW27" s="165">
        <v>3</v>
      </c>
      <c r="AX27" s="162">
        <v>0</v>
      </c>
      <c r="AY27" s="160">
        <v>5</v>
      </c>
      <c r="AZ27" s="160">
        <v>4</v>
      </c>
      <c r="BA27" s="160">
        <v>4</v>
      </c>
      <c r="BB27" s="160">
        <v>3</v>
      </c>
      <c r="BC27" s="160">
        <v>0</v>
      </c>
      <c r="BD27" s="163">
        <v>16</v>
      </c>
      <c r="BE27" s="164">
        <v>19</v>
      </c>
      <c r="BF27" s="159">
        <v>0</v>
      </c>
      <c r="BG27" s="160">
        <v>0</v>
      </c>
      <c r="BH27" s="165">
        <v>0</v>
      </c>
      <c r="BI27" s="162">
        <v>0</v>
      </c>
      <c r="BJ27" s="160">
        <v>7</v>
      </c>
      <c r="BK27" s="160">
        <v>3</v>
      </c>
      <c r="BL27" s="160">
        <v>1</v>
      </c>
      <c r="BM27" s="160">
        <v>0</v>
      </c>
      <c r="BN27" s="160">
        <v>0</v>
      </c>
      <c r="BO27" s="165">
        <v>11</v>
      </c>
      <c r="BP27" s="164">
        <v>11</v>
      </c>
      <c r="BQ27" s="159">
        <v>0</v>
      </c>
      <c r="BR27" s="160">
        <v>1</v>
      </c>
      <c r="BS27" s="165">
        <v>1</v>
      </c>
      <c r="BT27" s="162">
        <v>0</v>
      </c>
      <c r="BU27" s="160">
        <v>0</v>
      </c>
      <c r="BV27" s="160">
        <v>2</v>
      </c>
      <c r="BW27" s="160">
        <v>2</v>
      </c>
      <c r="BX27" s="160">
        <v>0</v>
      </c>
      <c r="BY27" s="160">
        <v>0</v>
      </c>
      <c r="BZ27" s="165">
        <v>4</v>
      </c>
      <c r="CA27" s="164">
        <v>5</v>
      </c>
      <c r="CB27" s="159">
        <v>0</v>
      </c>
      <c r="CC27" s="160">
        <v>0</v>
      </c>
      <c r="CD27" s="165">
        <v>0</v>
      </c>
      <c r="CE27" s="162">
        <v>0</v>
      </c>
      <c r="CF27" s="160">
        <v>2</v>
      </c>
      <c r="CG27" s="160">
        <v>0</v>
      </c>
      <c r="CH27" s="160">
        <v>0</v>
      </c>
      <c r="CI27" s="160">
        <v>0</v>
      </c>
      <c r="CJ27" s="160">
        <v>0</v>
      </c>
      <c r="CK27" s="165">
        <v>2</v>
      </c>
      <c r="CL27" s="164">
        <v>2</v>
      </c>
      <c r="CM27" s="159">
        <v>0</v>
      </c>
      <c r="CN27" s="160">
        <v>0</v>
      </c>
      <c r="CO27" s="165">
        <v>0</v>
      </c>
      <c r="CP27" s="162">
        <v>0</v>
      </c>
      <c r="CQ27" s="160">
        <v>0</v>
      </c>
      <c r="CR27" s="160">
        <v>1</v>
      </c>
      <c r="CS27" s="160">
        <v>0</v>
      </c>
      <c r="CT27" s="160">
        <v>0</v>
      </c>
      <c r="CU27" s="160">
        <v>0</v>
      </c>
      <c r="CV27" s="165">
        <v>1</v>
      </c>
      <c r="CW27" s="164">
        <v>1</v>
      </c>
      <c r="CX27" s="159">
        <v>0</v>
      </c>
      <c r="CY27" s="160">
        <v>0</v>
      </c>
      <c r="CZ27" s="165">
        <v>0</v>
      </c>
      <c r="DA27" s="162">
        <v>0</v>
      </c>
      <c r="DB27" s="160">
        <v>0</v>
      </c>
      <c r="DC27" s="160">
        <v>0</v>
      </c>
      <c r="DD27" s="160">
        <v>0</v>
      </c>
      <c r="DE27" s="160">
        <v>0</v>
      </c>
      <c r="DF27" s="160">
        <v>0</v>
      </c>
      <c r="DG27" s="165">
        <v>0</v>
      </c>
      <c r="DH27" s="164">
        <v>0</v>
      </c>
      <c r="DI27" s="159">
        <v>0</v>
      </c>
      <c r="DJ27" s="160">
        <v>0</v>
      </c>
      <c r="DK27" s="165">
        <v>0</v>
      </c>
      <c r="DL27" s="162">
        <v>0</v>
      </c>
      <c r="DM27" s="160">
        <v>0</v>
      </c>
      <c r="DN27" s="160">
        <v>0</v>
      </c>
      <c r="DO27" s="160">
        <v>0</v>
      </c>
      <c r="DP27" s="160">
        <v>0</v>
      </c>
      <c r="DQ27" s="160">
        <v>0</v>
      </c>
      <c r="DR27" s="165">
        <v>0</v>
      </c>
      <c r="DS27" s="164">
        <v>0</v>
      </c>
      <c r="DT27" s="159">
        <v>5</v>
      </c>
      <c r="DU27" s="160">
        <v>9</v>
      </c>
      <c r="DV27" s="165">
        <v>14</v>
      </c>
      <c r="DW27" s="162">
        <v>0</v>
      </c>
      <c r="DX27" s="160">
        <v>1</v>
      </c>
      <c r="DY27" s="160">
        <v>10</v>
      </c>
      <c r="DZ27" s="160">
        <v>3</v>
      </c>
      <c r="EA27" s="160">
        <v>4</v>
      </c>
      <c r="EB27" s="160">
        <v>0</v>
      </c>
      <c r="EC27" s="165">
        <v>18</v>
      </c>
      <c r="ED27" s="164">
        <v>32</v>
      </c>
      <c r="EE27" s="159">
        <v>0</v>
      </c>
      <c r="EF27" s="160">
        <v>1</v>
      </c>
      <c r="EG27" s="165">
        <v>1</v>
      </c>
      <c r="EH27" s="162">
        <v>0</v>
      </c>
      <c r="EI27" s="160">
        <v>5</v>
      </c>
      <c r="EJ27" s="160">
        <v>2</v>
      </c>
      <c r="EK27" s="160">
        <v>1</v>
      </c>
      <c r="EL27" s="160">
        <v>2</v>
      </c>
      <c r="EM27" s="160">
        <v>0</v>
      </c>
      <c r="EN27" s="165">
        <v>10</v>
      </c>
      <c r="EO27" s="164">
        <v>11</v>
      </c>
      <c r="EP27" s="159">
        <v>7</v>
      </c>
      <c r="EQ27" s="160">
        <v>12</v>
      </c>
      <c r="ER27" s="165">
        <v>19</v>
      </c>
      <c r="ES27" s="162">
        <v>0</v>
      </c>
      <c r="ET27" s="160">
        <v>11</v>
      </c>
      <c r="EU27" s="160">
        <v>11</v>
      </c>
      <c r="EV27" s="160">
        <v>6</v>
      </c>
      <c r="EW27" s="160">
        <v>4</v>
      </c>
      <c r="EX27" s="160">
        <v>0</v>
      </c>
      <c r="EY27" s="165">
        <v>32</v>
      </c>
      <c r="EZ27" s="164">
        <v>51</v>
      </c>
    </row>
    <row r="28" spans="2:156" ht="21" customHeight="1" x14ac:dyDescent="0.2">
      <c r="B28" s="166" t="s">
        <v>26</v>
      </c>
      <c r="C28" s="159">
        <v>0</v>
      </c>
      <c r="D28" s="160">
        <v>0</v>
      </c>
      <c r="E28" s="161">
        <v>0</v>
      </c>
      <c r="F28" s="162">
        <v>0</v>
      </c>
      <c r="G28" s="160">
        <v>9</v>
      </c>
      <c r="H28" s="160">
        <v>6</v>
      </c>
      <c r="I28" s="160">
        <v>5</v>
      </c>
      <c r="J28" s="160">
        <v>4</v>
      </c>
      <c r="K28" s="160">
        <v>3</v>
      </c>
      <c r="L28" s="163">
        <v>27</v>
      </c>
      <c r="M28" s="164">
        <v>27</v>
      </c>
      <c r="N28" s="159">
        <v>0</v>
      </c>
      <c r="O28" s="160">
        <v>0</v>
      </c>
      <c r="P28" s="165">
        <v>0</v>
      </c>
      <c r="Q28" s="162">
        <v>0</v>
      </c>
      <c r="R28" s="160">
        <v>0</v>
      </c>
      <c r="S28" s="160">
        <v>1</v>
      </c>
      <c r="T28" s="160">
        <v>0</v>
      </c>
      <c r="U28" s="160">
        <v>1</v>
      </c>
      <c r="V28" s="160">
        <v>1</v>
      </c>
      <c r="W28" s="165">
        <v>3</v>
      </c>
      <c r="X28" s="164">
        <v>3</v>
      </c>
      <c r="Y28" s="159">
        <v>1</v>
      </c>
      <c r="Z28" s="160">
        <v>0</v>
      </c>
      <c r="AA28" s="165">
        <v>1</v>
      </c>
      <c r="AB28" s="162">
        <v>0</v>
      </c>
      <c r="AC28" s="160">
        <v>7</v>
      </c>
      <c r="AD28" s="160">
        <v>5</v>
      </c>
      <c r="AE28" s="160">
        <v>4</v>
      </c>
      <c r="AF28" s="160">
        <v>5</v>
      </c>
      <c r="AG28" s="160">
        <v>3</v>
      </c>
      <c r="AH28" s="165">
        <v>24</v>
      </c>
      <c r="AI28" s="164">
        <v>25</v>
      </c>
      <c r="AJ28" s="159">
        <v>0</v>
      </c>
      <c r="AK28" s="160">
        <v>0</v>
      </c>
      <c r="AL28" s="165">
        <v>0</v>
      </c>
      <c r="AM28" s="162">
        <v>0</v>
      </c>
      <c r="AN28" s="160">
        <v>0</v>
      </c>
      <c r="AO28" s="160">
        <v>0</v>
      </c>
      <c r="AP28" s="160">
        <v>0</v>
      </c>
      <c r="AQ28" s="160">
        <v>0</v>
      </c>
      <c r="AR28" s="160">
        <v>0</v>
      </c>
      <c r="AS28" s="165">
        <v>0</v>
      </c>
      <c r="AT28" s="164">
        <v>0</v>
      </c>
      <c r="AU28" s="159">
        <v>2</v>
      </c>
      <c r="AV28" s="160">
        <v>0</v>
      </c>
      <c r="AW28" s="165">
        <v>2</v>
      </c>
      <c r="AX28" s="162">
        <v>0</v>
      </c>
      <c r="AY28" s="160">
        <v>4</v>
      </c>
      <c r="AZ28" s="160">
        <v>4</v>
      </c>
      <c r="BA28" s="160">
        <v>8</v>
      </c>
      <c r="BB28" s="160">
        <v>5</v>
      </c>
      <c r="BC28" s="160">
        <v>4</v>
      </c>
      <c r="BD28" s="163">
        <v>25</v>
      </c>
      <c r="BE28" s="164">
        <v>27</v>
      </c>
      <c r="BF28" s="159">
        <v>0</v>
      </c>
      <c r="BG28" s="160">
        <v>0</v>
      </c>
      <c r="BH28" s="165">
        <v>0</v>
      </c>
      <c r="BI28" s="162">
        <v>0</v>
      </c>
      <c r="BJ28" s="160">
        <v>7</v>
      </c>
      <c r="BK28" s="160">
        <v>4</v>
      </c>
      <c r="BL28" s="160">
        <v>2</v>
      </c>
      <c r="BM28" s="160">
        <v>1</v>
      </c>
      <c r="BN28" s="160">
        <v>0</v>
      </c>
      <c r="BO28" s="165">
        <v>14</v>
      </c>
      <c r="BP28" s="164">
        <v>14</v>
      </c>
      <c r="BQ28" s="159">
        <v>0</v>
      </c>
      <c r="BR28" s="160">
        <v>0</v>
      </c>
      <c r="BS28" s="165">
        <v>0</v>
      </c>
      <c r="BT28" s="162">
        <v>0</v>
      </c>
      <c r="BU28" s="160">
        <v>4</v>
      </c>
      <c r="BV28" s="160">
        <v>2</v>
      </c>
      <c r="BW28" s="160">
        <v>0</v>
      </c>
      <c r="BX28" s="160">
        <v>1</v>
      </c>
      <c r="BY28" s="160">
        <v>0</v>
      </c>
      <c r="BZ28" s="165">
        <v>7</v>
      </c>
      <c r="CA28" s="164">
        <v>7</v>
      </c>
      <c r="CB28" s="159">
        <v>0</v>
      </c>
      <c r="CC28" s="160">
        <v>0</v>
      </c>
      <c r="CD28" s="165">
        <v>0</v>
      </c>
      <c r="CE28" s="162">
        <v>0</v>
      </c>
      <c r="CF28" s="160">
        <v>2</v>
      </c>
      <c r="CG28" s="160">
        <v>1</v>
      </c>
      <c r="CH28" s="160">
        <v>3</v>
      </c>
      <c r="CI28" s="160">
        <v>1</v>
      </c>
      <c r="CJ28" s="160">
        <v>0</v>
      </c>
      <c r="CK28" s="165">
        <v>7</v>
      </c>
      <c r="CL28" s="164">
        <v>7</v>
      </c>
      <c r="CM28" s="159">
        <v>0</v>
      </c>
      <c r="CN28" s="160">
        <v>0</v>
      </c>
      <c r="CO28" s="165">
        <v>0</v>
      </c>
      <c r="CP28" s="162">
        <v>0</v>
      </c>
      <c r="CQ28" s="160">
        <v>0</v>
      </c>
      <c r="CR28" s="160">
        <v>0</v>
      </c>
      <c r="CS28" s="160">
        <v>0</v>
      </c>
      <c r="CT28" s="160">
        <v>1</v>
      </c>
      <c r="CU28" s="160">
        <v>0</v>
      </c>
      <c r="CV28" s="165">
        <v>1</v>
      </c>
      <c r="CW28" s="164">
        <v>1</v>
      </c>
      <c r="CX28" s="159">
        <v>0</v>
      </c>
      <c r="CY28" s="160">
        <v>0</v>
      </c>
      <c r="CZ28" s="165">
        <v>0</v>
      </c>
      <c r="DA28" s="162">
        <v>0</v>
      </c>
      <c r="DB28" s="160">
        <v>0</v>
      </c>
      <c r="DC28" s="160">
        <v>0</v>
      </c>
      <c r="DD28" s="160">
        <v>0</v>
      </c>
      <c r="DE28" s="160">
        <v>0</v>
      </c>
      <c r="DF28" s="160">
        <v>0</v>
      </c>
      <c r="DG28" s="165">
        <v>0</v>
      </c>
      <c r="DH28" s="164">
        <v>0</v>
      </c>
      <c r="DI28" s="159">
        <v>0</v>
      </c>
      <c r="DJ28" s="160">
        <v>0</v>
      </c>
      <c r="DK28" s="165">
        <v>0</v>
      </c>
      <c r="DL28" s="162">
        <v>0</v>
      </c>
      <c r="DM28" s="160">
        <v>0</v>
      </c>
      <c r="DN28" s="160">
        <v>0</v>
      </c>
      <c r="DO28" s="160">
        <v>0</v>
      </c>
      <c r="DP28" s="160">
        <v>0</v>
      </c>
      <c r="DQ28" s="160">
        <v>0</v>
      </c>
      <c r="DR28" s="165">
        <v>0</v>
      </c>
      <c r="DS28" s="164">
        <v>0</v>
      </c>
      <c r="DT28" s="159">
        <v>5</v>
      </c>
      <c r="DU28" s="160">
        <v>5</v>
      </c>
      <c r="DV28" s="165">
        <v>10</v>
      </c>
      <c r="DW28" s="162">
        <v>0</v>
      </c>
      <c r="DX28" s="160">
        <v>16</v>
      </c>
      <c r="DY28" s="160">
        <v>11</v>
      </c>
      <c r="DZ28" s="160">
        <v>7</v>
      </c>
      <c r="EA28" s="160">
        <v>8</v>
      </c>
      <c r="EB28" s="160">
        <v>3</v>
      </c>
      <c r="EC28" s="165">
        <v>45</v>
      </c>
      <c r="ED28" s="164">
        <v>55</v>
      </c>
      <c r="EE28" s="159">
        <v>1</v>
      </c>
      <c r="EF28" s="160">
        <v>0</v>
      </c>
      <c r="EG28" s="165">
        <v>1</v>
      </c>
      <c r="EH28" s="162">
        <v>0</v>
      </c>
      <c r="EI28" s="160">
        <v>2</v>
      </c>
      <c r="EJ28" s="160">
        <v>2</v>
      </c>
      <c r="EK28" s="160">
        <v>2</v>
      </c>
      <c r="EL28" s="160">
        <v>1</v>
      </c>
      <c r="EM28" s="160">
        <v>0</v>
      </c>
      <c r="EN28" s="165">
        <v>7</v>
      </c>
      <c r="EO28" s="164">
        <v>8</v>
      </c>
      <c r="EP28" s="159">
        <v>6</v>
      </c>
      <c r="EQ28" s="160">
        <v>8</v>
      </c>
      <c r="ER28" s="165">
        <v>14</v>
      </c>
      <c r="ES28" s="162">
        <v>0</v>
      </c>
      <c r="ET28" s="160">
        <v>27</v>
      </c>
      <c r="EU28" s="160">
        <v>14</v>
      </c>
      <c r="EV28" s="160">
        <v>11</v>
      </c>
      <c r="EW28" s="160">
        <v>8</v>
      </c>
      <c r="EX28" s="160">
        <v>3</v>
      </c>
      <c r="EY28" s="165">
        <v>63</v>
      </c>
      <c r="EZ28" s="164">
        <v>77</v>
      </c>
    </row>
    <row r="29" spans="2:156" ht="21" customHeight="1" x14ac:dyDescent="0.2">
      <c r="B29" s="166" t="s">
        <v>27</v>
      </c>
      <c r="C29" s="159">
        <v>0</v>
      </c>
      <c r="D29" s="160">
        <v>0</v>
      </c>
      <c r="E29" s="161">
        <v>0</v>
      </c>
      <c r="F29" s="162">
        <v>0</v>
      </c>
      <c r="G29" s="160">
        <v>3</v>
      </c>
      <c r="H29" s="160">
        <v>5</v>
      </c>
      <c r="I29" s="160">
        <v>4</v>
      </c>
      <c r="J29" s="160">
        <v>3</v>
      </c>
      <c r="K29" s="160">
        <v>3</v>
      </c>
      <c r="L29" s="163">
        <v>18</v>
      </c>
      <c r="M29" s="164">
        <v>18</v>
      </c>
      <c r="N29" s="159">
        <v>0</v>
      </c>
      <c r="O29" s="160">
        <v>0</v>
      </c>
      <c r="P29" s="165">
        <v>0</v>
      </c>
      <c r="Q29" s="162">
        <v>0</v>
      </c>
      <c r="R29" s="160">
        <v>0</v>
      </c>
      <c r="S29" s="160">
        <v>1</v>
      </c>
      <c r="T29" s="160">
        <v>1</v>
      </c>
      <c r="U29" s="160">
        <v>0</v>
      </c>
      <c r="V29" s="160">
        <v>0</v>
      </c>
      <c r="W29" s="165">
        <v>2</v>
      </c>
      <c r="X29" s="164">
        <v>2</v>
      </c>
      <c r="Y29" s="159">
        <v>2</v>
      </c>
      <c r="Z29" s="160">
        <v>4</v>
      </c>
      <c r="AA29" s="165">
        <v>6</v>
      </c>
      <c r="AB29" s="162">
        <v>0</v>
      </c>
      <c r="AC29" s="160">
        <v>4</v>
      </c>
      <c r="AD29" s="160">
        <v>3</v>
      </c>
      <c r="AE29" s="160">
        <v>6</v>
      </c>
      <c r="AF29" s="160">
        <v>3</v>
      </c>
      <c r="AG29" s="160">
        <v>3</v>
      </c>
      <c r="AH29" s="165">
        <v>19</v>
      </c>
      <c r="AI29" s="164">
        <v>25</v>
      </c>
      <c r="AJ29" s="159">
        <v>0</v>
      </c>
      <c r="AK29" s="160">
        <v>0</v>
      </c>
      <c r="AL29" s="165">
        <v>0</v>
      </c>
      <c r="AM29" s="162">
        <v>0</v>
      </c>
      <c r="AN29" s="160">
        <v>0</v>
      </c>
      <c r="AO29" s="160">
        <v>0</v>
      </c>
      <c r="AP29" s="160">
        <v>0</v>
      </c>
      <c r="AQ29" s="160">
        <v>0</v>
      </c>
      <c r="AR29" s="160">
        <v>0</v>
      </c>
      <c r="AS29" s="165">
        <v>0</v>
      </c>
      <c r="AT29" s="164">
        <v>0</v>
      </c>
      <c r="AU29" s="159">
        <v>2</v>
      </c>
      <c r="AV29" s="160">
        <v>1</v>
      </c>
      <c r="AW29" s="165">
        <v>3</v>
      </c>
      <c r="AX29" s="162">
        <v>0</v>
      </c>
      <c r="AY29" s="160">
        <v>8</v>
      </c>
      <c r="AZ29" s="160">
        <v>3</v>
      </c>
      <c r="BA29" s="160">
        <v>8</v>
      </c>
      <c r="BB29" s="160">
        <v>7</v>
      </c>
      <c r="BC29" s="160">
        <v>4</v>
      </c>
      <c r="BD29" s="163">
        <v>30</v>
      </c>
      <c r="BE29" s="164">
        <v>33</v>
      </c>
      <c r="BF29" s="159">
        <v>0</v>
      </c>
      <c r="BG29" s="160">
        <v>0</v>
      </c>
      <c r="BH29" s="165">
        <v>0</v>
      </c>
      <c r="BI29" s="162">
        <v>0</v>
      </c>
      <c r="BJ29" s="160">
        <v>6</v>
      </c>
      <c r="BK29" s="160">
        <v>5</v>
      </c>
      <c r="BL29" s="160">
        <v>3</v>
      </c>
      <c r="BM29" s="160">
        <v>5</v>
      </c>
      <c r="BN29" s="160">
        <v>0</v>
      </c>
      <c r="BO29" s="165">
        <v>19</v>
      </c>
      <c r="BP29" s="164">
        <v>19</v>
      </c>
      <c r="BQ29" s="159">
        <v>2</v>
      </c>
      <c r="BR29" s="160">
        <v>3</v>
      </c>
      <c r="BS29" s="165">
        <v>5</v>
      </c>
      <c r="BT29" s="162">
        <v>0</v>
      </c>
      <c r="BU29" s="160">
        <v>1</v>
      </c>
      <c r="BV29" s="160">
        <v>2</v>
      </c>
      <c r="BW29" s="160">
        <v>2</v>
      </c>
      <c r="BX29" s="160">
        <v>0</v>
      </c>
      <c r="BY29" s="160">
        <v>0</v>
      </c>
      <c r="BZ29" s="165">
        <v>5</v>
      </c>
      <c r="CA29" s="164">
        <v>10</v>
      </c>
      <c r="CB29" s="159">
        <v>0</v>
      </c>
      <c r="CC29" s="160">
        <v>1</v>
      </c>
      <c r="CD29" s="165">
        <v>1</v>
      </c>
      <c r="CE29" s="162">
        <v>0</v>
      </c>
      <c r="CF29" s="160">
        <v>0</v>
      </c>
      <c r="CG29" s="160">
        <v>0</v>
      </c>
      <c r="CH29" s="160">
        <v>1</v>
      </c>
      <c r="CI29" s="160">
        <v>2</v>
      </c>
      <c r="CJ29" s="160">
        <v>0</v>
      </c>
      <c r="CK29" s="165">
        <v>3</v>
      </c>
      <c r="CL29" s="164">
        <v>4</v>
      </c>
      <c r="CM29" s="159">
        <v>0</v>
      </c>
      <c r="CN29" s="160">
        <v>0</v>
      </c>
      <c r="CO29" s="165">
        <v>0</v>
      </c>
      <c r="CP29" s="162">
        <v>0</v>
      </c>
      <c r="CQ29" s="160">
        <v>1</v>
      </c>
      <c r="CR29" s="160">
        <v>0</v>
      </c>
      <c r="CS29" s="160">
        <v>0</v>
      </c>
      <c r="CT29" s="160">
        <v>0</v>
      </c>
      <c r="CU29" s="160">
        <v>0</v>
      </c>
      <c r="CV29" s="165">
        <v>1</v>
      </c>
      <c r="CW29" s="164">
        <v>1</v>
      </c>
      <c r="CX29" s="159">
        <v>0</v>
      </c>
      <c r="CY29" s="160">
        <v>0</v>
      </c>
      <c r="CZ29" s="165">
        <v>0</v>
      </c>
      <c r="DA29" s="162">
        <v>0</v>
      </c>
      <c r="DB29" s="160">
        <v>0</v>
      </c>
      <c r="DC29" s="160">
        <v>0</v>
      </c>
      <c r="DD29" s="160">
        <v>0</v>
      </c>
      <c r="DE29" s="160">
        <v>0</v>
      </c>
      <c r="DF29" s="160">
        <v>0</v>
      </c>
      <c r="DG29" s="165">
        <v>0</v>
      </c>
      <c r="DH29" s="164">
        <v>0</v>
      </c>
      <c r="DI29" s="159">
        <v>0</v>
      </c>
      <c r="DJ29" s="160">
        <v>0</v>
      </c>
      <c r="DK29" s="165">
        <v>0</v>
      </c>
      <c r="DL29" s="162">
        <v>0</v>
      </c>
      <c r="DM29" s="160">
        <v>0</v>
      </c>
      <c r="DN29" s="160">
        <v>0</v>
      </c>
      <c r="DO29" s="160">
        <v>0</v>
      </c>
      <c r="DP29" s="160">
        <v>0</v>
      </c>
      <c r="DQ29" s="160">
        <v>0</v>
      </c>
      <c r="DR29" s="165">
        <v>0</v>
      </c>
      <c r="DS29" s="164">
        <v>0</v>
      </c>
      <c r="DT29" s="159">
        <v>9</v>
      </c>
      <c r="DU29" s="160">
        <v>10</v>
      </c>
      <c r="DV29" s="165">
        <v>19</v>
      </c>
      <c r="DW29" s="162">
        <v>0</v>
      </c>
      <c r="DX29" s="160">
        <v>5</v>
      </c>
      <c r="DY29" s="160">
        <v>10</v>
      </c>
      <c r="DZ29" s="160">
        <v>7</v>
      </c>
      <c r="EA29" s="160">
        <v>6</v>
      </c>
      <c r="EB29" s="160">
        <v>4</v>
      </c>
      <c r="EC29" s="165">
        <v>32</v>
      </c>
      <c r="ED29" s="164">
        <v>51</v>
      </c>
      <c r="EE29" s="159">
        <v>2</v>
      </c>
      <c r="EF29" s="160">
        <v>0</v>
      </c>
      <c r="EG29" s="165">
        <v>2</v>
      </c>
      <c r="EH29" s="162">
        <v>0</v>
      </c>
      <c r="EI29" s="160">
        <v>3</v>
      </c>
      <c r="EJ29" s="160">
        <v>1</v>
      </c>
      <c r="EK29" s="160">
        <v>0</v>
      </c>
      <c r="EL29" s="160">
        <v>4</v>
      </c>
      <c r="EM29" s="160">
        <v>0</v>
      </c>
      <c r="EN29" s="165">
        <v>8</v>
      </c>
      <c r="EO29" s="164">
        <v>10</v>
      </c>
      <c r="EP29" s="159">
        <v>15</v>
      </c>
      <c r="EQ29" s="160">
        <v>16</v>
      </c>
      <c r="ER29" s="165">
        <v>31</v>
      </c>
      <c r="ES29" s="162">
        <v>0</v>
      </c>
      <c r="ET29" s="160">
        <v>13</v>
      </c>
      <c r="EU29" s="160">
        <v>11</v>
      </c>
      <c r="EV29" s="160">
        <v>9</v>
      </c>
      <c r="EW29" s="160">
        <v>9</v>
      </c>
      <c r="EX29" s="160">
        <v>4</v>
      </c>
      <c r="EY29" s="165">
        <v>46</v>
      </c>
      <c r="EZ29" s="164">
        <v>77</v>
      </c>
    </row>
    <row r="30" spans="2:156" ht="21" customHeight="1" x14ac:dyDescent="0.2">
      <c r="B30" s="166" t="s">
        <v>28</v>
      </c>
      <c r="C30" s="159">
        <v>0</v>
      </c>
      <c r="D30" s="160">
        <v>0</v>
      </c>
      <c r="E30" s="161">
        <v>0</v>
      </c>
      <c r="F30" s="162">
        <v>0</v>
      </c>
      <c r="G30" s="160">
        <v>0</v>
      </c>
      <c r="H30" s="160">
        <v>0</v>
      </c>
      <c r="I30" s="160">
        <v>1</v>
      </c>
      <c r="J30" s="160">
        <v>0</v>
      </c>
      <c r="K30" s="160">
        <v>0</v>
      </c>
      <c r="L30" s="163">
        <v>1</v>
      </c>
      <c r="M30" s="164">
        <v>1</v>
      </c>
      <c r="N30" s="159">
        <v>0</v>
      </c>
      <c r="O30" s="160">
        <v>0</v>
      </c>
      <c r="P30" s="165">
        <v>0</v>
      </c>
      <c r="Q30" s="162">
        <v>0</v>
      </c>
      <c r="R30" s="160">
        <v>0</v>
      </c>
      <c r="S30" s="160">
        <v>0</v>
      </c>
      <c r="T30" s="160">
        <v>0</v>
      </c>
      <c r="U30" s="160">
        <v>0</v>
      </c>
      <c r="V30" s="160">
        <v>0</v>
      </c>
      <c r="W30" s="165">
        <v>0</v>
      </c>
      <c r="X30" s="164">
        <v>0</v>
      </c>
      <c r="Y30" s="159">
        <v>0</v>
      </c>
      <c r="Z30" s="160">
        <v>0</v>
      </c>
      <c r="AA30" s="165">
        <v>0</v>
      </c>
      <c r="AB30" s="162">
        <v>0</v>
      </c>
      <c r="AC30" s="160">
        <v>1</v>
      </c>
      <c r="AD30" s="160">
        <v>0</v>
      </c>
      <c r="AE30" s="160">
        <v>2</v>
      </c>
      <c r="AF30" s="160">
        <v>1</v>
      </c>
      <c r="AG30" s="160">
        <v>0</v>
      </c>
      <c r="AH30" s="165">
        <v>4</v>
      </c>
      <c r="AI30" s="164">
        <v>4</v>
      </c>
      <c r="AJ30" s="159">
        <v>0</v>
      </c>
      <c r="AK30" s="160">
        <v>0</v>
      </c>
      <c r="AL30" s="165">
        <v>0</v>
      </c>
      <c r="AM30" s="162">
        <v>0</v>
      </c>
      <c r="AN30" s="160">
        <v>0</v>
      </c>
      <c r="AO30" s="160">
        <v>0</v>
      </c>
      <c r="AP30" s="160">
        <v>0</v>
      </c>
      <c r="AQ30" s="160">
        <v>0</v>
      </c>
      <c r="AR30" s="160">
        <v>0</v>
      </c>
      <c r="AS30" s="165">
        <v>0</v>
      </c>
      <c r="AT30" s="164">
        <v>0</v>
      </c>
      <c r="AU30" s="159">
        <v>0</v>
      </c>
      <c r="AV30" s="160">
        <v>0</v>
      </c>
      <c r="AW30" s="165">
        <v>0</v>
      </c>
      <c r="AX30" s="162">
        <v>0</v>
      </c>
      <c r="AY30" s="160">
        <v>3</v>
      </c>
      <c r="AZ30" s="160">
        <v>1</v>
      </c>
      <c r="BA30" s="160">
        <v>2</v>
      </c>
      <c r="BB30" s="160">
        <v>0</v>
      </c>
      <c r="BC30" s="160">
        <v>1</v>
      </c>
      <c r="BD30" s="163">
        <v>7</v>
      </c>
      <c r="BE30" s="164">
        <v>7</v>
      </c>
      <c r="BF30" s="159">
        <v>0</v>
      </c>
      <c r="BG30" s="160">
        <v>0</v>
      </c>
      <c r="BH30" s="165">
        <v>0</v>
      </c>
      <c r="BI30" s="162">
        <v>0</v>
      </c>
      <c r="BJ30" s="160">
        <v>1</v>
      </c>
      <c r="BK30" s="160">
        <v>5</v>
      </c>
      <c r="BL30" s="160">
        <v>1</v>
      </c>
      <c r="BM30" s="160">
        <v>0</v>
      </c>
      <c r="BN30" s="160">
        <v>0</v>
      </c>
      <c r="BO30" s="165">
        <v>7</v>
      </c>
      <c r="BP30" s="164">
        <v>7</v>
      </c>
      <c r="BQ30" s="159">
        <v>0</v>
      </c>
      <c r="BR30" s="160">
        <v>0</v>
      </c>
      <c r="BS30" s="165">
        <v>0</v>
      </c>
      <c r="BT30" s="162">
        <v>0</v>
      </c>
      <c r="BU30" s="160">
        <v>1</v>
      </c>
      <c r="BV30" s="160">
        <v>0</v>
      </c>
      <c r="BW30" s="160">
        <v>0</v>
      </c>
      <c r="BX30" s="160">
        <v>0</v>
      </c>
      <c r="BY30" s="160">
        <v>0</v>
      </c>
      <c r="BZ30" s="165">
        <v>1</v>
      </c>
      <c r="CA30" s="164">
        <v>1</v>
      </c>
      <c r="CB30" s="159">
        <v>0</v>
      </c>
      <c r="CC30" s="160">
        <v>0</v>
      </c>
      <c r="CD30" s="165">
        <v>0</v>
      </c>
      <c r="CE30" s="162">
        <v>0</v>
      </c>
      <c r="CF30" s="160">
        <v>0</v>
      </c>
      <c r="CG30" s="160">
        <v>0</v>
      </c>
      <c r="CH30" s="160">
        <v>0</v>
      </c>
      <c r="CI30" s="160">
        <v>0</v>
      </c>
      <c r="CJ30" s="160">
        <v>0</v>
      </c>
      <c r="CK30" s="165">
        <v>0</v>
      </c>
      <c r="CL30" s="164">
        <v>0</v>
      </c>
      <c r="CM30" s="159">
        <v>0</v>
      </c>
      <c r="CN30" s="160">
        <v>0</v>
      </c>
      <c r="CO30" s="165">
        <v>0</v>
      </c>
      <c r="CP30" s="162">
        <v>0</v>
      </c>
      <c r="CQ30" s="160">
        <v>0</v>
      </c>
      <c r="CR30" s="160">
        <v>0</v>
      </c>
      <c r="CS30" s="160">
        <v>1</v>
      </c>
      <c r="CT30" s="160">
        <v>0</v>
      </c>
      <c r="CU30" s="160">
        <v>0</v>
      </c>
      <c r="CV30" s="165">
        <v>1</v>
      </c>
      <c r="CW30" s="164">
        <v>1</v>
      </c>
      <c r="CX30" s="159">
        <v>0</v>
      </c>
      <c r="CY30" s="160">
        <v>0</v>
      </c>
      <c r="CZ30" s="165">
        <v>0</v>
      </c>
      <c r="DA30" s="162">
        <v>0</v>
      </c>
      <c r="DB30" s="160">
        <v>0</v>
      </c>
      <c r="DC30" s="160">
        <v>0</v>
      </c>
      <c r="DD30" s="160">
        <v>0</v>
      </c>
      <c r="DE30" s="160">
        <v>0</v>
      </c>
      <c r="DF30" s="160">
        <v>0</v>
      </c>
      <c r="DG30" s="165">
        <v>0</v>
      </c>
      <c r="DH30" s="164">
        <v>0</v>
      </c>
      <c r="DI30" s="159">
        <v>0</v>
      </c>
      <c r="DJ30" s="160">
        <v>0</v>
      </c>
      <c r="DK30" s="165">
        <v>0</v>
      </c>
      <c r="DL30" s="162">
        <v>0</v>
      </c>
      <c r="DM30" s="160">
        <v>0</v>
      </c>
      <c r="DN30" s="160">
        <v>0</v>
      </c>
      <c r="DO30" s="160">
        <v>0</v>
      </c>
      <c r="DP30" s="160">
        <v>0</v>
      </c>
      <c r="DQ30" s="160">
        <v>0</v>
      </c>
      <c r="DR30" s="165">
        <v>0</v>
      </c>
      <c r="DS30" s="164">
        <v>0</v>
      </c>
      <c r="DT30" s="159">
        <v>0</v>
      </c>
      <c r="DU30" s="160">
        <v>1</v>
      </c>
      <c r="DV30" s="165">
        <v>1</v>
      </c>
      <c r="DW30" s="162">
        <v>0</v>
      </c>
      <c r="DX30" s="160">
        <v>3</v>
      </c>
      <c r="DY30" s="160">
        <v>5</v>
      </c>
      <c r="DZ30" s="160">
        <v>2</v>
      </c>
      <c r="EA30" s="160">
        <v>1</v>
      </c>
      <c r="EB30" s="160">
        <v>0</v>
      </c>
      <c r="EC30" s="165">
        <v>11</v>
      </c>
      <c r="ED30" s="164">
        <v>12</v>
      </c>
      <c r="EE30" s="159">
        <v>0</v>
      </c>
      <c r="EF30" s="160">
        <v>0</v>
      </c>
      <c r="EG30" s="165">
        <v>0</v>
      </c>
      <c r="EH30" s="162">
        <v>0</v>
      </c>
      <c r="EI30" s="160">
        <v>3</v>
      </c>
      <c r="EJ30" s="160">
        <v>0</v>
      </c>
      <c r="EK30" s="160">
        <v>1</v>
      </c>
      <c r="EL30" s="160">
        <v>0</v>
      </c>
      <c r="EM30" s="160">
        <v>0</v>
      </c>
      <c r="EN30" s="165">
        <v>4</v>
      </c>
      <c r="EO30" s="164">
        <v>4</v>
      </c>
      <c r="EP30" s="159">
        <v>0</v>
      </c>
      <c r="EQ30" s="160">
        <v>1</v>
      </c>
      <c r="ER30" s="165">
        <v>1</v>
      </c>
      <c r="ES30" s="162">
        <v>0</v>
      </c>
      <c r="ET30" s="160">
        <v>9</v>
      </c>
      <c r="EU30" s="160">
        <v>7</v>
      </c>
      <c r="EV30" s="160">
        <v>3</v>
      </c>
      <c r="EW30" s="160">
        <v>1</v>
      </c>
      <c r="EX30" s="160">
        <v>0</v>
      </c>
      <c r="EY30" s="165">
        <v>20</v>
      </c>
      <c r="EZ30" s="164">
        <v>21</v>
      </c>
    </row>
    <row r="31" spans="2:156" ht="21" customHeight="1" x14ac:dyDescent="0.2">
      <c r="B31" s="166" t="s">
        <v>29</v>
      </c>
      <c r="C31" s="159">
        <v>0</v>
      </c>
      <c r="D31" s="160">
        <v>0</v>
      </c>
      <c r="E31" s="161">
        <v>0</v>
      </c>
      <c r="F31" s="162">
        <v>0</v>
      </c>
      <c r="G31" s="160">
        <v>0</v>
      </c>
      <c r="H31" s="160">
        <v>2</v>
      </c>
      <c r="I31" s="160">
        <v>0</v>
      </c>
      <c r="J31" s="160">
        <v>1</v>
      </c>
      <c r="K31" s="160">
        <v>0</v>
      </c>
      <c r="L31" s="163">
        <v>3</v>
      </c>
      <c r="M31" s="164">
        <v>3</v>
      </c>
      <c r="N31" s="159">
        <v>0</v>
      </c>
      <c r="O31" s="160">
        <v>0</v>
      </c>
      <c r="P31" s="165">
        <v>0</v>
      </c>
      <c r="Q31" s="162">
        <v>0</v>
      </c>
      <c r="R31" s="160">
        <v>0</v>
      </c>
      <c r="S31" s="160">
        <v>0</v>
      </c>
      <c r="T31" s="160">
        <v>0</v>
      </c>
      <c r="U31" s="160">
        <v>0</v>
      </c>
      <c r="V31" s="160">
        <v>1</v>
      </c>
      <c r="W31" s="165">
        <v>1</v>
      </c>
      <c r="X31" s="164">
        <v>1</v>
      </c>
      <c r="Y31" s="159">
        <v>1</v>
      </c>
      <c r="Z31" s="160">
        <v>0</v>
      </c>
      <c r="AA31" s="165">
        <v>1</v>
      </c>
      <c r="AB31" s="162">
        <v>0</v>
      </c>
      <c r="AC31" s="160">
        <v>0</v>
      </c>
      <c r="AD31" s="160">
        <v>2</v>
      </c>
      <c r="AE31" s="160">
        <v>3</v>
      </c>
      <c r="AF31" s="160">
        <v>0</v>
      </c>
      <c r="AG31" s="160">
        <v>0</v>
      </c>
      <c r="AH31" s="165">
        <v>5</v>
      </c>
      <c r="AI31" s="164">
        <v>6</v>
      </c>
      <c r="AJ31" s="159">
        <v>0</v>
      </c>
      <c r="AK31" s="160">
        <v>0</v>
      </c>
      <c r="AL31" s="165">
        <v>0</v>
      </c>
      <c r="AM31" s="162">
        <v>0</v>
      </c>
      <c r="AN31" s="160">
        <v>0</v>
      </c>
      <c r="AO31" s="160">
        <v>1</v>
      </c>
      <c r="AP31" s="160">
        <v>0</v>
      </c>
      <c r="AQ31" s="160">
        <v>0</v>
      </c>
      <c r="AR31" s="160">
        <v>0</v>
      </c>
      <c r="AS31" s="165">
        <v>1</v>
      </c>
      <c r="AT31" s="164">
        <v>1</v>
      </c>
      <c r="AU31" s="159">
        <v>1</v>
      </c>
      <c r="AV31" s="160">
        <v>0</v>
      </c>
      <c r="AW31" s="165">
        <v>1</v>
      </c>
      <c r="AX31" s="162">
        <v>0</v>
      </c>
      <c r="AY31" s="160">
        <v>2</v>
      </c>
      <c r="AZ31" s="160">
        <v>0</v>
      </c>
      <c r="BA31" s="160">
        <v>2</v>
      </c>
      <c r="BB31" s="160">
        <v>3</v>
      </c>
      <c r="BC31" s="160">
        <v>1</v>
      </c>
      <c r="BD31" s="163">
        <v>8</v>
      </c>
      <c r="BE31" s="164">
        <v>9</v>
      </c>
      <c r="BF31" s="159">
        <v>0</v>
      </c>
      <c r="BG31" s="160">
        <v>0</v>
      </c>
      <c r="BH31" s="165">
        <v>0</v>
      </c>
      <c r="BI31" s="162">
        <v>0</v>
      </c>
      <c r="BJ31" s="160">
        <v>0</v>
      </c>
      <c r="BK31" s="160">
        <v>3</v>
      </c>
      <c r="BL31" s="160">
        <v>1</v>
      </c>
      <c r="BM31" s="160">
        <v>0</v>
      </c>
      <c r="BN31" s="160">
        <v>0</v>
      </c>
      <c r="BO31" s="165">
        <v>4</v>
      </c>
      <c r="BP31" s="164">
        <v>4</v>
      </c>
      <c r="BQ31" s="159">
        <v>1</v>
      </c>
      <c r="BR31" s="160">
        <v>0</v>
      </c>
      <c r="BS31" s="165">
        <v>1</v>
      </c>
      <c r="BT31" s="162">
        <v>0</v>
      </c>
      <c r="BU31" s="160">
        <v>0</v>
      </c>
      <c r="BV31" s="160">
        <v>0</v>
      </c>
      <c r="BW31" s="160">
        <v>1</v>
      </c>
      <c r="BX31" s="160">
        <v>1</v>
      </c>
      <c r="BY31" s="160">
        <v>0</v>
      </c>
      <c r="BZ31" s="165">
        <v>2</v>
      </c>
      <c r="CA31" s="164">
        <v>3</v>
      </c>
      <c r="CB31" s="159">
        <v>0</v>
      </c>
      <c r="CC31" s="160">
        <v>0</v>
      </c>
      <c r="CD31" s="165">
        <v>0</v>
      </c>
      <c r="CE31" s="162">
        <v>0</v>
      </c>
      <c r="CF31" s="160">
        <v>0</v>
      </c>
      <c r="CG31" s="160">
        <v>1</v>
      </c>
      <c r="CH31" s="160">
        <v>0</v>
      </c>
      <c r="CI31" s="160">
        <v>0</v>
      </c>
      <c r="CJ31" s="160">
        <v>0</v>
      </c>
      <c r="CK31" s="165">
        <v>1</v>
      </c>
      <c r="CL31" s="164">
        <v>1</v>
      </c>
      <c r="CM31" s="159">
        <v>0</v>
      </c>
      <c r="CN31" s="160">
        <v>0</v>
      </c>
      <c r="CO31" s="165">
        <v>0</v>
      </c>
      <c r="CP31" s="162">
        <v>0</v>
      </c>
      <c r="CQ31" s="160">
        <v>0</v>
      </c>
      <c r="CR31" s="160">
        <v>0</v>
      </c>
      <c r="CS31" s="160">
        <v>1</v>
      </c>
      <c r="CT31" s="160">
        <v>0</v>
      </c>
      <c r="CU31" s="160">
        <v>0</v>
      </c>
      <c r="CV31" s="165">
        <v>1</v>
      </c>
      <c r="CW31" s="164">
        <v>1</v>
      </c>
      <c r="CX31" s="159">
        <v>0</v>
      </c>
      <c r="CY31" s="160">
        <v>0</v>
      </c>
      <c r="CZ31" s="165">
        <v>0</v>
      </c>
      <c r="DA31" s="162">
        <v>0</v>
      </c>
      <c r="DB31" s="160">
        <v>0</v>
      </c>
      <c r="DC31" s="160">
        <v>0</v>
      </c>
      <c r="DD31" s="160">
        <v>0</v>
      </c>
      <c r="DE31" s="160">
        <v>0</v>
      </c>
      <c r="DF31" s="160">
        <v>0</v>
      </c>
      <c r="DG31" s="165">
        <v>0</v>
      </c>
      <c r="DH31" s="164">
        <v>0</v>
      </c>
      <c r="DI31" s="159">
        <v>0</v>
      </c>
      <c r="DJ31" s="160">
        <v>0</v>
      </c>
      <c r="DK31" s="165">
        <v>0</v>
      </c>
      <c r="DL31" s="162">
        <v>0</v>
      </c>
      <c r="DM31" s="160">
        <v>0</v>
      </c>
      <c r="DN31" s="160">
        <v>0</v>
      </c>
      <c r="DO31" s="160">
        <v>0</v>
      </c>
      <c r="DP31" s="160">
        <v>0</v>
      </c>
      <c r="DQ31" s="160">
        <v>0</v>
      </c>
      <c r="DR31" s="165">
        <v>0</v>
      </c>
      <c r="DS31" s="164">
        <v>0</v>
      </c>
      <c r="DT31" s="159">
        <v>2</v>
      </c>
      <c r="DU31" s="160">
        <v>0</v>
      </c>
      <c r="DV31" s="165">
        <v>2</v>
      </c>
      <c r="DW31" s="162">
        <v>0</v>
      </c>
      <c r="DX31" s="160">
        <v>0</v>
      </c>
      <c r="DY31" s="160">
        <v>3</v>
      </c>
      <c r="DZ31" s="160">
        <v>3</v>
      </c>
      <c r="EA31" s="160">
        <v>3</v>
      </c>
      <c r="EB31" s="160">
        <v>1</v>
      </c>
      <c r="EC31" s="165">
        <v>10</v>
      </c>
      <c r="ED31" s="164">
        <v>12</v>
      </c>
      <c r="EE31" s="159">
        <v>1</v>
      </c>
      <c r="EF31" s="160">
        <v>0</v>
      </c>
      <c r="EG31" s="165">
        <v>1</v>
      </c>
      <c r="EH31" s="162">
        <v>0</v>
      </c>
      <c r="EI31" s="160">
        <v>2</v>
      </c>
      <c r="EJ31" s="160">
        <v>0</v>
      </c>
      <c r="EK31" s="160">
        <v>1</v>
      </c>
      <c r="EL31" s="160">
        <v>1</v>
      </c>
      <c r="EM31" s="160">
        <v>0</v>
      </c>
      <c r="EN31" s="165">
        <v>4</v>
      </c>
      <c r="EO31" s="164">
        <v>5</v>
      </c>
      <c r="EP31" s="159">
        <v>3</v>
      </c>
      <c r="EQ31" s="160">
        <v>0</v>
      </c>
      <c r="ER31" s="165">
        <v>3</v>
      </c>
      <c r="ES31" s="162">
        <v>0</v>
      </c>
      <c r="ET31" s="160">
        <v>1</v>
      </c>
      <c r="EU31" s="160">
        <v>6</v>
      </c>
      <c r="EV31" s="160">
        <v>3</v>
      </c>
      <c r="EW31" s="160">
        <v>3</v>
      </c>
      <c r="EX31" s="160">
        <v>1</v>
      </c>
      <c r="EY31" s="165">
        <v>14</v>
      </c>
      <c r="EZ31" s="164">
        <v>17</v>
      </c>
    </row>
    <row r="32" spans="2:156" ht="21" customHeight="1" x14ac:dyDescent="0.2">
      <c r="B32" s="166" t="s">
        <v>30</v>
      </c>
      <c r="C32" s="159">
        <v>0</v>
      </c>
      <c r="D32" s="160">
        <v>0</v>
      </c>
      <c r="E32" s="161">
        <v>0</v>
      </c>
      <c r="F32" s="162">
        <v>0</v>
      </c>
      <c r="G32" s="160">
        <v>2</v>
      </c>
      <c r="H32" s="160">
        <v>0</v>
      </c>
      <c r="I32" s="160">
        <v>1</v>
      </c>
      <c r="J32" s="160">
        <v>1</v>
      </c>
      <c r="K32" s="160">
        <v>1</v>
      </c>
      <c r="L32" s="163">
        <v>5</v>
      </c>
      <c r="M32" s="164">
        <v>5</v>
      </c>
      <c r="N32" s="159">
        <v>0</v>
      </c>
      <c r="O32" s="160">
        <v>0</v>
      </c>
      <c r="P32" s="165">
        <v>0</v>
      </c>
      <c r="Q32" s="162">
        <v>0</v>
      </c>
      <c r="R32" s="160">
        <v>0</v>
      </c>
      <c r="S32" s="160">
        <v>0</v>
      </c>
      <c r="T32" s="160">
        <v>0</v>
      </c>
      <c r="U32" s="160">
        <v>0</v>
      </c>
      <c r="V32" s="160">
        <v>0</v>
      </c>
      <c r="W32" s="165">
        <v>0</v>
      </c>
      <c r="X32" s="164">
        <v>0</v>
      </c>
      <c r="Y32" s="159">
        <v>1</v>
      </c>
      <c r="Z32" s="160">
        <v>1</v>
      </c>
      <c r="AA32" s="165">
        <v>2</v>
      </c>
      <c r="AB32" s="162">
        <v>0</v>
      </c>
      <c r="AC32" s="160">
        <v>1</v>
      </c>
      <c r="AD32" s="160">
        <v>0</v>
      </c>
      <c r="AE32" s="160">
        <v>1</v>
      </c>
      <c r="AF32" s="160">
        <v>2</v>
      </c>
      <c r="AG32" s="160">
        <v>1</v>
      </c>
      <c r="AH32" s="165">
        <v>5</v>
      </c>
      <c r="AI32" s="164">
        <v>7</v>
      </c>
      <c r="AJ32" s="159">
        <v>1</v>
      </c>
      <c r="AK32" s="160">
        <v>0</v>
      </c>
      <c r="AL32" s="165">
        <v>1</v>
      </c>
      <c r="AM32" s="162">
        <v>0</v>
      </c>
      <c r="AN32" s="160">
        <v>0</v>
      </c>
      <c r="AO32" s="160">
        <v>0</v>
      </c>
      <c r="AP32" s="160">
        <v>0</v>
      </c>
      <c r="AQ32" s="160">
        <v>0</v>
      </c>
      <c r="AR32" s="160">
        <v>0</v>
      </c>
      <c r="AS32" s="165">
        <v>0</v>
      </c>
      <c r="AT32" s="164">
        <v>1</v>
      </c>
      <c r="AU32" s="159">
        <v>0</v>
      </c>
      <c r="AV32" s="160">
        <v>0</v>
      </c>
      <c r="AW32" s="165">
        <v>0</v>
      </c>
      <c r="AX32" s="162">
        <v>0</v>
      </c>
      <c r="AY32" s="160">
        <v>0</v>
      </c>
      <c r="AZ32" s="160">
        <v>1</v>
      </c>
      <c r="BA32" s="160">
        <v>2</v>
      </c>
      <c r="BB32" s="160">
        <v>1</v>
      </c>
      <c r="BC32" s="160">
        <v>0</v>
      </c>
      <c r="BD32" s="163">
        <v>4</v>
      </c>
      <c r="BE32" s="164">
        <v>4</v>
      </c>
      <c r="BF32" s="159">
        <v>0</v>
      </c>
      <c r="BG32" s="160">
        <v>0</v>
      </c>
      <c r="BH32" s="165">
        <v>0</v>
      </c>
      <c r="BI32" s="162">
        <v>0</v>
      </c>
      <c r="BJ32" s="160">
        <v>2</v>
      </c>
      <c r="BK32" s="160">
        <v>0</v>
      </c>
      <c r="BL32" s="160">
        <v>0</v>
      </c>
      <c r="BM32" s="160">
        <v>2</v>
      </c>
      <c r="BN32" s="160">
        <v>1</v>
      </c>
      <c r="BO32" s="165">
        <v>5</v>
      </c>
      <c r="BP32" s="164">
        <v>5</v>
      </c>
      <c r="BQ32" s="159">
        <v>1</v>
      </c>
      <c r="BR32" s="160">
        <v>1</v>
      </c>
      <c r="BS32" s="165">
        <v>2</v>
      </c>
      <c r="BT32" s="162">
        <v>0</v>
      </c>
      <c r="BU32" s="160">
        <v>1</v>
      </c>
      <c r="BV32" s="160">
        <v>0</v>
      </c>
      <c r="BW32" s="160">
        <v>0</v>
      </c>
      <c r="BX32" s="160">
        <v>0</v>
      </c>
      <c r="BY32" s="160">
        <v>0</v>
      </c>
      <c r="BZ32" s="165">
        <v>1</v>
      </c>
      <c r="CA32" s="164">
        <v>3</v>
      </c>
      <c r="CB32" s="159">
        <v>0</v>
      </c>
      <c r="CC32" s="160">
        <v>0</v>
      </c>
      <c r="CD32" s="165">
        <v>0</v>
      </c>
      <c r="CE32" s="162">
        <v>0</v>
      </c>
      <c r="CF32" s="160">
        <v>1</v>
      </c>
      <c r="CG32" s="160">
        <v>0</v>
      </c>
      <c r="CH32" s="160">
        <v>0</v>
      </c>
      <c r="CI32" s="160">
        <v>2</v>
      </c>
      <c r="CJ32" s="160">
        <v>0</v>
      </c>
      <c r="CK32" s="165">
        <v>3</v>
      </c>
      <c r="CL32" s="164">
        <v>3</v>
      </c>
      <c r="CM32" s="159">
        <v>0</v>
      </c>
      <c r="CN32" s="160">
        <v>0</v>
      </c>
      <c r="CO32" s="165">
        <v>0</v>
      </c>
      <c r="CP32" s="162">
        <v>0</v>
      </c>
      <c r="CQ32" s="160">
        <v>0</v>
      </c>
      <c r="CR32" s="160">
        <v>0</v>
      </c>
      <c r="CS32" s="160">
        <v>0</v>
      </c>
      <c r="CT32" s="160">
        <v>0</v>
      </c>
      <c r="CU32" s="160">
        <v>0</v>
      </c>
      <c r="CV32" s="165">
        <v>0</v>
      </c>
      <c r="CW32" s="164">
        <v>0</v>
      </c>
      <c r="CX32" s="159">
        <v>0</v>
      </c>
      <c r="CY32" s="160">
        <v>0</v>
      </c>
      <c r="CZ32" s="165">
        <v>0</v>
      </c>
      <c r="DA32" s="162">
        <v>0</v>
      </c>
      <c r="DB32" s="160">
        <v>0</v>
      </c>
      <c r="DC32" s="160">
        <v>0</v>
      </c>
      <c r="DD32" s="160">
        <v>0</v>
      </c>
      <c r="DE32" s="160">
        <v>0</v>
      </c>
      <c r="DF32" s="160">
        <v>0</v>
      </c>
      <c r="DG32" s="165">
        <v>0</v>
      </c>
      <c r="DH32" s="164">
        <v>0</v>
      </c>
      <c r="DI32" s="159">
        <v>0</v>
      </c>
      <c r="DJ32" s="160">
        <v>0</v>
      </c>
      <c r="DK32" s="165">
        <v>0</v>
      </c>
      <c r="DL32" s="162">
        <v>0</v>
      </c>
      <c r="DM32" s="160">
        <v>0</v>
      </c>
      <c r="DN32" s="160">
        <v>0</v>
      </c>
      <c r="DO32" s="160">
        <v>0</v>
      </c>
      <c r="DP32" s="160">
        <v>0</v>
      </c>
      <c r="DQ32" s="160">
        <v>0</v>
      </c>
      <c r="DR32" s="165">
        <v>0</v>
      </c>
      <c r="DS32" s="164">
        <v>0</v>
      </c>
      <c r="DT32" s="159">
        <v>0</v>
      </c>
      <c r="DU32" s="160">
        <v>0</v>
      </c>
      <c r="DV32" s="165">
        <v>0</v>
      </c>
      <c r="DW32" s="162">
        <v>0</v>
      </c>
      <c r="DX32" s="160">
        <v>3</v>
      </c>
      <c r="DY32" s="160">
        <v>1</v>
      </c>
      <c r="DZ32" s="160">
        <v>1</v>
      </c>
      <c r="EA32" s="160">
        <v>2</v>
      </c>
      <c r="EB32" s="160">
        <v>1</v>
      </c>
      <c r="EC32" s="165">
        <v>8</v>
      </c>
      <c r="ED32" s="164">
        <v>8</v>
      </c>
      <c r="EE32" s="159">
        <v>0</v>
      </c>
      <c r="EF32" s="160">
        <v>0</v>
      </c>
      <c r="EG32" s="165">
        <v>0</v>
      </c>
      <c r="EH32" s="162">
        <v>0</v>
      </c>
      <c r="EI32" s="160">
        <v>0</v>
      </c>
      <c r="EJ32" s="160">
        <v>2</v>
      </c>
      <c r="EK32" s="160">
        <v>1</v>
      </c>
      <c r="EL32" s="160">
        <v>1</v>
      </c>
      <c r="EM32" s="160">
        <v>0</v>
      </c>
      <c r="EN32" s="165">
        <v>4</v>
      </c>
      <c r="EO32" s="164">
        <v>4</v>
      </c>
      <c r="EP32" s="159">
        <v>3</v>
      </c>
      <c r="EQ32" s="160">
        <v>2</v>
      </c>
      <c r="ER32" s="165">
        <v>5</v>
      </c>
      <c r="ES32" s="162">
        <v>0</v>
      </c>
      <c r="ET32" s="160">
        <v>5</v>
      </c>
      <c r="EU32" s="160">
        <v>1</v>
      </c>
      <c r="EV32" s="160">
        <v>2</v>
      </c>
      <c r="EW32" s="160">
        <v>2</v>
      </c>
      <c r="EX32" s="160">
        <v>1</v>
      </c>
      <c r="EY32" s="165">
        <v>11</v>
      </c>
      <c r="EZ32" s="164">
        <v>16</v>
      </c>
    </row>
    <row r="33" spans="2:156" ht="21" customHeight="1" x14ac:dyDescent="0.2">
      <c r="B33" s="166" t="s">
        <v>31</v>
      </c>
      <c r="C33" s="159">
        <v>0</v>
      </c>
      <c r="D33" s="160">
        <v>0</v>
      </c>
      <c r="E33" s="161">
        <v>0</v>
      </c>
      <c r="F33" s="162">
        <v>0</v>
      </c>
      <c r="G33" s="160">
        <v>0</v>
      </c>
      <c r="H33" s="160">
        <v>1</v>
      </c>
      <c r="I33" s="160">
        <v>1</v>
      </c>
      <c r="J33" s="160">
        <v>0</v>
      </c>
      <c r="K33" s="160">
        <v>0</v>
      </c>
      <c r="L33" s="163">
        <v>2</v>
      </c>
      <c r="M33" s="164">
        <v>2</v>
      </c>
      <c r="N33" s="159">
        <v>0</v>
      </c>
      <c r="O33" s="160">
        <v>0</v>
      </c>
      <c r="P33" s="165">
        <v>0</v>
      </c>
      <c r="Q33" s="162">
        <v>0</v>
      </c>
      <c r="R33" s="160">
        <v>0</v>
      </c>
      <c r="S33" s="160">
        <v>1</v>
      </c>
      <c r="T33" s="160">
        <v>0</v>
      </c>
      <c r="U33" s="160">
        <v>0</v>
      </c>
      <c r="V33" s="160">
        <v>0</v>
      </c>
      <c r="W33" s="165">
        <v>1</v>
      </c>
      <c r="X33" s="164">
        <v>1</v>
      </c>
      <c r="Y33" s="159">
        <v>0</v>
      </c>
      <c r="Z33" s="160">
        <v>2</v>
      </c>
      <c r="AA33" s="165">
        <v>2</v>
      </c>
      <c r="AB33" s="162">
        <v>0</v>
      </c>
      <c r="AC33" s="160">
        <v>0</v>
      </c>
      <c r="AD33" s="160">
        <v>1</v>
      </c>
      <c r="AE33" s="160">
        <v>2</v>
      </c>
      <c r="AF33" s="160">
        <v>0</v>
      </c>
      <c r="AG33" s="160">
        <v>0</v>
      </c>
      <c r="AH33" s="165">
        <v>3</v>
      </c>
      <c r="AI33" s="164">
        <v>5</v>
      </c>
      <c r="AJ33" s="159">
        <v>0</v>
      </c>
      <c r="AK33" s="160">
        <v>0</v>
      </c>
      <c r="AL33" s="165">
        <v>0</v>
      </c>
      <c r="AM33" s="162">
        <v>0</v>
      </c>
      <c r="AN33" s="160">
        <v>0</v>
      </c>
      <c r="AO33" s="160">
        <v>0</v>
      </c>
      <c r="AP33" s="160">
        <v>0</v>
      </c>
      <c r="AQ33" s="160">
        <v>0</v>
      </c>
      <c r="AR33" s="160">
        <v>0</v>
      </c>
      <c r="AS33" s="165">
        <v>0</v>
      </c>
      <c r="AT33" s="164">
        <v>0</v>
      </c>
      <c r="AU33" s="159">
        <v>0</v>
      </c>
      <c r="AV33" s="160">
        <v>0</v>
      </c>
      <c r="AW33" s="165">
        <v>0</v>
      </c>
      <c r="AX33" s="162">
        <v>0</v>
      </c>
      <c r="AY33" s="160">
        <v>0</v>
      </c>
      <c r="AZ33" s="160">
        <v>0</v>
      </c>
      <c r="BA33" s="160">
        <v>0</v>
      </c>
      <c r="BB33" s="160">
        <v>2</v>
      </c>
      <c r="BC33" s="160">
        <v>1</v>
      </c>
      <c r="BD33" s="163">
        <v>3</v>
      </c>
      <c r="BE33" s="164">
        <v>3</v>
      </c>
      <c r="BF33" s="159">
        <v>0</v>
      </c>
      <c r="BG33" s="160">
        <v>0</v>
      </c>
      <c r="BH33" s="165">
        <v>0</v>
      </c>
      <c r="BI33" s="162">
        <v>0</v>
      </c>
      <c r="BJ33" s="160">
        <v>4</v>
      </c>
      <c r="BK33" s="160">
        <v>2</v>
      </c>
      <c r="BL33" s="160">
        <v>0</v>
      </c>
      <c r="BM33" s="160">
        <v>0</v>
      </c>
      <c r="BN33" s="160">
        <v>0</v>
      </c>
      <c r="BO33" s="165">
        <v>6</v>
      </c>
      <c r="BP33" s="164">
        <v>6</v>
      </c>
      <c r="BQ33" s="159">
        <v>0</v>
      </c>
      <c r="BR33" s="160">
        <v>0</v>
      </c>
      <c r="BS33" s="165">
        <v>0</v>
      </c>
      <c r="BT33" s="162">
        <v>0</v>
      </c>
      <c r="BU33" s="160">
        <v>1</v>
      </c>
      <c r="BV33" s="160">
        <v>1</v>
      </c>
      <c r="BW33" s="160">
        <v>1</v>
      </c>
      <c r="BX33" s="160">
        <v>0</v>
      </c>
      <c r="BY33" s="160">
        <v>0</v>
      </c>
      <c r="BZ33" s="165">
        <v>3</v>
      </c>
      <c r="CA33" s="164">
        <v>3</v>
      </c>
      <c r="CB33" s="159">
        <v>0</v>
      </c>
      <c r="CC33" s="160">
        <v>0</v>
      </c>
      <c r="CD33" s="165">
        <v>0</v>
      </c>
      <c r="CE33" s="162">
        <v>0</v>
      </c>
      <c r="CF33" s="160">
        <v>0</v>
      </c>
      <c r="CG33" s="160">
        <v>0</v>
      </c>
      <c r="CH33" s="160">
        <v>0</v>
      </c>
      <c r="CI33" s="160">
        <v>1</v>
      </c>
      <c r="CJ33" s="160">
        <v>0</v>
      </c>
      <c r="CK33" s="165">
        <v>1</v>
      </c>
      <c r="CL33" s="164">
        <v>1</v>
      </c>
      <c r="CM33" s="159">
        <v>0</v>
      </c>
      <c r="CN33" s="160">
        <v>0</v>
      </c>
      <c r="CO33" s="165">
        <v>0</v>
      </c>
      <c r="CP33" s="162">
        <v>0</v>
      </c>
      <c r="CQ33" s="160">
        <v>0</v>
      </c>
      <c r="CR33" s="160">
        <v>0</v>
      </c>
      <c r="CS33" s="160">
        <v>0</v>
      </c>
      <c r="CT33" s="160">
        <v>0</v>
      </c>
      <c r="CU33" s="160">
        <v>0</v>
      </c>
      <c r="CV33" s="165">
        <v>0</v>
      </c>
      <c r="CW33" s="164">
        <v>0</v>
      </c>
      <c r="CX33" s="159">
        <v>0</v>
      </c>
      <c r="CY33" s="160">
        <v>0</v>
      </c>
      <c r="CZ33" s="165">
        <v>0</v>
      </c>
      <c r="DA33" s="162">
        <v>0</v>
      </c>
      <c r="DB33" s="160">
        <v>0</v>
      </c>
      <c r="DC33" s="160">
        <v>0</v>
      </c>
      <c r="DD33" s="160">
        <v>0</v>
      </c>
      <c r="DE33" s="160">
        <v>0</v>
      </c>
      <c r="DF33" s="160">
        <v>0</v>
      </c>
      <c r="DG33" s="165">
        <v>0</v>
      </c>
      <c r="DH33" s="164">
        <v>0</v>
      </c>
      <c r="DI33" s="159">
        <v>0</v>
      </c>
      <c r="DJ33" s="160">
        <v>0</v>
      </c>
      <c r="DK33" s="165">
        <v>0</v>
      </c>
      <c r="DL33" s="162">
        <v>0</v>
      </c>
      <c r="DM33" s="160">
        <v>0</v>
      </c>
      <c r="DN33" s="160">
        <v>0</v>
      </c>
      <c r="DO33" s="160">
        <v>0</v>
      </c>
      <c r="DP33" s="160">
        <v>0</v>
      </c>
      <c r="DQ33" s="160">
        <v>0</v>
      </c>
      <c r="DR33" s="165">
        <v>0</v>
      </c>
      <c r="DS33" s="164">
        <v>0</v>
      </c>
      <c r="DT33" s="159">
        <v>1</v>
      </c>
      <c r="DU33" s="160">
        <v>2</v>
      </c>
      <c r="DV33" s="165">
        <v>3</v>
      </c>
      <c r="DW33" s="162">
        <v>0</v>
      </c>
      <c r="DX33" s="160">
        <v>3</v>
      </c>
      <c r="DY33" s="160">
        <v>5</v>
      </c>
      <c r="DZ33" s="160">
        <v>2</v>
      </c>
      <c r="EA33" s="160">
        <v>2</v>
      </c>
      <c r="EB33" s="160">
        <v>0</v>
      </c>
      <c r="EC33" s="165">
        <v>12</v>
      </c>
      <c r="ED33" s="164">
        <v>15</v>
      </c>
      <c r="EE33" s="159">
        <v>0</v>
      </c>
      <c r="EF33" s="160">
        <v>0</v>
      </c>
      <c r="EG33" s="165">
        <v>0</v>
      </c>
      <c r="EH33" s="162">
        <v>0</v>
      </c>
      <c r="EI33" s="160">
        <v>0</v>
      </c>
      <c r="EJ33" s="160">
        <v>0</v>
      </c>
      <c r="EK33" s="160">
        <v>0</v>
      </c>
      <c r="EL33" s="160">
        <v>0</v>
      </c>
      <c r="EM33" s="160">
        <v>0</v>
      </c>
      <c r="EN33" s="165">
        <v>0</v>
      </c>
      <c r="EO33" s="164">
        <v>0</v>
      </c>
      <c r="EP33" s="159">
        <v>1</v>
      </c>
      <c r="EQ33" s="160">
        <v>3</v>
      </c>
      <c r="ER33" s="165">
        <v>4</v>
      </c>
      <c r="ES33" s="162">
        <v>0</v>
      </c>
      <c r="ET33" s="160">
        <v>7</v>
      </c>
      <c r="EU33" s="160">
        <v>6</v>
      </c>
      <c r="EV33" s="160">
        <v>2</v>
      </c>
      <c r="EW33" s="160">
        <v>2</v>
      </c>
      <c r="EX33" s="160">
        <v>0</v>
      </c>
      <c r="EY33" s="165">
        <v>17</v>
      </c>
      <c r="EZ33" s="164">
        <v>21</v>
      </c>
    </row>
    <row r="34" spans="2:156" ht="21" customHeight="1" x14ac:dyDescent="0.2">
      <c r="B34" s="166" t="s">
        <v>32</v>
      </c>
      <c r="C34" s="159">
        <v>0</v>
      </c>
      <c r="D34" s="160">
        <v>0</v>
      </c>
      <c r="E34" s="161">
        <v>0</v>
      </c>
      <c r="F34" s="162">
        <v>0</v>
      </c>
      <c r="G34" s="160">
        <v>2</v>
      </c>
      <c r="H34" s="160">
        <v>3</v>
      </c>
      <c r="I34" s="160">
        <v>1</v>
      </c>
      <c r="J34" s="160">
        <v>0</v>
      </c>
      <c r="K34" s="160">
        <v>1</v>
      </c>
      <c r="L34" s="163">
        <v>7</v>
      </c>
      <c r="M34" s="164">
        <v>7</v>
      </c>
      <c r="N34" s="159">
        <v>0</v>
      </c>
      <c r="O34" s="160">
        <v>0</v>
      </c>
      <c r="P34" s="165">
        <v>0</v>
      </c>
      <c r="Q34" s="162">
        <v>0</v>
      </c>
      <c r="R34" s="160">
        <v>0</v>
      </c>
      <c r="S34" s="160">
        <v>0</v>
      </c>
      <c r="T34" s="160">
        <v>0</v>
      </c>
      <c r="U34" s="160">
        <v>0</v>
      </c>
      <c r="V34" s="160">
        <v>1</v>
      </c>
      <c r="W34" s="165">
        <v>1</v>
      </c>
      <c r="X34" s="164">
        <v>1</v>
      </c>
      <c r="Y34" s="159">
        <v>1</v>
      </c>
      <c r="Z34" s="160">
        <v>0</v>
      </c>
      <c r="AA34" s="165">
        <v>1</v>
      </c>
      <c r="AB34" s="162">
        <v>0</v>
      </c>
      <c r="AC34" s="160">
        <v>2</v>
      </c>
      <c r="AD34" s="160">
        <v>4</v>
      </c>
      <c r="AE34" s="160">
        <v>0</v>
      </c>
      <c r="AF34" s="160">
        <v>1</v>
      </c>
      <c r="AG34" s="160">
        <v>1</v>
      </c>
      <c r="AH34" s="165">
        <v>8</v>
      </c>
      <c r="AI34" s="164">
        <v>9</v>
      </c>
      <c r="AJ34" s="159">
        <v>0</v>
      </c>
      <c r="AK34" s="160">
        <v>0</v>
      </c>
      <c r="AL34" s="165">
        <v>0</v>
      </c>
      <c r="AM34" s="162">
        <v>0</v>
      </c>
      <c r="AN34" s="160">
        <v>1</v>
      </c>
      <c r="AO34" s="160">
        <v>1</v>
      </c>
      <c r="AP34" s="160">
        <v>0</v>
      </c>
      <c r="AQ34" s="160">
        <v>0</v>
      </c>
      <c r="AR34" s="160">
        <v>0</v>
      </c>
      <c r="AS34" s="165">
        <v>2</v>
      </c>
      <c r="AT34" s="164">
        <v>2</v>
      </c>
      <c r="AU34" s="159">
        <v>0</v>
      </c>
      <c r="AV34" s="160">
        <v>0</v>
      </c>
      <c r="AW34" s="165">
        <v>0</v>
      </c>
      <c r="AX34" s="162">
        <v>0</v>
      </c>
      <c r="AY34" s="160">
        <v>1</v>
      </c>
      <c r="AZ34" s="160">
        <v>2</v>
      </c>
      <c r="BA34" s="160">
        <v>2</v>
      </c>
      <c r="BB34" s="160">
        <v>4</v>
      </c>
      <c r="BC34" s="160">
        <v>0</v>
      </c>
      <c r="BD34" s="163">
        <v>9</v>
      </c>
      <c r="BE34" s="164">
        <v>9</v>
      </c>
      <c r="BF34" s="159">
        <v>0</v>
      </c>
      <c r="BG34" s="160">
        <v>0</v>
      </c>
      <c r="BH34" s="165">
        <v>0</v>
      </c>
      <c r="BI34" s="162">
        <v>0</v>
      </c>
      <c r="BJ34" s="160">
        <v>2</v>
      </c>
      <c r="BK34" s="160">
        <v>5</v>
      </c>
      <c r="BL34" s="160">
        <v>1</v>
      </c>
      <c r="BM34" s="160">
        <v>1</v>
      </c>
      <c r="BN34" s="160">
        <v>0</v>
      </c>
      <c r="BO34" s="165">
        <v>9</v>
      </c>
      <c r="BP34" s="164">
        <v>9</v>
      </c>
      <c r="BQ34" s="159">
        <v>1</v>
      </c>
      <c r="BR34" s="160">
        <v>0</v>
      </c>
      <c r="BS34" s="165">
        <v>1</v>
      </c>
      <c r="BT34" s="162">
        <v>0</v>
      </c>
      <c r="BU34" s="160">
        <v>0</v>
      </c>
      <c r="BV34" s="160">
        <v>1</v>
      </c>
      <c r="BW34" s="160">
        <v>0</v>
      </c>
      <c r="BX34" s="160">
        <v>0</v>
      </c>
      <c r="BY34" s="160">
        <v>0</v>
      </c>
      <c r="BZ34" s="165">
        <v>1</v>
      </c>
      <c r="CA34" s="164">
        <v>2</v>
      </c>
      <c r="CB34" s="159">
        <v>0</v>
      </c>
      <c r="CC34" s="160">
        <v>0</v>
      </c>
      <c r="CD34" s="165">
        <v>0</v>
      </c>
      <c r="CE34" s="162">
        <v>0</v>
      </c>
      <c r="CF34" s="160">
        <v>0</v>
      </c>
      <c r="CG34" s="160">
        <v>0</v>
      </c>
      <c r="CH34" s="160">
        <v>0</v>
      </c>
      <c r="CI34" s="160">
        <v>0</v>
      </c>
      <c r="CJ34" s="160">
        <v>0</v>
      </c>
      <c r="CK34" s="165">
        <v>0</v>
      </c>
      <c r="CL34" s="164">
        <v>0</v>
      </c>
      <c r="CM34" s="159">
        <v>0</v>
      </c>
      <c r="CN34" s="160">
        <v>0</v>
      </c>
      <c r="CO34" s="165">
        <v>0</v>
      </c>
      <c r="CP34" s="162">
        <v>0</v>
      </c>
      <c r="CQ34" s="160">
        <v>0</v>
      </c>
      <c r="CR34" s="160">
        <v>0</v>
      </c>
      <c r="CS34" s="160">
        <v>0</v>
      </c>
      <c r="CT34" s="160">
        <v>0</v>
      </c>
      <c r="CU34" s="160">
        <v>0</v>
      </c>
      <c r="CV34" s="165">
        <v>0</v>
      </c>
      <c r="CW34" s="164">
        <v>0</v>
      </c>
      <c r="CX34" s="159">
        <v>0</v>
      </c>
      <c r="CY34" s="160">
        <v>0</v>
      </c>
      <c r="CZ34" s="165">
        <v>0</v>
      </c>
      <c r="DA34" s="162">
        <v>0</v>
      </c>
      <c r="DB34" s="160">
        <v>0</v>
      </c>
      <c r="DC34" s="160">
        <v>0</v>
      </c>
      <c r="DD34" s="160">
        <v>0</v>
      </c>
      <c r="DE34" s="160">
        <v>0</v>
      </c>
      <c r="DF34" s="160">
        <v>0</v>
      </c>
      <c r="DG34" s="165">
        <v>0</v>
      </c>
      <c r="DH34" s="164">
        <v>0</v>
      </c>
      <c r="DI34" s="159">
        <v>0</v>
      </c>
      <c r="DJ34" s="160">
        <v>0</v>
      </c>
      <c r="DK34" s="165">
        <v>0</v>
      </c>
      <c r="DL34" s="162">
        <v>0</v>
      </c>
      <c r="DM34" s="160">
        <v>0</v>
      </c>
      <c r="DN34" s="160">
        <v>0</v>
      </c>
      <c r="DO34" s="160">
        <v>0</v>
      </c>
      <c r="DP34" s="160">
        <v>0</v>
      </c>
      <c r="DQ34" s="160">
        <v>0</v>
      </c>
      <c r="DR34" s="165">
        <v>0</v>
      </c>
      <c r="DS34" s="164">
        <v>0</v>
      </c>
      <c r="DT34" s="159">
        <v>1</v>
      </c>
      <c r="DU34" s="160">
        <v>3</v>
      </c>
      <c r="DV34" s="165">
        <v>4</v>
      </c>
      <c r="DW34" s="162">
        <v>0</v>
      </c>
      <c r="DX34" s="160">
        <v>5</v>
      </c>
      <c r="DY34" s="160">
        <v>10</v>
      </c>
      <c r="DZ34" s="160">
        <v>2</v>
      </c>
      <c r="EA34" s="160">
        <v>1</v>
      </c>
      <c r="EB34" s="160">
        <v>1</v>
      </c>
      <c r="EC34" s="165">
        <v>19</v>
      </c>
      <c r="ED34" s="164">
        <v>23</v>
      </c>
      <c r="EE34" s="159">
        <v>0</v>
      </c>
      <c r="EF34" s="160">
        <v>0</v>
      </c>
      <c r="EG34" s="165">
        <v>0</v>
      </c>
      <c r="EH34" s="162">
        <v>0</v>
      </c>
      <c r="EI34" s="160">
        <v>1</v>
      </c>
      <c r="EJ34" s="160">
        <v>1</v>
      </c>
      <c r="EK34" s="160">
        <v>0</v>
      </c>
      <c r="EL34" s="160">
        <v>2</v>
      </c>
      <c r="EM34" s="160">
        <v>0</v>
      </c>
      <c r="EN34" s="165">
        <v>4</v>
      </c>
      <c r="EO34" s="164">
        <v>4</v>
      </c>
      <c r="EP34" s="159">
        <v>3</v>
      </c>
      <c r="EQ34" s="160">
        <v>3</v>
      </c>
      <c r="ER34" s="165">
        <v>6</v>
      </c>
      <c r="ES34" s="162">
        <v>0</v>
      </c>
      <c r="ET34" s="160">
        <v>8</v>
      </c>
      <c r="EU34" s="160">
        <v>14</v>
      </c>
      <c r="EV34" s="160">
        <v>3</v>
      </c>
      <c r="EW34" s="160">
        <v>1</v>
      </c>
      <c r="EX34" s="160">
        <v>1</v>
      </c>
      <c r="EY34" s="165">
        <v>27</v>
      </c>
      <c r="EZ34" s="164">
        <v>33</v>
      </c>
    </row>
    <row r="35" spans="2:156" ht="21" customHeight="1" x14ac:dyDescent="0.2">
      <c r="B35" s="166" t="s">
        <v>33</v>
      </c>
      <c r="C35" s="159">
        <v>0</v>
      </c>
      <c r="D35" s="160">
        <v>0</v>
      </c>
      <c r="E35" s="161">
        <v>0</v>
      </c>
      <c r="F35" s="162">
        <v>0</v>
      </c>
      <c r="G35" s="160">
        <v>2</v>
      </c>
      <c r="H35" s="160">
        <v>0</v>
      </c>
      <c r="I35" s="160">
        <v>1</v>
      </c>
      <c r="J35" s="160">
        <v>0</v>
      </c>
      <c r="K35" s="160">
        <v>0</v>
      </c>
      <c r="L35" s="163">
        <v>3</v>
      </c>
      <c r="M35" s="164">
        <v>3</v>
      </c>
      <c r="N35" s="159">
        <v>0</v>
      </c>
      <c r="O35" s="160">
        <v>0</v>
      </c>
      <c r="P35" s="165">
        <v>0</v>
      </c>
      <c r="Q35" s="162">
        <v>0</v>
      </c>
      <c r="R35" s="160">
        <v>0</v>
      </c>
      <c r="S35" s="160">
        <v>0</v>
      </c>
      <c r="T35" s="160">
        <v>0</v>
      </c>
      <c r="U35" s="160">
        <v>0</v>
      </c>
      <c r="V35" s="160">
        <v>0</v>
      </c>
      <c r="W35" s="165">
        <v>0</v>
      </c>
      <c r="X35" s="164">
        <v>0</v>
      </c>
      <c r="Y35" s="159">
        <v>0</v>
      </c>
      <c r="Z35" s="160">
        <v>0</v>
      </c>
      <c r="AA35" s="165">
        <v>0</v>
      </c>
      <c r="AB35" s="162">
        <v>0</v>
      </c>
      <c r="AC35" s="160">
        <v>1</v>
      </c>
      <c r="AD35" s="160">
        <v>0</v>
      </c>
      <c r="AE35" s="160">
        <v>1</v>
      </c>
      <c r="AF35" s="160">
        <v>0</v>
      </c>
      <c r="AG35" s="160">
        <v>0</v>
      </c>
      <c r="AH35" s="165">
        <v>2</v>
      </c>
      <c r="AI35" s="164">
        <v>2</v>
      </c>
      <c r="AJ35" s="159">
        <v>2</v>
      </c>
      <c r="AK35" s="160">
        <v>1</v>
      </c>
      <c r="AL35" s="165">
        <v>3</v>
      </c>
      <c r="AM35" s="162">
        <v>0</v>
      </c>
      <c r="AN35" s="160">
        <v>2</v>
      </c>
      <c r="AO35" s="160">
        <v>0</v>
      </c>
      <c r="AP35" s="160">
        <v>1</v>
      </c>
      <c r="AQ35" s="160">
        <v>0</v>
      </c>
      <c r="AR35" s="160">
        <v>0</v>
      </c>
      <c r="AS35" s="165">
        <v>3</v>
      </c>
      <c r="AT35" s="164">
        <v>6</v>
      </c>
      <c r="AU35" s="159">
        <v>0</v>
      </c>
      <c r="AV35" s="160">
        <v>0</v>
      </c>
      <c r="AW35" s="165">
        <v>0</v>
      </c>
      <c r="AX35" s="162">
        <v>0</v>
      </c>
      <c r="AY35" s="160">
        <v>1</v>
      </c>
      <c r="AZ35" s="160">
        <v>0</v>
      </c>
      <c r="BA35" s="160">
        <v>2</v>
      </c>
      <c r="BB35" s="160">
        <v>0</v>
      </c>
      <c r="BC35" s="160">
        <v>0</v>
      </c>
      <c r="BD35" s="163">
        <v>3</v>
      </c>
      <c r="BE35" s="164">
        <v>3</v>
      </c>
      <c r="BF35" s="159">
        <v>0</v>
      </c>
      <c r="BG35" s="160">
        <v>0</v>
      </c>
      <c r="BH35" s="165">
        <v>0</v>
      </c>
      <c r="BI35" s="162">
        <v>0</v>
      </c>
      <c r="BJ35" s="160">
        <v>1</v>
      </c>
      <c r="BK35" s="160">
        <v>0</v>
      </c>
      <c r="BL35" s="160">
        <v>0</v>
      </c>
      <c r="BM35" s="160">
        <v>0</v>
      </c>
      <c r="BN35" s="160">
        <v>0</v>
      </c>
      <c r="BO35" s="165">
        <v>1</v>
      </c>
      <c r="BP35" s="164">
        <v>1</v>
      </c>
      <c r="BQ35" s="159">
        <v>0</v>
      </c>
      <c r="BR35" s="160">
        <v>0</v>
      </c>
      <c r="BS35" s="165">
        <v>0</v>
      </c>
      <c r="BT35" s="162">
        <v>0</v>
      </c>
      <c r="BU35" s="160">
        <v>0</v>
      </c>
      <c r="BV35" s="160">
        <v>0</v>
      </c>
      <c r="BW35" s="160">
        <v>0</v>
      </c>
      <c r="BX35" s="160">
        <v>0</v>
      </c>
      <c r="BY35" s="160">
        <v>0</v>
      </c>
      <c r="BZ35" s="165">
        <v>0</v>
      </c>
      <c r="CA35" s="164">
        <v>0</v>
      </c>
      <c r="CB35" s="159">
        <v>0</v>
      </c>
      <c r="CC35" s="160">
        <v>0</v>
      </c>
      <c r="CD35" s="165">
        <v>0</v>
      </c>
      <c r="CE35" s="162">
        <v>0</v>
      </c>
      <c r="CF35" s="160">
        <v>0</v>
      </c>
      <c r="CG35" s="160">
        <v>0</v>
      </c>
      <c r="CH35" s="160">
        <v>0</v>
      </c>
      <c r="CI35" s="160">
        <v>0</v>
      </c>
      <c r="CJ35" s="160">
        <v>1</v>
      </c>
      <c r="CK35" s="165">
        <v>1</v>
      </c>
      <c r="CL35" s="164">
        <v>1</v>
      </c>
      <c r="CM35" s="159">
        <v>0</v>
      </c>
      <c r="CN35" s="160">
        <v>0</v>
      </c>
      <c r="CO35" s="165">
        <v>0</v>
      </c>
      <c r="CP35" s="162">
        <v>0</v>
      </c>
      <c r="CQ35" s="160">
        <v>0</v>
      </c>
      <c r="CR35" s="160">
        <v>0</v>
      </c>
      <c r="CS35" s="160">
        <v>0</v>
      </c>
      <c r="CT35" s="160">
        <v>0</v>
      </c>
      <c r="CU35" s="160">
        <v>0</v>
      </c>
      <c r="CV35" s="165">
        <v>0</v>
      </c>
      <c r="CW35" s="164">
        <v>0</v>
      </c>
      <c r="CX35" s="159">
        <v>0</v>
      </c>
      <c r="CY35" s="160">
        <v>0</v>
      </c>
      <c r="CZ35" s="165">
        <v>0</v>
      </c>
      <c r="DA35" s="162">
        <v>0</v>
      </c>
      <c r="DB35" s="160">
        <v>0</v>
      </c>
      <c r="DC35" s="160">
        <v>0</v>
      </c>
      <c r="DD35" s="160">
        <v>0</v>
      </c>
      <c r="DE35" s="160">
        <v>0</v>
      </c>
      <c r="DF35" s="160">
        <v>0</v>
      </c>
      <c r="DG35" s="165">
        <v>0</v>
      </c>
      <c r="DH35" s="164">
        <v>0</v>
      </c>
      <c r="DI35" s="159">
        <v>0</v>
      </c>
      <c r="DJ35" s="160">
        <v>0</v>
      </c>
      <c r="DK35" s="165">
        <v>0</v>
      </c>
      <c r="DL35" s="162">
        <v>0</v>
      </c>
      <c r="DM35" s="160">
        <v>0</v>
      </c>
      <c r="DN35" s="160">
        <v>0</v>
      </c>
      <c r="DO35" s="160">
        <v>0</v>
      </c>
      <c r="DP35" s="160">
        <v>0</v>
      </c>
      <c r="DQ35" s="160">
        <v>0</v>
      </c>
      <c r="DR35" s="165">
        <v>0</v>
      </c>
      <c r="DS35" s="164">
        <v>0</v>
      </c>
      <c r="DT35" s="159">
        <v>2</v>
      </c>
      <c r="DU35" s="160">
        <v>0</v>
      </c>
      <c r="DV35" s="165">
        <v>2</v>
      </c>
      <c r="DW35" s="162">
        <v>0</v>
      </c>
      <c r="DX35" s="160">
        <v>3</v>
      </c>
      <c r="DY35" s="160">
        <v>0</v>
      </c>
      <c r="DZ35" s="160">
        <v>0</v>
      </c>
      <c r="EA35" s="160">
        <v>0</v>
      </c>
      <c r="EB35" s="160">
        <v>0</v>
      </c>
      <c r="EC35" s="165">
        <v>3</v>
      </c>
      <c r="ED35" s="164">
        <v>5</v>
      </c>
      <c r="EE35" s="159">
        <v>0</v>
      </c>
      <c r="EF35" s="160">
        <v>0</v>
      </c>
      <c r="EG35" s="165">
        <v>0</v>
      </c>
      <c r="EH35" s="162">
        <v>0</v>
      </c>
      <c r="EI35" s="160">
        <v>0</v>
      </c>
      <c r="EJ35" s="160">
        <v>0</v>
      </c>
      <c r="EK35" s="160">
        <v>0</v>
      </c>
      <c r="EL35" s="160">
        <v>0</v>
      </c>
      <c r="EM35" s="160">
        <v>0</v>
      </c>
      <c r="EN35" s="165">
        <v>0</v>
      </c>
      <c r="EO35" s="164">
        <v>0</v>
      </c>
      <c r="EP35" s="159">
        <v>2</v>
      </c>
      <c r="EQ35" s="160">
        <v>1</v>
      </c>
      <c r="ER35" s="165">
        <v>3</v>
      </c>
      <c r="ES35" s="162">
        <v>0</v>
      </c>
      <c r="ET35" s="160">
        <v>3</v>
      </c>
      <c r="EU35" s="160">
        <v>0</v>
      </c>
      <c r="EV35" s="160">
        <v>1</v>
      </c>
      <c r="EW35" s="160">
        <v>0</v>
      </c>
      <c r="EX35" s="160">
        <v>1</v>
      </c>
      <c r="EY35" s="165">
        <v>5</v>
      </c>
      <c r="EZ35" s="164">
        <v>8</v>
      </c>
    </row>
    <row r="36" spans="2:156" ht="21" customHeight="1" x14ac:dyDescent="0.2">
      <c r="B36" s="166" t="s">
        <v>34</v>
      </c>
      <c r="C36" s="159">
        <v>0</v>
      </c>
      <c r="D36" s="160">
        <v>0</v>
      </c>
      <c r="E36" s="161">
        <v>0</v>
      </c>
      <c r="F36" s="162">
        <v>0</v>
      </c>
      <c r="G36" s="160">
        <v>0</v>
      </c>
      <c r="H36" s="160">
        <v>0</v>
      </c>
      <c r="I36" s="160">
        <v>0</v>
      </c>
      <c r="J36" s="160">
        <v>1</v>
      </c>
      <c r="K36" s="160">
        <v>0</v>
      </c>
      <c r="L36" s="163">
        <v>1</v>
      </c>
      <c r="M36" s="164">
        <v>1</v>
      </c>
      <c r="N36" s="159">
        <v>0</v>
      </c>
      <c r="O36" s="160">
        <v>0</v>
      </c>
      <c r="P36" s="165">
        <v>0</v>
      </c>
      <c r="Q36" s="162">
        <v>0</v>
      </c>
      <c r="R36" s="160">
        <v>0</v>
      </c>
      <c r="S36" s="160">
        <v>0</v>
      </c>
      <c r="T36" s="160">
        <v>0</v>
      </c>
      <c r="U36" s="160">
        <v>0</v>
      </c>
      <c r="V36" s="160">
        <v>0</v>
      </c>
      <c r="W36" s="165">
        <v>0</v>
      </c>
      <c r="X36" s="164">
        <v>0</v>
      </c>
      <c r="Y36" s="159">
        <v>0</v>
      </c>
      <c r="Z36" s="160">
        <v>0</v>
      </c>
      <c r="AA36" s="165">
        <v>0</v>
      </c>
      <c r="AB36" s="162">
        <v>0</v>
      </c>
      <c r="AC36" s="160">
        <v>1</v>
      </c>
      <c r="AD36" s="160">
        <v>2</v>
      </c>
      <c r="AE36" s="160">
        <v>0</v>
      </c>
      <c r="AF36" s="160">
        <v>0</v>
      </c>
      <c r="AG36" s="160">
        <v>1</v>
      </c>
      <c r="AH36" s="165">
        <v>4</v>
      </c>
      <c r="AI36" s="164">
        <v>4</v>
      </c>
      <c r="AJ36" s="159">
        <v>0</v>
      </c>
      <c r="AK36" s="160">
        <v>0</v>
      </c>
      <c r="AL36" s="165">
        <v>0</v>
      </c>
      <c r="AM36" s="162">
        <v>0</v>
      </c>
      <c r="AN36" s="160">
        <v>0</v>
      </c>
      <c r="AO36" s="160">
        <v>0</v>
      </c>
      <c r="AP36" s="160">
        <v>0</v>
      </c>
      <c r="AQ36" s="160">
        <v>0</v>
      </c>
      <c r="AR36" s="160">
        <v>1</v>
      </c>
      <c r="AS36" s="165">
        <v>1</v>
      </c>
      <c r="AT36" s="164">
        <v>1</v>
      </c>
      <c r="AU36" s="159">
        <v>0</v>
      </c>
      <c r="AV36" s="160">
        <v>0</v>
      </c>
      <c r="AW36" s="165">
        <v>0</v>
      </c>
      <c r="AX36" s="162">
        <v>0</v>
      </c>
      <c r="AY36" s="160">
        <v>0</v>
      </c>
      <c r="AZ36" s="160">
        <v>3</v>
      </c>
      <c r="BA36" s="160">
        <v>1</v>
      </c>
      <c r="BB36" s="160">
        <v>1</v>
      </c>
      <c r="BC36" s="160">
        <v>2</v>
      </c>
      <c r="BD36" s="163">
        <v>7</v>
      </c>
      <c r="BE36" s="164">
        <v>7</v>
      </c>
      <c r="BF36" s="159">
        <v>0</v>
      </c>
      <c r="BG36" s="160">
        <v>0</v>
      </c>
      <c r="BH36" s="165">
        <v>0</v>
      </c>
      <c r="BI36" s="162">
        <v>0</v>
      </c>
      <c r="BJ36" s="160">
        <v>0</v>
      </c>
      <c r="BK36" s="160">
        <v>1</v>
      </c>
      <c r="BL36" s="160">
        <v>1</v>
      </c>
      <c r="BM36" s="160">
        <v>0</v>
      </c>
      <c r="BN36" s="160">
        <v>0</v>
      </c>
      <c r="BO36" s="165">
        <v>2</v>
      </c>
      <c r="BP36" s="164">
        <v>2</v>
      </c>
      <c r="BQ36" s="159">
        <v>0</v>
      </c>
      <c r="BR36" s="160">
        <v>0</v>
      </c>
      <c r="BS36" s="165">
        <v>0</v>
      </c>
      <c r="BT36" s="162">
        <v>0</v>
      </c>
      <c r="BU36" s="160">
        <v>0</v>
      </c>
      <c r="BV36" s="160">
        <v>0</v>
      </c>
      <c r="BW36" s="160">
        <v>0</v>
      </c>
      <c r="BX36" s="160">
        <v>0</v>
      </c>
      <c r="BY36" s="160">
        <v>0</v>
      </c>
      <c r="BZ36" s="165">
        <v>0</v>
      </c>
      <c r="CA36" s="164">
        <v>0</v>
      </c>
      <c r="CB36" s="159">
        <v>0</v>
      </c>
      <c r="CC36" s="160">
        <v>0</v>
      </c>
      <c r="CD36" s="165">
        <v>0</v>
      </c>
      <c r="CE36" s="162">
        <v>0</v>
      </c>
      <c r="CF36" s="160">
        <v>0</v>
      </c>
      <c r="CG36" s="160">
        <v>0</v>
      </c>
      <c r="CH36" s="160">
        <v>0</v>
      </c>
      <c r="CI36" s="160">
        <v>0</v>
      </c>
      <c r="CJ36" s="160">
        <v>0</v>
      </c>
      <c r="CK36" s="165">
        <v>0</v>
      </c>
      <c r="CL36" s="164">
        <v>0</v>
      </c>
      <c r="CM36" s="159">
        <v>0</v>
      </c>
      <c r="CN36" s="160">
        <v>0</v>
      </c>
      <c r="CO36" s="165">
        <v>0</v>
      </c>
      <c r="CP36" s="162">
        <v>0</v>
      </c>
      <c r="CQ36" s="160">
        <v>0</v>
      </c>
      <c r="CR36" s="160">
        <v>0</v>
      </c>
      <c r="CS36" s="160">
        <v>0</v>
      </c>
      <c r="CT36" s="160">
        <v>0</v>
      </c>
      <c r="CU36" s="160">
        <v>0</v>
      </c>
      <c r="CV36" s="165">
        <v>0</v>
      </c>
      <c r="CW36" s="164">
        <v>0</v>
      </c>
      <c r="CX36" s="159">
        <v>0</v>
      </c>
      <c r="CY36" s="160">
        <v>0</v>
      </c>
      <c r="CZ36" s="165">
        <v>0</v>
      </c>
      <c r="DA36" s="162">
        <v>0</v>
      </c>
      <c r="DB36" s="160">
        <v>0</v>
      </c>
      <c r="DC36" s="160">
        <v>0</v>
      </c>
      <c r="DD36" s="160">
        <v>0</v>
      </c>
      <c r="DE36" s="160">
        <v>0</v>
      </c>
      <c r="DF36" s="160">
        <v>0</v>
      </c>
      <c r="DG36" s="165">
        <v>0</v>
      </c>
      <c r="DH36" s="164">
        <v>0</v>
      </c>
      <c r="DI36" s="159">
        <v>0</v>
      </c>
      <c r="DJ36" s="160">
        <v>0</v>
      </c>
      <c r="DK36" s="165">
        <v>0</v>
      </c>
      <c r="DL36" s="162">
        <v>0</v>
      </c>
      <c r="DM36" s="160">
        <v>0</v>
      </c>
      <c r="DN36" s="160">
        <v>0</v>
      </c>
      <c r="DO36" s="160">
        <v>0</v>
      </c>
      <c r="DP36" s="160">
        <v>0</v>
      </c>
      <c r="DQ36" s="160">
        <v>0</v>
      </c>
      <c r="DR36" s="165">
        <v>0</v>
      </c>
      <c r="DS36" s="164">
        <v>0</v>
      </c>
      <c r="DT36" s="159">
        <v>0</v>
      </c>
      <c r="DU36" s="160">
        <v>0</v>
      </c>
      <c r="DV36" s="165">
        <v>0</v>
      </c>
      <c r="DW36" s="162">
        <v>0</v>
      </c>
      <c r="DX36" s="160">
        <v>2</v>
      </c>
      <c r="DY36" s="160">
        <v>6</v>
      </c>
      <c r="DZ36" s="160">
        <v>1</v>
      </c>
      <c r="EA36" s="160">
        <v>1</v>
      </c>
      <c r="EB36" s="160">
        <v>1</v>
      </c>
      <c r="EC36" s="165">
        <v>11</v>
      </c>
      <c r="ED36" s="164">
        <v>11</v>
      </c>
      <c r="EE36" s="159">
        <v>0</v>
      </c>
      <c r="EF36" s="160">
        <v>0</v>
      </c>
      <c r="EG36" s="165">
        <v>0</v>
      </c>
      <c r="EH36" s="162">
        <v>0</v>
      </c>
      <c r="EI36" s="160">
        <v>0</v>
      </c>
      <c r="EJ36" s="160">
        <v>1</v>
      </c>
      <c r="EK36" s="160">
        <v>0</v>
      </c>
      <c r="EL36" s="160">
        <v>0</v>
      </c>
      <c r="EM36" s="160">
        <v>1</v>
      </c>
      <c r="EN36" s="165">
        <v>2</v>
      </c>
      <c r="EO36" s="164">
        <v>2</v>
      </c>
      <c r="EP36" s="159">
        <v>0</v>
      </c>
      <c r="EQ36" s="160">
        <v>0</v>
      </c>
      <c r="ER36" s="165">
        <v>0</v>
      </c>
      <c r="ES36" s="162">
        <v>0</v>
      </c>
      <c r="ET36" s="160">
        <v>4</v>
      </c>
      <c r="EU36" s="160">
        <v>6</v>
      </c>
      <c r="EV36" s="160">
        <v>1</v>
      </c>
      <c r="EW36" s="160">
        <v>1</v>
      </c>
      <c r="EX36" s="160">
        <v>1</v>
      </c>
      <c r="EY36" s="165">
        <v>13</v>
      </c>
      <c r="EZ36" s="164">
        <v>13</v>
      </c>
    </row>
    <row r="37" spans="2:156" ht="21" customHeight="1" x14ac:dyDescent="0.2">
      <c r="B37" s="166" t="s">
        <v>35</v>
      </c>
      <c r="C37" s="159">
        <v>0</v>
      </c>
      <c r="D37" s="160">
        <v>0</v>
      </c>
      <c r="E37" s="161">
        <v>0</v>
      </c>
      <c r="F37" s="162">
        <v>0</v>
      </c>
      <c r="G37" s="160">
        <v>5</v>
      </c>
      <c r="H37" s="160">
        <v>3</v>
      </c>
      <c r="I37" s="160">
        <v>1</v>
      </c>
      <c r="J37" s="160">
        <v>1</v>
      </c>
      <c r="K37" s="160">
        <v>0</v>
      </c>
      <c r="L37" s="163">
        <v>10</v>
      </c>
      <c r="M37" s="164">
        <v>10</v>
      </c>
      <c r="N37" s="159">
        <v>0</v>
      </c>
      <c r="O37" s="160">
        <v>0</v>
      </c>
      <c r="P37" s="165">
        <v>0</v>
      </c>
      <c r="Q37" s="162">
        <v>0</v>
      </c>
      <c r="R37" s="160">
        <v>0</v>
      </c>
      <c r="S37" s="160">
        <v>0</v>
      </c>
      <c r="T37" s="160">
        <v>1</v>
      </c>
      <c r="U37" s="160">
        <v>0</v>
      </c>
      <c r="V37" s="160">
        <v>1</v>
      </c>
      <c r="W37" s="165">
        <v>2</v>
      </c>
      <c r="X37" s="164">
        <v>2</v>
      </c>
      <c r="Y37" s="159">
        <v>0</v>
      </c>
      <c r="Z37" s="160">
        <v>0</v>
      </c>
      <c r="AA37" s="165">
        <v>0</v>
      </c>
      <c r="AB37" s="162">
        <v>0</v>
      </c>
      <c r="AC37" s="160">
        <v>1</v>
      </c>
      <c r="AD37" s="160">
        <v>2</v>
      </c>
      <c r="AE37" s="160">
        <v>2</v>
      </c>
      <c r="AF37" s="160">
        <v>1</v>
      </c>
      <c r="AG37" s="160">
        <v>2</v>
      </c>
      <c r="AH37" s="165">
        <v>8</v>
      </c>
      <c r="AI37" s="164">
        <v>8</v>
      </c>
      <c r="AJ37" s="159">
        <v>1</v>
      </c>
      <c r="AK37" s="160">
        <v>1</v>
      </c>
      <c r="AL37" s="165">
        <v>2</v>
      </c>
      <c r="AM37" s="162">
        <v>0</v>
      </c>
      <c r="AN37" s="160">
        <v>2</v>
      </c>
      <c r="AO37" s="160">
        <v>0</v>
      </c>
      <c r="AP37" s="160">
        <v>0</v>
      </c>
      <c r="AQ37" s="160">
        <v>0</v>
      </c>
      <c r="AR37" s="160">
        <v>1</v>
      </c>
      <c r="AS37" s="165">
        <v>3</v>
      </c>
      <c r="AT37" s="164">
        <v>5</v>
      </c>
      <c r="AU37" s="159">
        <v>1</v>
      </c>
      <c r="AV37" s="160">
        <v>0</v>
      </c>
      <c r="AW37" s="165">
        <v>1</v>
      </c>
      <c r="AX37" s="162">
        <v>0</v>
      </c>
      <c r="AY37" s="160">
        <v>5</v>
      </c>
      <c r="AZ37" s="160">
        <v>5</v>
      </c>
      <c r="BA37" s="160">
        <v>4</v>
      </c>
      <c r="BB37" s="160">
        <v>4</v>
      </c>
      <c r="BC37" s="160">
        <v>3</v>
      </c>
      <c r="BD37" s="163">
        <v>21</v>
      </c>
      <c r="BE37" s="164">
        <v>22</v>
      </c>
      <c r="BF37" s="159">
        <v>0</v>
      </c>
      <c r="BG37" s="160">
        <v>0</v>
      </c>
      <c r="BH37" s="165">
        <v>0</v>
      </c>
      <c r="BI37" s="162">
        <v>0</v>
      </c>
      <c r="BJ37" s="160">
        <v>3</v>
      </c>
      <c r="BK37" s="160">
        <v>1</v>
      </c>
      <c r="BL37" s="160">
        <v>1</v>
      </c>
      <c r="BM37" s="160">
        <v>0</v>
      </c>
      <c r="BN37" s="160">
        <v>0</v>
      </c>
      <c r="BO37" s="165">
        <v>5</v>
      </c>
      <c r="BP37" s="164">
        <v>5</v>
      </c>
      <c r="BQ37" s="159">
        <v>2</v>
      </c>
      <c r="BR37" s="160">
        <v>0</v>
      </c>
      <c r="BS37" s="165">
        <v>2</v>
      </c>
      <c r="BT37" s="162">
        <v>0</v>
      </c>
      <c r="BU37" s="160">
        <v>5</v>
      </c>
      <c r="BV37" s="160">
        <v>0</v>
      </c>
      <c r="BW37" s="160">
        <v>1</v>
      </c>
      <c r="BX37" s="160">
        <v>1</v>
      </c>
      <c r="BY37" s="160">
        <v>0</v>
      </c>
      <c r="BZ37" s="165">
        <v>7</v>
      </c>
      <c r="CA37" s="164">
        <v>9</v>
      </c>
      <c r="CB37" s="159">
        <v>0</v>
      </c>
      <c r="CC37" s="160">
        <v>0</v>
      </c>
      <c r="CD37" s="165">
        <v>0</v>
      </c>
      <c r="CE37" s="162">
        <v>0</v>
      </c>
      <c r="CF37" s="160">
        <v>0</v>
      </c>
      <c r="CG37" s="160">
        <v>0</v>
      </c>
      <c r="CH37" s="160">
        <v>0</v>
      </c>
      <c r="CI37" s="160">
        <v>0</v>
      </c>
      <c r="CJ37" s="160">
        <v>1</v>
      </c>
      <c r="CK37" s="165">
        <v>1</v>
      </c>
      <c r="CL37" s="164">
        <v>1</v>
      </c>
      <c r="CM37" s="159">
        <v>0</v>
      </c>
      <c r="CN37" s="160">
        <v>0</v>
      </c>
      <c r="CO37" s="165">
        <v>0</v>
      </c>
      <c r="CP37" s="162">
        <v>0</v>
      </c>
      <c r="CQ37" s="160">
        <v>0</v>
      </c>
      <c r="CR37" s="160">
        <v>0</v>
      </c>
      <c r="CS37" s="160">
        <v>0</v>
      </c>
      <c r="CT37" s="160">
        <v>0</v>
      </c>
      <c r="CU37" s="160">
        <v>0</v>
      </c>
      <c r="CV37" s="165">
        <v>0</v>
      </c>
      <c r="CW37" s="164">
        <v>0</v>
      </c>
      <c r="CX37" s="159">
        <v>0</v>
      </c>
      <c r="CY37" s="160">
        <v>0</v>
      </c>
      <c r="CZ37" s="165">
        <v>0</v>
      </c>
      <c r="DA37" s="162">
        <v>0</v>
      </c>
      <c r="DB37" s="160">
        <v>0</v>
      </c>
      <c r="DC37" s="160">
        <v>0</v>
      </c>
      <c r="DD37" s="160">
        <v>0</v>
      </c>
      <c r="DE37" s="160">
        <v>0</v>
      </c>
      <c r="DF37" s="160">
        <v>0</v>
      </c>
      <c r="DG37" s="165">
        <v>0</v>
      </c>
      <c r="DH37" s="164">
        <v>0</v>
      </c>
      <c r="DI37" s="159">
        <v>0</v>
      </c>
      <c r="DJ37" s="160">
        <v>0</v>
      </c>
      <c r="DK37" s="165">
        <v>0</v>
      </c>
      <c r="DL37" s="162">
        <v>0</v>
      </c>
      <c r="DM37" s="160">
        <v>0</v>
      </c>
      <c r="DN37" s="160">
        <v>0</v>
      </c>
      <c r="DO37" s="160">
        <v>0</v>
      </c>
      <c r="DP37" s="160">
        <v>0</v>
      </c>
      <c r="DQ37" s="160">
        <v>0</v>
      </c>
      <c r="DR37" s="165">
        <v>0</v>
      </c>
      <c r="DS37" s="164">
        <v>0</v>
      </c>
      <c r="DT37" s="159">
        <v>2</v>
      </c>
      <c r="DU37" s="160">
        <v>0</v>
      </c>
      <c r="DV37" s="165">
        <v>2</v>
      </c>
      <c r="DW37" s="162">
        <v>0</v>
      </c>
      <c r="DX37" s="160">
        <v>6</v>
      </c>
      <c r="DY37" s="160">
        <v>6</v>
      </c>
      <c r="DZ37" s="160">
        <v>3</v>
      </c>
      <c r="EA37" s="160">
        <v>2</v>
      </c>
      <c r="EB37" s="160">
        <v>2</v>
      </c>
      <c r="EC37" s="165">
        <v>19</v>
      </c>
      <c r="ED37" s="164">
        <v>21</v>
      </c>
      <c r="EE37" s="159">
        <v>1</v>
      </c>
      <c r="EF37" s="160">
        <v>0</v>
      </c>
      <c r="EG37" s="165">
        <v>1</v>
      </c>
      <c r="EH37" s="162">
        <v>0</v>
      </c>
      <c r="EI37" s="160">
        <v>3</v>
      </c>
      <c r="EJ37" s="160">
        <v>1</v>
      </c>
      <c r="EK37" s="160">
        <v>2</v>
      </c>
      <c r="EL37" s="160">
        <v>4</v>
      </c>
      <c r="EM37" s="160">
        <v>1</v>
      </c>
      <c r="EN37" s="165">
        <v>11</v>
      </c>
      <c r="EO37" s="164">
        <v>12</v>
      </c>
      <c r="EP37" s="159">
        <v>5</v>
      </c>
      <c r="EQ37" s="160">
        <v>2</v>
      </c>
      <c r="ER37" s="165">
        <v>7</v>
      </c>
      <c r="ES37" s="162">
        <v>0</v>
      </c>
      <c r="ET37" s="160">
        <v>16</v>
      </c>
      <c r="EU37" s="160">
        <v>6</v>
      </c>
      <c r="EV37" s="160">
        <v>3</v>
      </c>
      <c r="EW37" s="160">
        <v>2</v>
      </c>
      <c r="EX37" s="160">
        <v>2</v>
      </c>
      <c r="EY37" s="165">
        <v>29</v>
      </c>
      <c r="EZ37" s="164">
        <v>36</v>
      </c>
    </row>
    <row r="38" spans="2:156" ht="21" customHeight="1" x14ac:dyDescent="0.2">
      <c r="B38" s="166" t="s">
        <v>36</v>
      </c>
      <c r="C38" s="159">
        <v>0</v>
      </c>
      <c r="D38" s="160">
        <v>0</v>
      </c>
      <c r="E38" s="161">
        <v>0</v>
      </c>
      <c r="F38" s="162">
        <v>0</v>
      </c>
      <c r="G38" s="160">
        <v>0</v>
      </c>
      <c r="H38" s="160">
        <v>0</v>
      </c>
      <c r="I38" s="160">
        <v>0</v>
      </c>
      <c r="J38" s="160">
        <v>1</v>
      </c>
      <c r="K38" s="160">
        <v>1</v>
      </c>
      <c r="L38" s="163">
        <v>2</v>
      </c>
      <c r="M38" s="164">
        <v>2</v>
      </c>
      <c r="N38" s="159">
        <v>0</v>
      </c>
      <c r="O38" s="160">
        <v>0</v>
      </c>
      <c r="P38" s="165">
        <v>0</v>
      </c>
      <c r="Q38" s="162">
        <v>0</v>
      </c>
      <c r="R38" s="160">
        <v>0</v>
      </c>
      <c r="S38" s="160">
        <v>0</v>
      </c>
      <c r="T38" s="160">
        <v>1</v>
      </c>
      <c r="U38" s="160">
        <v>0</v>
      </c>
      <c r="V38" s="160">
        <v>1</v>
      </c>
      <c r="W38" s="165">
        <v>2</v>
      </c>
      <c r="X38" s="164">
        <v>2</v>
      </c>
      <c r="Y38" s="159">
        <v>0</v>
      </c>
      <c r="Z38" s="160">
        <v>0</v>
      </c>
      <c r="AA38" s="165">
        <v>0</v>
      </c>
      <c r="AB38" s="162">
        <v>0</v>
      </c>
      <c r="AC38" s="160">
        <v>2</v>
      </c>
      <c r="AD38" s="160">
        <v>0</v>
      </c>
      <c r="AE38" s="160">
        <v>2</v>
      </c>
      <c r="AF38" s="160">
        <v>0</v>
      </c>
      <c r="AG38" s="160">
        <v>0</v>
      </c>
      <c r="AH38" s="165">
        <v>4</v>
      </c>
      <c r="AI38" s="164">
        <v>4</v>
      </c>
      <c r="AJ38" s="159">
        <v>0</v>
      </c>
      <c r="AK38" s="160">
        <v>1</v>
      </c>
      <c r="AL38" s="165">
        <v>1</v>
      </c>
      <c r="AM38" s="162">
        <v>0</v>
      </c>
      <c r="AN38" s="160">
        <v>1</v>
      </c>
      <c r="AO38" s="160">
        <v>0</v>
      </c>
      <c r="AP38" s="160">
        <v>0</v>
      </c>
      <c r="AQ38" s="160">
        <v>0</v>
      </c>
      <c r="AR38" s="160">
        <v>0</v>
      </c>
      <c r="AS38" s="165">
        <v>1</v>
      </c>
      <c r="AT38" s="164">
        <v>2</v>
      </c>
      <c r="AU38" s="159">
        <v>0</v>
      </c>
      <c r="AV38" s="160">
        <v>0</v>
      </c>
      <c r="AW38" s="165">
        <v>0</v>
      </c>
      <c r="AX38" s="162">
        <v>0</v>
      </c>
      <c r="AY38" s="160">
        <v>3</v>
      </c>
      <c r="AZ38" s="160">
        <v>2</v>
      </c>
      <c r="BA38" s="160">
        <v>3</v>
      </c>
      <c r="BB38" s="160">
        <v>2</v>
      </c>
      <c r="BC38" s="160">
        <v>2</v>
      </c>
      <c r="BD38" s="163">
        <v>12</v>
      </c>
      <c r="BE38" s="164">
        <v>12</v>
      </c>
      <c r="BF38" s="159">
        <v>0</v>
      </c>
      <c r="BG38" s="160">
        <v>0</v>
      </c>
      <c r="BH38" s="165">
        <v>0</v>
      </c>
      <c r="BI38" s="162">
        <v>0</v>
      </c>
      <c r="BJ38" s="160">
        <v>0</v>
      </c>
      <c r="BK38" s="160">
        <v>3</v>
      </c>
      <c r="BL38" s="160">
        <v>1</v>
      </c>
      <c r="BM38" s="160">
        <v>0</v>
      </c>
      <c r="BN38" s="160">
        <v>0</v>
      </c>
      <c r="BO38" s="165">
        <v>4</v>
      </c>
      <c r="BP38" s="164">
        <v>4</v>
      </c>
      <c r="BQ38" s="159">
        <v>0</v>
      </c>
      <c r="BR38" s="160">
        <v>1</v>
      </c>
      <c r="BS38" s="165">
        <v>1</v>
      </c>
      <c r="BT38" s="162">
        <v>0</v>
      </c>
      <c r="BU38" s="160">
        <v>1</v>
      </c>
      <c r="BV38" s="160">
        <v>0</v>
      </c>
      <c r="BW38" s="160">
        <v>1</v>
      </c>
      <c r="BX38" s="160">
        <v>0</v>
      </c>
      <c r="BY38" s="160">
        <v>0</v>
      </c>
      <c r="BZ38" s="165">
        <v>2</v>
      </c>
      <c r="CA38" s="164">
        <v>3</v>
      </c>
      <c r="CB38" s="159">
        <v>0</v>
      </c>
      <c r="CC38" s="160">
        <v>0</v>
      </c>
      <c r="CD38" s="165">
        <v>0</v>
      </c>
      <c r="CE38" s="162">
        <v>0</v>
      </c>
      <c r="CF38" s="160">
        <v>0</v>
      </c>
      <c r="CG38" s="160">
        <v>1</v>
      </c>
      <c r="CH38" s="160">
        <v>0</v>
      </c>
      <c r="CI38" s="160">
        <v>1</v>
      </c>
      <c r="CJ38" s="160">
        <v>0</v>
      </c>
      <c r="CK38" s="165">
        <v>2</v>
      </c>
      <c r="CL38" s="164">
        <v>2</v>
      </c>
      <c r="CM38" s="159">
        <v>0</v>
      </c>
      <c r="CN38" s="160">
        <v>0</v>
      </c>
      <c r="CO38" s="165">
        <v>0</v>
      </c>
      <c r="CP38" s="162">
        <v>0</v>
      </c>
      <c r="CQ38" s="160">
        <v>0</v>
      </c>
      <c r="CR38" s="160">
        <v>0</v>
      </c>
      <c r="CS38" s="160">
        <v>0</v>
      </c>
      <c r="CT38" s="160">
        <v>0</v>
      </c>
      <c r="CU38" s="160">
        <v>0</v>
      </c>
      <c r="CV38" s="165">
        <v>0</v>
      </c>
      <c r="CW38" s="164">
        <v>0</v>
      </c>
      <c r="CX38" s="159">
        <v>0</v>
      </c>
      <c r="CY38" s="160">
        <v>0</v>
      </c>
      <c r="CZ38" s="165">
        <v>0</v>
      </c>
      <c r="DA38" s="162">
        <v>0</v>
      </c>
      <c r="DB38" s="160">
        <v>0</v>
      </c>
      <c r="DC38" s="160">
        <v>0</v>
      </c>
      <c r="DD38" s="160">
        <v>0</v>
      </c>
      <c r="DE38" s="160">
        <v>0</v>
      </c>
      <c r="DF38" s="160">
        <v>0</v>
      </c>
      <c r="DG38" s="165">
        <v>0</v>
      </c>
      <c r="DH38" s="164">
        <v>0</v>
      </c>
      <c r="DI38" s="159">
        <v>0</v>
      </c>
      <c r="DJ38" s="160">
        <v>0</v>
      </c>
      <c r="DK38" s="165">
        <v>0</v>
      </c>
      <c r="DL38" s="162">
        <v>0</v>
      </c>
      <c r="DM38" s="160">
        <v>0</v>
      </c>
      <c r="DN38" s="160">
        <v>0</v>
      </c>
      <c r="DO38" s="160">
        <v>0</v>
      </c>
      <c r="DP38" s="160">
        <v>0</v>
      </c>
      <c r="DQ38" s="160">
        <v>0</v>
      </c>
      <c r="DR38" s="165">
        <v>0</v>
      </c>
      <c r="DS38" s="164">
        <v>0</v>
      </c>
      <c r="DT38" s="159">
        <v>2</v>
      </c>
      <c r="DU38" s="160">
        <v>3</v>
      </c>
      <c r="DV38" s="165">
        <v>5</v>
      </c>
      <c r="DW38" s="162">
        <v>0</v>
      </c>
      <c r="DX38" s="160">
        <v>7</v>
      </c>
      <c r="DY38" s="160">
        <v>6</v>
      </c>
      <c r="DZ38" s="160">
        <v>2</v>
      </c>
      <c r="EA38" s="160">
        <v>2</v>
      </c>
      <c r="EB38" s="160">
        <v>1</v>
      </c>
      <c r="EC38" s="165">
        <v>18</v>
      </c>
      <c r="ED38" s="164">
        <v>23</v>
      </c>
      <c r="EE38" s="159">
        <v>0</v>
      </c>
      <c r="EF38" s="160">
        <v>0</v>
      </c>
      <c r="EG38" s="165">
        <v>0</v>
      </c>
      <c r="EH38" s="162">
        <v>0</v>
      </c>
      <c r="EI38" s="160">
        <v>3</v>
      </c>
      <c r="EJ38" s="160">
        <v>2</v>
      </c>
      <c r="EK38" s="160">
        <v>2</v>
      </c>
      <c r="EL38" s="160">
        <v>0</v>
      </c>
      <c r="EM38" s="160">
        <v>0</v>
      </c>
      <c r="EN38" s="165">
        <v>7</v>
      </c>
      <c r="EO38" s="164">
        <v>7</v>
      </c>
      <c r="EP38" s="159">
        <v>2</v>
      </c>
      <c r="EQ38" s="160">
        <v>4</v>
      </c>
      <c r="ER38" s="165">
        <v>6</v>
      </c>
      <c r="ES38" s="162">
        <v>0</v>
      </c>
      <c r="ET38" s="160">
        <v>9</v>
      </c>
      <c r="EU38" s="160">
        <v>7</v>
      </c>
      <c r="EV38" s="160">
        <v>3</v>
      </c>
      <c r="EW38" s="160">
        <v>2</v>
      </c>
      <c r="EX38" s="160">
        <v>2</v>
      </c>
      <c r="EY38" s="165">
        <v>23</v>
      </c>
      <c r="EZ38" s="164">
        <v>29</v>
      </c>
    </row>
    <row r="39" spans="2:156" ht="21" customHeight="1" thickBot="1" x14ac:dyDescent="0.25">
      <c r="B39" s="167" t="s">
        <v>37</v>
      </c>
      <c r="C39" s="168">
        <v>0</v>
      </c>
      <c r="D39" s="169">
        <v>0</v>
      </c>
      <c r="E39" s="170">
        <v>0</v>
      </c>
      <c r="F39" s="171">
        <v>0</v>
      </c>
      <c r="G39" s="169">
        <v>0</v>
      </c>
      <c r="H39" s="169">
        <v>0</v>
      </c>
      <c r="I39" s="169">
        <v>0</v>
      </c>
      <c r="J39" s="169">
        <v>0</v>
      </c>
      <c r="K39" s="169">
        <v>0</v>
      </c>
      <c r="L39" s="172">
        <v>0</v>
      </c>
      <c r="M39" s="173">
        <v>0</v>
      </c>
      <c r="N39" s="168">
        <v>0</v>
      </c>
      <c r="O39" s="169">
        <v>0</v>
      </c>
      <c r="P39" s="174">
        <v>0</v>
      </c>
      <c r="Q39" s="171">
        <v>0</v>
      </c>
      <c r="R39" s="169">
        <v>0</v>
      </c>
      <c r="S39" s="169">
        <v>0</v>
      </c>
      <c r="T39" s="169">
        <v>0</v>
      </c>
      <c r="U39" s="169">
        <v>0</v>
      </c>
      <c r="V39" s="169">
        <v>0</v>
      </c>
      <c r="W39" s="174">
        <v>0</v>
      </c>
      <c r="X39" s="173">
        <v>0</v>
      </c>
      <c r="Y39" s="168">
        <v>0</v>
      </c>
      <c r="Z39" s="169">
        <v>0</v>
      </c>
      <c r="AA39" s="174">
        <v>0</v>
      </c>
      <c r="AB39" s="171">
        <v>0</v>
      </c>
      <c r="AC39" s="169">
        <v>0</v>
      </c>
      <c r="AD39" s="169">
        <v>0</v>
      </c>
      <c r="AE39" s="169">
        <v>0</v>
      </c>
      <c r="AF39" s="169">
        <v>0</v>
      </c>
      <c r="AG39" s="169">
        <v>0</v>
      </c>
      <c r="AH39" s="174">
        <v>0</v>
      </c>
      <c r="AI39" s="173">
        <v>0</v>
      </c>
      <c r="AJ39" s="168">
        <v>0</v>
      </c>
      <c r="AK39" s="169">
        <v>0</v>
      </c>
      <c r="AL39" s="174">
        <v>0</v>
      </c>
      <c r="AM39" s="171">
        <v>0</v>
      </c>
      <c r="AN39" s="169">
        <v>0</v>
      </c>
      <c r="AO39" s="169">
        <v>0</v>
      </c>
      <c r="AP39" s="169">
        <v>0</v>
      </c>
      <c r="AQ39" s="169">
        <v>0</v>
      </c>
      <c r="AR39" s="169">
        <v>0</v>
      </c>
      <c r="AS39" s="174">
        <v>0</v>
      </c>
      <c r="AT39" s="173">
        <v>0</v>
      </c>
      <c r="AU39" s="168">
        <v>0</v>
      </c>
      <c r="AV39" s="169">
        <v>0</v>
      </c>
      <c r="AW39" s="174">
        <v>0</v>
      </c>
      <c r="AX39" s="171">
        <v>0</v>
      </c>
      <c r="AY39" s="169">
        <v>0</v>
      </c>
      <c r="AZ39" s="169">
        <v>0</v>
      </c>
      <c r="BA39" s="169">
        <v>0</v>
      </c>
      <c r="BB39" s="169">
        <v>0</v>
      </c>
      <c r="BC39" s="169">
        <v>0</v>
      </c>
      <c r="BD39" s="172">
        <v>0</v>
      </c>
      <c r="BE39" s="173">
        <v>0</v>
      </c>
      <c r="BF39" s="168">
        <v>0</v>
      </c>
      <c r="BG39" s="169">
        <v>0</v>
      </c>
      <c r="BH39" s="174">
        <v>0</v>
      </c>
      <c r="BI39" s="171">
        <v>0</v>
      </c>
      <c r="BJ39" s="169">
        <v>0</v>
      </c>
      <c r="BK39" s="169">
        <v>0</v>
      </c>
      <c r="BL39" s="169">
        <v>0</v>
      </c>
      <c r="BM39" s="169">
        <v>0</v>
      </c>
      <c r="BN39" s="169">
        <v>0</v>
      </c>
      <c r="BO39" s="174">
        <v>0</v>
      </c>
      <c r="BP39" s="173">
        <v>0</v>
      </c>
      <c r="BQ39" s="168">
        <v>0</v>
      </c>
      <c r="BR39" s="169">
        <v>0</v>
      </c>
      <c r="BS39" s="174">
        <v>0</v>
      </c>
      <c r="BT39" s="171">
        <v>0</v>
      </c>
      <c r="BU39" s="169">
        <v>1</v>
      </c>
      <c r="BV39" s="169">
        <v>1</v>
      </c>
      <c r="BW39" s="169">
        <v>0</v>
      </c>
      <c r="BX39" s="169">
        <v>0</v>
      </c>
      <c r="BY39" s="169">
        <v>0</v>
      </c>
      <c r="BZ39" s="174">
        <v>2</v>
      </c>
      <c r="CA39" s="173">
        <v>2</v>
      </c>
      <c r="CB39" s="168">
        <v>0</v>
      </c>
      <c r="CC39" s="169">
        <v>0</v>
      </c>
      <c r="CD39" s="174">
        <v>0</v>
      </c>
      <c r="CE39" s="171">
        <v>0</v>
      </c>
      <c r="CF39" s="169">
        <v>0</v>
      </c>
      <c r="CG39" s="169">
        <v>0</v>
      </c>
      <c r="CH39" s="169">
        <v>0</v>
      </c>
      <c r="CI39" s="169">
        <v>0</v>
      </c>
      <c r="CJ39" s="169">
        <v>0</v>
      </c>
      <c r="CK39" s="174">
        <v>0</v>
      </c>
      <c r="CL39" s="173">
        <v>0</v>
      </c>
      <c r="CM39" s="168">
        <v>0</v>
      </c>
      <c r="CN39" s="169">
        <v>0</v>
      </c>
      <c r="CO39" s="174">
        <v>0</v>
      </c>
      <c r="CP39" s="171">
        <v>0</v>
      </c>
      <c r="CQ39" s="169">
        <v>0</v>
      </c>
      <c r="CR39" s="169">
        <v>0</v>
      </c>
      <c r="CS39" s="169">
        <v>0</v>
      </c>
      <c r="CT39" s="169">
        <v>0</v>
      </c>
      <c r="CU39" s="169">
        <v>0</v>
      </c>
      <c r="CV39" s="174">
        <v>0</v>
      </c>
      <c r="CW39" s="173">
        <v>0</v>
      </c>
      <c r="CX39" s="168">
        <v>0</v>
      </c>
      <c r="CY39" s="169">
        <v>0</v>
      </c>
      <c r="CZ39" s="174">
        <v>0</v>
      </c>
      <c r="DA39" s="171">
        <v>0</v>
      </c>
      <c r="DB39" s="169">
        <v>0</v>
      </c>
      <c r="DC39" s="169">
        <v>0</v>
      </c>
      <c r="DD39" s="169">
        <v>0</v>
      </c>
      <c r="DE39" s="169">
        <v>0</v>
      </c>
      <c r="DF39" s="169">
        <v>0</v>
      </c>
      <c r="DG39" s="174">
        <v>0</v>
      </c>
      <c r="DH39" s="173">
        <v>0</v>
      </c>
      <c r="DI39" s="168">
        <v>0</v>
      </c>
      <c r="DJ39" s="169">
        <v>0</v>
      </c>
      <c r="DK39" s="174">
        <v>0</v>
      </c>
      <c r="DL39" s="171">
        <v>0</v>
      </c>
      <c r="DM39" s="169">
        <v>0</v>
      </c>
      <c r="DN39" s="169">
        <v>0</v>
      </c>
      <c r="DO39" s="169">
        <v>0</v>
      </c>
      <c r="DP39" s="169">
        <v>0</v>
      </c>
      <c r="DQ39" s="169">
        <v>0</v>
      </c>
      <c r="DR39" s="174">
        <v>0</v>
      </c>
      <c r="DS39" s="173">
        <v>0</v>
      </c>
      <c r="DT39" s="168">
        <v>0</v>
      </c>
      <c r="DU39" s="169">
        <v>0</v>
      </c>
      <c r="DV39" s="174">
        <v>0</v>
      </c>
      <c r="DW39" s="171">
        <v>0</v>
      </c>
      <c r="DX39" s="169">
        <v>1</v>
      </c>
      <c r="DY39" s="169">
        <v>2</v>
      </c>
      <c r="DZ39" s="169">
        <v>0</v>
      </c>
      <c r="EA39" s="169">
        <v>0</v>
      </c>
      <c r="EB39" s="169">
        <v>0</v>
      </c>
      <c r="EC39" s="174">
        <v>3</v>
      </c>
      <c r="ED39" s="173">
        <v>3</v>
      </c>
      <c r="EE39" s="168">
        <v>0</v>
      </c>
      <c r="EF39" s="169">
        <v>0</v>
      </c>
      <c r="EG39" s="174">
        <v>0</v>
      </c>
      <c r="EH39" s="171">
        <v>0</v>
      </c>
      <c r="EI39" s="169">
        <v>0</v>
      </c>
      <c r="EJ39" s="169">
        <v>0</v>
      </c>
      <c r="EK39" s="169">
        <v>0</v>
      </c>
      <c r="EL39" s="169">
        <v>0</v>
      </c>
      <c r="EM39" s="169">
        <v>0</v>
      </c>
      <c r="EN39" s="174">
        <v>0</v>
      </c>
      <c r="EO39" s="173">
        <v>0</v>
      </c>
      <c r="EP39" s="168">
        <v>0</v>
      </c>
      <c r="EQ39" s="169">
        <v>0</v>
      </c>
      <c r="ER39" s="174">
        <v>0</v>
      </c>
      <c r="ES39" s="171">
        <v>0</v>
      </c>
      <c r="ET39" s="169">
        <v>1</v>
      </c>
      <c r="EU39" s="169">
        <v>2</v>
      </c>
      <c r="EV39" s="169">
        <v>0</v>
      </c>
      <c r="EW39" s="169">
        <v>0</v>
      </c>
      <c r="EX39" s="169">
        <v>0</v>
      </c>
      <c r="EY39" s="174">
        <v>3</v>
      </c>
      <c r="EZ39" s="173">
        <v>3</v>
      </c>
    </row>
  </sheetData>
  <mergeCells count="59">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 ref="CB4:CD4"/>
    <mergeCell ref="CE4:CK4"/>
    <mergeCell ref="AJ4:AL4"/>
    <mergeCell ref="AM4:AS4"/>
    <mergeCell ref="AT4:AT5"/>
    <mergeCell ref="AU4:AW4"/>
    <mergeCell ref="AX4:BD4"/>
    <mergeCell ref="DT3:ED3"/>
    <mergeCell ref="EE3:EO3"/>
    <mergeCell ref="EP3:EZ3"/>
    <mergeCell ref="CB3:CL3"/>
    <mergeCell ref="CM3:CW3"/>
    <mergeCell ref="DI3:DS3"/>
    <mergeCell ref="B3:B5"/>
    <mergeCell ref="C3:M3"/>
    <mergeCell ref="N3:X3"/>
    <mergeCell ref="X4:X5"/>
    <mergeCell ref="AJ3:AT3"/>
    <mergeCell ref="Y3:AI3"/>
    <mergeCell ref="Y4:AA4"/>
    <mergeCell ref="AB4:AH4"/>
    <mergeCell ref="AI4:AI5"/>
    <mergeCell ref="C4:E4"/>
    <mergeCell ref="F4:L4"/>
    <mergeCell ref="M4:M5"/>
    <mergeCell ref="N4:P4"/>
    <mergeCell ref="Q4:W4"/>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s>
  <phoneticPr fontId="4"/>
  <pageMargins left="0.70866141732283472" right="0.70866141732283472"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10.21875" style="175" customWidth="1"/>
    <col min="8" max="8" width="10.4414062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21875" style="175" customWidth="1"/>
    <col min="51" max="60" width="9" style="175"/>
    <col min="61" max="61" width="7.2187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04" width="9" style="175"/>
    <col min="105" max="105" width="7.44140625" style="175" customWidth="1"/>
    <col min="106" max="115" width="9" style="175"/>
    <col min="116" max="116" width="7.44140625" style="175" customWidth="1"/>
    <col min="117" max="126" width="9" style="175"/>
    <col min="127" max="127" width="7.44140625" style="175" customWidth="1"/>
    <col min="128" max="137" width="9" style="175"/>
    <col min="138" max="138" width="7.33203125" style="175" customWidth="1"/>
    <col min="139" max="148" width="9" style="175"/>
    <col min="149" max="149" width="7.77734375" style="175" customWidth="1"/>
    <col min="150" max="16384" width="9" style="175"/>
  </cols>
  <sheetData>
    <row r="1" spans="2:156" ht="24" customHeight="1" x14ac:dyDescent="0.2">
      <c r="B1" s="142" t="s">
        <v>120</v>
      </c>
      <c r="I1" s="442">
        <f>第１表!F2</f>
        <v>6</v>
      </c>
      <c r="J1" s="442"/>
      <c r="K1" s="18">
        <f>第１表!G2</f>
        <v>10</v>
      </c>
      <c r="L1" s="446">
        <f>IF(K1&lt;3,K1+12-2,K1-2)</f>
        <v>8</v>
      </c>
      <c r="M1" s="446"/>
    </row>
    <row r="2" spans="2:156" ht="24" customHeight="1" thickBot="1" x14ac:dyDescent="0.25">
      <c r="B2" s="142" t="s">
        <v>151</v>
      </c>
      <c r="G2" s="17"/>
      <c r="H2" s="18"/>
      <c r="J2" s="176"/>
      <c r="K2" s="176"/>
    </row>
    <row r="3" spans="2:156" ht="21" customHeight="1" thickBot="1" x14ac:dyDescent="0.25">
      <c r="B3" s="467"/>
      <c r="C3" s="464" t="s">
        <v>70</v>
      </c>
      <c r="D3" s="465"/>
      <c r="E3" s="465"/>
      <c r="F3" s="465"/>
      <c r="G3" s="465"/>
      <c r="H3" s="465"/>
      <c r="I3" s="465"/>
      <c r="J3" s="465"/>
      <c r="K3" s="465"/>
      <c r="L3" s="465"/>
      <c r="M3" s="466"/>
      <c r="N3" s="464" t="s">
        <v>71</v>
      </c>
      <c r="O3" s="465"/>
      <c r="P3" s="465"/>
      <c r="Q3" s="465"/>
      <c r="R3" s="465"/>
      <c r="S3" s="465"/>
      <c r="T3" s="465"/>
      <c r="U3" s="465"/>
      <c r="V3" s="465"/>
      <c r="W3" s="465"/>
      <c r="X3" s="466"/>
      <c r="Y3" s="464" t="s">
        <v>72</v>
      </c>
      <c r="Z3" s="465"/>
      <c r="AA3" s="465"/>
      <c r="AB3" s="465"/>
      <c r="AC3" s="465"/>
      <c r="AD3" s="465"/>
      <c r="AE3" s="465"/>
      <c r="AF3" s="465"/>
      <c r="AG3" s="465"/>
      <c r="AH3" s="465"/>
      <c r="AI3" s="466"/>
      <c r="AJ3" s="464" t="s">
        <v>73</v>
      </c>
      <c r="AK3" s="465"/>
      <c r="AL3" s="465"/>
      <c r="AM3" s="465"/>
      <c r="AN3" s="465"/>
      <c r="AO3" s="465"/>
      <c r="AP3" s="465"/>
      <c r="AQ3" s="465"/>
      <c r="AR3" s="465"/>
      <c r="AS3" s="465"/>
      <c r="AT3" s="466"/>
      <c r="AU3" s="464" t="s">
        <v>74</v>
      </c>
      <c r="AV3" s="465"/>
      <c r="AW3" s="465"/>
      <c r="AX3" s="465"/>
      <c r="AY3" s="465"/>
      <c r="AZ3" s="465"/>
      <c r="BA3" s="465"/>
      <c r="BB3" s="465"/>
      <c r="BC3" s="465"/>
      <c r="BD3" s="465"/>
      <c r="BE3" s="466"/>
      <c r="BF3" s="464" t="s">
        <v>75</v>
      </c>
      <c r="BG3" s="465"/>
      <c r="BH3" s="465"/>
      <c r="BI3" s="465"/>
      <c r="BJ3" s="465"/>
      <c r="BK3" s="465"/>
      <c r="BL3" s="465"/>
      <c r="BM3" s="465"/>
      <c r="BN3" s="465"/>
      <c r="BO3" s="465"/>
      <c r="BP3" s="466"/>
      <c r="BQ3" s="464" t="s">
        <v>76</v>
      </c>
      <c r="BR3" s="465"/>
      <c r="BS3" s="465"/>
      <c r="BT3" s="465"/>
      <c r="BU3" s="465"/>
      <c r="BV3" s="465"/>
      <c r="BW3" s="465"/>
      <c r="BX3" s="465"/>
      <c r="BY3" s="465"/>
      <c r="BZ3" s="465"/>
      <c r="CA3" s="466"/>
      <c r="CB3" s="464" t="s">
        <v>77</v>
      </c>
      <c r="CC3" s="465"/>
      <c r="CD3" s="465"/>
      <c r="CE3" s="465"/>
      <c r="CF3" s="465"/>
      <c r="CG3" s="465"/>
      <c r="CH3" s="465"/>
      <c r="CI3" s="465"/>
      <c r="CJ3" s="465"/>
      <c r="CK3" s="465"/>
      <c r="CL3" s="466"/>
      <c r="CM3" s="464" t="s">
        <v>78</v>
      </c>
      <c r="CN3" s="465"/>
      <c r="CO3" s="465"/>
      <c r="CP3" s="465"/>
      <c r="CQ3" s="465"/>
      <c r="CR3" s="465"/>
      <c r="CS3" s="465"/>
      <c r="CT3" s="465"/>
      <c r="CU3" s="465"/>
      <c r="CV3" s="465"/>
      <c r="CW3" s="466"/>
      <c r="CX3" s="464" t="s">
        <v>79</v>
      </c>
      <c r="CY3" s="465"/>
      <c r="CZ3" s="465"/>
      <c r="DA3" s="465"/>
      <c r="DB3" s="465"/>
      <c r="DC3" s="465"/>
      <c r="DD3" s="465"/>
      <c r="DE3" s="465"/>
      <c r="DF3" s="465"/>
      <c r="DG3" s="465"/>
      <c r="DH3" s="466"/>
      <c r="DI3" s="464" t="s">
        <v>149</v>
      </c>
      <c r="DJ3" s="465"/>
      <c r="DK3" s="465"/>
      <c r="DL3" s="465"/>
      <c r="DM3" s="465"/>
      <c r="DN3" s="465"/>
      <c r="DO3" s="465"/>
      <c r="DP3" s="465"/>
      <c r="DQ3" s="465"/>
      <c r="DR3" s="465"/>
      <c r="DS3" s="466"/>
      <c r="DT3" s="464" t="s">
        <v>80</v>
      </c>
      <c r="DU3" s="465"/>
      <c r="DV3" s="465"/>
      <c r="DW3" s="465"/>
      <c r="DX3" s="465"/>
      <c r="DY3" s="465"/>
      <c r="DZ3" s="465"/>
      <c r="EA3" s="465"/>
      <c r="EB3" s="465"/>
      <c r="EC3" s="465"/>
      <c r="ED3" s="466"/>
      <c r="EE3" s="464" t="s">
        <v>68</v>
      </c>
      <c r="EF3" s="465"/>
      <c r="EG3" s="465"/>
      <c r="EH3" s="465"/>
      <c r="EI3" s="465"/>
      <c r="EJ3" s="465"/>
      <c r="EK3" s="465"/>
      <c r="EL3" s="465"/>
      <c r="EM3" s="465"/>
      <c r="EN3" s="465"/>
      <c r="EO3" s="466"/>
      <c r="EP3" s="477" t="s">
        <v>69</v>
      </c>
      <c r="EQ3" s="478"/>
      <c r="ER3" s="478"/>
      <c r="ES3" s="478"/>
      <c r="ET3" s="478"/>
      <c r="EU3" s="478"/>
      <c r="EV3" s="478"/>
      <c r="EW3" s="478"/>
      <c r="EX3" s="478"/>
      <c r="EY3" s="478"/>
      <c r="EZ3" s="479"/>
    </row>
    <row r="4" spans="2:156" ht="21" customHeight="1" x14ac:dyDescent="0.2">
      <c r="B4" s="468"/>
      <c r="C4" s="472" t="s">
        <v>61</v>
      </c>
      <c r="D4" s="473"/>
      <c r="E4" s="474"/>
      <c r="F4" s="475" t="s">
        <v>62</v>
      </c>
      <c r="G4" s="473"/>
      <c r="H4" s="473"/>
      <c r="I4" s="473"/>
      <c r="J4" s="473"/>
      <c r="K4" s="473"/>
      <c r="L4" s="476"/>
      <c r="M4" s="470" t="s">
        <v>52</v>
      </c>
      <c r="N4" s="472" t="s">
        <v>61</v>
      </c>
      <c r="O4" s="473"/>
      <c r="P4" s="474"/>
      <c r="Q4" s="475" t="s">
        <v>62</v>
      </c>
      <c r="R4" s="473"/>
      <c r="S4" s="473"/>
      <c r="T4" s="473"/>
      <c r="U4" s="473"/>
      <c r="V4" s="473"/>
      <c r="W4" s="474"/>
      <c r="X4" s="470" t="s">
        <v>52</v>
      </c>
      <c r="Y4" s="472" t="s">
        <v>61</v>
      </c>
      <c r="Z4" s="473"/>
      <c r="AA4" s="474"/>
      <c r="AB4" s="475" t="s">
        <v>62</v>
      </c>
      <c r="AC4" s="473"/>
      <c r="AD4" s="473"/>
      <c r="AE4" s="473"/>
      <c r="AF4" s="473"/>
      <c r="AG4" s="473"/>
      <c r="AH4" s="474"/>
      <c r="AI4" s="470" t="s">
        <v>52</v>
      </c>
      <c r="AJ4" s="472" t="s">
        <v>61</v>
      </c>
      <c r="AK4" s="473"/>
      <c r="AL4" s="474"/>
      <c r="AM4" s="475" t="s">
        <v>62</v>
      </c>
      <c r="AN4" s="473"/>
      <c r="AO4" s="473"/>
      <c r="AP4" s="473"/>
      <c r="AQ4" s="473"/>
      <c r="AR4" s="473"/>
      <c r="AS4" s="474"/>
      <c r="AT4" s="470" t="s">
        <v>52</v>
      </c>
      <c r="AU4" s="472" t="s">
        <v>61</v>
      </c>
      <c r="AV4" s="473"/>
      <c r="AW4" s="474"/>
      <c r="AX4" s="475" t="s">
        <v>62</v>
      </c>
      <c r="AY4" s="473"/>
      <c r="AZ4" s="473"/>
      <c r="BA4" s="473"/>
      <c r="BB4" s="473"/>
      <c r="BC4" s="473"/>
      <c r="BD4" s="476"/>
      <c r="BE4" s="470" t="s">
        <v>52</v>
      </c>
      <c r="BF4" s="472" t="s">
        <v>61</v>
      </c>
      <c r="BG4" s="473"/>
      <c r="BH4" s="474"/>
      <c r="BI4" s="475" t="s">
        <v>62</v>
      </c>
      <c r="BJ4" s="473"/>
      <c r="BK4" s="473"/>
      <c r="BL4" s="473"/>
      <c r="BM4" s="473"/>
      <c r="BN4" s="473"/>
      <c r="BO4" s="474"/>
      <c r="BP4" s="470" t="s">
        <v>52</v>
      </c>
      <c r="BQ4" s="472" t="s">
        <v>61</v>
      </c>
      <c r="BR4" s="473"/>
      <c r="BS4" s="474"/>
      <c r="BT4" s="475" t="s">
        <v>62</v>
      </c>
      <c r="BU4" s="473"/>
      <c r="BV4" s="473"/>
      <c r="BW4" s="473"/>
      <c r="BX4" s="473"/>
      <c r="BY4" s="473"/>
      <c r="BZ4" s="474"/>
      <c r="CA4" s="470" t="s">
        <v>52</v>
      </c>
      <c r="CB4" s="472" t="s">
        <v>61</v>
      </c>
      <c r="CC4" s="473"/>
      <c r="CD4" s="474"/>
      <c r="CE4" s="475" t="s">
        <v>62</v>
      </c>
      <c r="CF4" s="473"/>
      <c r="CG4" s="473"/>
      <c r="CH4" s="473"/>
      <c r="CI4" s="473"/>
      <c r="CJ4" s="473"/>
      <c r="CK4" s="474"/>
      <c r="CL4" s="470" t="s">
        <v>52</v>
      </c>
      <c r="CM4" s="472" t="s">
        <v>61</v>
      </c>
      <c r="CN4" s="473"/>
      <c r="CO4" s="474"/>
      <c r="CP4" s="475" t="s">
        <v>62</v>
      </c>
      <c r="CQ4" s="473"/>
      <c r="CR4" s="473"/>
      <c r="CS4" s="473"/>
      <c r="CT4" s="473"/>
      <c r="CU4" s="473"/>
      <c r="CV4" s="474"/>
      <c r="CW4" s="470" t="s">
        <v>52</v>
      </c>
      <c r="CX4" s="472" t="s">
        <v>61</v>
      </c>
      <c r="CY4" s="473"/>
      <c r="CZ4" s="474"/>
      <c r="DA4" s="475" t="s">
        <v>62</v>
      </c>
      <c r="DB4" s="473"/>
      <c r="DC4" s="473"/>
      <c r="DD4" s="473"/>
      <c r="DE4" s="473"/>
      <c r="DF4" s="473"/>
      <c r="DG4" s="474"/>
      <c r="DH4" s="470" t="s">
        <v>52</v>
      </c>
      <c r="DI4" s="472" t="s">
        <v>61</v>
      </c>
      <c r="DJ4" s="473"/>
      <c r="DK4" s="474"/>
      <c r="DL4" s="475" t="s">
        <v>62</v>
      </c>
      <c r="DM4" s="473"/>
      <c r="DN4" s="473"/>
      <c r="DO4" s="473"/>
      <c r="DP4" s="473"/>
      <c r="DQ4" s="473"/>
      <c r="DR4" s="474"/>
      <c r="DS4" s="470" t="s">
        <v>52</v>
      </c>
      <c r="DT4" s="472" t="s">
        <v>61</v>
      </c>
      <c r="DU4" s="473"/>
      <c r="DV4" s="474"/>
      <c r="DW4" s="475" t="s">
        <v>62</v>
      </c>
      <c r="DX4" s="473"/>
      <c r="DY4" s="473"/>
      <c r="DZ4" s="473"/>
      <c r="EA4" s="473"/>
      <c r="EB4" s="473"/>
      <c r="EC4" s="474"/>
      <c r="ED4" s="470" t="s">
        <v>52</v>
      </c>
      <c r="EE4" s="472" t="s">
        <v>61</v>
      </c>
      <c r="EF4" s="473"/>
      <c r="EG4" s="474"/>
      <c r="EH4" s="475" t="s">
        <v>62</v>
      </c>
      <c r="EI4" s="473"/>
      <c r="EJ4" s="473"/>
      <c r="EK4" s="473"/>
      <c r="EL4" s="473"/>
      <c r="EM4" s="473"/>
      <c r="EN4" s="474"/>
      <c r="EO4" s="470" t="s">
        <v>52</v>
      </c>
      <c r="EP4" s="472" t="s">
        <v>61</v>
      </c>
      <c r="EQ4" s="473"/>
      <c r="ER4" s="474"/>
      <c r="ES4" s="475" t="s">
        <v>62</v>
      </c>
      <c r="ET4" s="473"/>
      <c r="EU4" s="473"/>
      <c r="EV4" s="473"/>
      <c r="EW4" s="473"/>
      <c r="EX4" s="473"/>
      <c r="EY4" s="474"/>
      <c r="EZ4" s="470" t="s">
        <v>52</v>
      </c>
    </row>
    <row r="5" spans="2:156" ht="30" customHeight="1" thickBot="1" x14ac:dyDescent="0.25">
      <c r="B5" s="469"/>
      <c r="C5" s="177" t="s">
        <v>43</v>
      </c>
      <c r="D5" s="178" t="s">
        <v>159</v>
      </c>
      <c r="E5" s="179" t="s">
        <v>45</v>
      </c>
      <c r="F5" s="180" t="s">
        <v>83</v>
      </c>
      <c r="G5" s="178" t="s">
        <v>47</v>
      </c>
      <c r="H5" s="178" t="s">
        <v>48</v>
      </c>
      <c r="I5" s="178" t="s">
        <v>49</v>
      </c>
      <c r="J5" s="178" t="s">
        <v>50</v>
      </c>
      <c r="K5" s="178" t="s">
        <v>51</v>
      </c>
      <c r="L5" s="181" t="s">
        <v>45</v>
      </c>
      <c r="M5" s="471"/>
      <c r="N5" s="177" t="s">
        <v>43</v>
      </c>
      <c r="O5" s="178" t="s">
        <v>44</v>
      </c>
      <c r="P5" s="182" t="s">
        <v>45</v>
      </c>
      <c r="Q5" s="180" t="s">
        <v>83</v>
      </c>
      <c r="R5" s="178" t="s">
        <v>47</v>
      </c>
      <c r="S5" s="178" t="s">
        <v>48</v>
      </c>
      <c r="T5" s="178" t="s">
        <v>49</v>
      </c>
      <c r="U5" s="178" t="s">
        <v>50</v>
      </c>
      <c r="V5" s="178" t="s">
        <v>51</v>
      </c>
      <c r="W5" s="182" t="s">
        <v>45</v>
      </c>
      <c r="X5" s="471"/>
      <c r="Y5" s="177" t="s">
        <v>43</v>
      </c>
      <c r="Z5" s="178" t="s">
        <v>44</v>
      </c>
      <c r="AA5" s="182" t="s">
        <v>45</v>
      </c>
      <c r="AB5" s="180" t="s">
        <v>83</v>
      </c>
      <c r="AC5" s="178" t="s">
        <v>47</v>
      </c>
      <c r="AD5" s="178" t="s">
        <v>48</v>
      </c>
      <c r="AE5" s="178" t="s">
        <v>49</v>
      </c>
      <c r="AF5" s="178" t="s">
        <v>50</v>
      </c>
      <c r="AG5" s="178" t="s">
        <v>51</v>
      </c>
      <c r="AH5" s="182" t="s">
        <v>45</v>
      </c>
      <c r="AI5" s="471"/>
      <c r="AJ5" s="177" t="s">
        <v>43</v>
      </c>
      <c r="AK5" s="178" t="s">
        <v>44</v>
      </c>
      <c r="AL5" s="182" t="s">
        <v>45</v>
      </c>
      <c r="AM5" s="180" t="s">
        <v>83</v>
      </c>
      <c r="AN5" s="178" t="s">
        <v>47</v>
      </c>
      <c r="AO5" s="178" t="s">
        <v>48</v>
      </c>
      <c r="AP5" s="178" t="s">
        <v>49</v>
      </c>
      <c r="AQ5" s="178" t="s">
        <v>50</v>
      </c>
      <c r="AR5" s="178" t="s">
        <v>51</v>
      </c>
      <c r="AS5" s="182" t="s">
        <v>45</v>
      </c>
      <c r="AT5" s="471"/>
      <c r="AU5" s="177" t="s">
        <v>43</v>
      </c>
      <c r="AV5" s="178" t="s">
        <v>44</v>
      </c>
      <c r="AW5" s="182" t="s">
        <v>45</v>
      </c>
      <c r="AX5" s="180" t="s">
        <v>83</v>
      </c>
      <c r="AY5" s="178" t="s">
        <v>47</v>
      </c>
      <c r="AZ5" s="178" t="s">
        <v>48</v>
      </c>
      <c r="BA5" s="178" t="s">
        <v>49</v>
      </c>
      <c r="BB5" s="178" t="s">
        <v>50</v>
      </c>
      <c r="BC5" s="178" t="s">
        <v>51</v>
      </c>
      <c r="BD5" s="181" t="s">
        <v>45</v>
      </c>
      <c r="BE5" s="471"/>
      <c r="BF5" s="177" t="s">
        <v>43</v>
      </c>
      <c r="BG5" s="178" t="s">
        <v>44</v>
      </c>
      <c r="BH5" s="182" t="s">
        <v>45</v>
      </c>
      <c r="BI5" s="180" t="s">
        <v>83</v>
      </c>
      <c r="BJ5" s="178" t="s">
        <v>47</v>
      </c>
      <c r="BK5" s="178" t="s">
        <v>48</v>
      </c>
      <c r="BL5" s="178" t="s">
        <v>49</v>
      </c>
      <c r="BM5" s="178" t="s">
        <v>50</v>
      </c>
      <c r="BN5" s="178" t="s">
        <v>51</v>
      </c>
      <c r="BO5" s="182" t="s">
        <v>45</v>
      </c>
      <c r="BP5" s="471"/>
      <c r="BQ5" s="177" t="s">
        <v>43</v>
      </c>
      <c r="BR5" s="178" t="s">
        <v>44</v>
      </c>
      <c r="BS5" s="182" t="s">
        <v>45</v>
      </c>
      <c r="BT5" s="180" t="s">
        <v>83</v>
      </c>
      <c r="BU5" s="178" t="s">
        <v>47</v>
      </c>
      <c r="BV5" s="178" t="s">
        <v>48</v>
      </c>
      <c r="BW5" s="178" t="s">
        <v>49</v>
      </c>
      <c r="BX5" s="178" t="s">
        <v>50</v>
      </c>
      <c r="BY5" s="178" t="s">
        <v>51</v>
      </c>
      <c r="BZ5" s="182" t="s">
        <v>45</v>
      </c>
      <c r="CA5" s="471"/>
      <c r="CB5" s="177" t="s">
        <v>43</v>
      </c>
      <c r="CC5" s="178" t="s">
        <v>44</v>
      </c>
      <c r="CD5" s="182" t="s">
        <v>45</v>
      </c>
      <c r="CE5" s="180" t="s">
        <v>83</v>
      </c>
      <c r="CF5" s="178" t="s">
        <v>47</v>
      </c>
      <c r="CG5" s="178" t="s">
        <v>48</v>
      </c>
      <c r="CH5" s="178" t="s">
        <v>49</v>
      </c>
      <c r="CI5" s="178" t="s">
        <v>50</v>
      </c>
      <c r="CJ5" s="178" t="s">
        <v>51</v>
      </c>
      <c r="CK5" s="182" t="s">
        <v>45</v>
      </c>
      <c r="CL5" s="471"/>
      <c r="CM5" s="177" t="s">
        <v>43</v>
      </c>
      <c r="CN5" s="178" t="s">
        <v>44</v>
      </c>
      <c r="CO5" s="182" t="s">
        <v>45</v>
      </c>
      <c r="CP5" s="180" t="s">
        <v>83</v>
      </c>
      <c r="CQ5" s="178" t="s">
        <v>47</v>
      </c>
      <c r="CR5" s="178" t="s">
        <v>48</v>
      </c>
      <c r="CS5" s="178" t="s">
        <v>49</v>
      </c>
      <c r="CT5" s="178" t="s">
        <v>50</v>
      </c>
      <c r="CU5" s="178" t="s">
        <v>51</v>
      </c>
      <c r="CV5" s="182" t="s">
        <v>45</v>
      </c>
      <c r="CW5" s="471"/>
      <c r="CX5" s="177" t="s">
        <v>43</v>
      </c>
      <c r="CY5" s="178" t="s">
        <v>44</v>
      </c>
      <c r="CZ5" s="182" t="s">
        <v>45</v>
      </c>
      <c r="DA5" s="180" t="s">
        <v>83</v>
      </c>
      <c r="DB5" s="178" t="s">
        <v>47</v>
      </c>
      <c r="DC5" s="178" t="s">
        <v>48</v>
      </c>
      <c r="DD5" s="178" t="s">
        <v>49</v>
      </c>
      <c r="DE5" s="178" t="s">
        <v>50</v>
      </c>
      <c r="DF5" s="178" t="s">
        <v>51</v>
      </c>
      <c r="DG5" s="182" t="s">
        <v>45</v>
      </c>
      <c r="DH5" s="471"/>
      <c r="DI5" s="177" t="s">
        <v>43</v>
      </c>
      <c r="DJ5" s="178" t="s">
        <v>44</v>
      </c>
      <c r="DK5" s="182" t="s">
        <v>45</v>
      </c>
      <c r="DL5" s="180" t="s">
        <v>83</v>
      </c>
      <c r="DM5" s="178" t="s">
        <v>47</v>
      </c>
      <c r="DN5" s="178" t="s">
        <v>48</v>
      </c>
      <c r="DO5" s="178" t="s">
        <v>49</v>
      </c>
      <c r="DP5" s="178" t="s">
        <v>50</v>
      </c>
      <c r="DQ5" s="178" t="s">
        <v>51</v>
      </c>
      <c r="DR5" s="182" t="s">
        <v>45</v>
      </c>
      <c r="DS5" s="471"/>
      <c r="DT5" s="177" t="s">
        <v>43</v>
      </c>
      <c r="DU5" s="178" t="s">
        <v>44</v>
      </c>
      <c r="DV5" s="182" t="s">
        <v>45</v>
      </c>
      <c r="DW5" s="180" t="s">
        <v>83</v>
      </c>
      <c r="DX5" s="178" t="s">
        <v>47</v>
      </c>
      <c r="DY5" s="178" t="s">
        <v>48</v>
      </c>
      <c r="DZ5" s="178" t="s">
        <v>49</v>
      </c>
      <c r="EA5" s="178" t="s">
        <v>50</v>
      </c>
      <c r="EB5" s="178" t="s">
        <v>51</v>
      </c>
      <c r="EC5" s="182" t="s">
        <v>45</v>
      </c>
      <c r="ED5" s="471"/>
      <c r="EE5" s="177" t="s">
        <v>43</v>
      </c>
      <c r="EF5" s="178" t="s">
        <v>44</v>
      </c>
      <c r="EG5" s="182" t="s">
        <v>45</v>
      </c>
      <c r="EH5" s="180" t="s">
        <v>83</v>
      </c>
      <c r="EI5" s="178" t="s">
        <v>47</v>
      </c>
      <c r="EJ5" s="178" t="s">
        <v>48</v>
      </c>
      <c r="EK5" s="178" t="s">
        <v>49</v>
      </c>
      <c r="EL5" s="178" t="s">
        <v>50</v>
      </c>
      <c r="EM5" s="178" t="s">
        <v>51</v>
      </c>
      <c r="EN5" s="182" t="s">
        <v>45</v>
      </c>
      <c r="EO5" s="471"/>
      <c r="EP5" s="177" t="s">
        <v>43</v>
      </c>
      <c r="EQ5" s="178" t="s">
        <v>44</v>
      </c>
      <c r="ER5" s="182" t="s">
        <v>45</v>
      </c>
      <c r="ES5" s="180" t="s">
        <v>83</v>
      </c>
      <c r="ET5" s="178" t="s">
        <v>47</v>
      </c>
      <c r="EU5" s="178" t="s">
        <v>48</v>
      </c>
      <c r="EV5" s="178" t="s">
        <v>49</v>
      </c>
      <c r="EW5" s="178" t="s">
        <v>50</v>
      </c>
      <c r="EX5" s="178" t="s">
        <v>51</v>
      </c>
      <c r="EY5" s="182" t="s">
        <v>45</v>
      </c>
      <c r="EZ5" s="471"/>
    </row>
    <row r="6" spans="2:156" ht="21" customHeight="1" x14ac:dyDescent="0.2">
      <c r="B6" s="84" t="s">
        <v>4</v>
      </c>
      <c r="C6" s="183">
        <v>0</v>
      </c>
      <c r="D6" s="184">
        <v>0</v>
      </c>
      <c r="E6" s="185">
        <v>0</v>
      </c>
      <c r="F6" s="186">
        <v>0</v>
      </c>
      <c r="G6" s="184">
        <v>1118</v>
      </c>
      <c r="H6" s="184">
        <v>1353</v>
      </c>
      <c r="I6" s="184">
        <v>711</v>
      </c>
      <c r="J6" s="184">
        <v>552</v>
      </c>
      <c r="K6" s="184">
        <v>456</v>
      </c>
      <c r="L6" s="187">
        <v>4190</v>
      </c>
      <c r="M6" s="188">
        <v>4190</v>
      </c>
      <c r="N6" s="183">
        <v>0</v>
      </c>
      <c r="O6" s="184">
        <v>2</v>
      </c>
      <c r="P6" s="189">
        <v>2</v>
      </c>
      <c r="Q6" s="186">
        <v>0</v>
      </c>
      <c r="R6" s="184">
        <v>11</v>
      </c>
      <c r="S6" s="184">
        <v>24</v>
      </c>
      <c r="T6" s="184">
        <v>57</v>
      </c>
      <c r="U6" s="184">
        <v>138</v>
      </c>
      <c r="V6" s="184">
        <v>205</v>
      </c>
      <c r="W6" s="189">
        <v>435</v>
      </c>
      <c r="X6" s="188">
        <v>437</v>
      </c>
      <c r="Y6" s="183">
        <v>251</v>
      </c>
      <c r="Z6" s="184">
        <v>534</v>
      </c>
      <c r="AA6" s="189">
        <v>785</v>
      </c>
      <c r="AB6" s="186">
        <v>0</v>
      </c>
      <c r="AC6" s="184">
        <v>1000</v>
      </c>
      <c r="AD6" s="184">
        <v>1367</v>
      </c>
      <c r="AE6" s="184">
        <v>768</v>
      </c>
      <c r="AF6" s="184">
        <v>612</v>
      </c>
      <c r="AG6" s="184">
        <v>384</v>
      </c>
      <c r="AH6" s="189">
        <v>4131</v>
      </c>
      <c r="AI6" s="188">
        <v>4916</v>
      </c>
      <c r="AJ6" s="183">
        <v>26</v>
      </c>
      <c r="AK6" s="184">
        <v>71</v>
      </c>
      <c r="AL6" s="189">
        <v>97</v>
      </c>
      <c r="AM6" s="186">
        <v>0</v>
      </c>
      <c r="AN6" s="184">
        <v>88</v>
      </c>
      <c r="AO6" s="184">
        <v>146</v>
      </c>
      <c r="AP6" s="184">
        <v>73</v>
      </c>
      <c r="AQ6" s="184">
        <v>84</v>
      </c>
      <c r="AR6" s="184">
        <v>51</v>
      </c>
      <c r="AS6" s="189">
        <v>442</v>
      </c>
      <c r="AT6" s="188">
        <v>539</v>
      </c>
      <c r="AU6" s="183">
        <v>336</v>
      </c>
      <c r="AV6" s="184">
        <v>384</v>
      </c>
      <c r="AW6" s="189">
        <v>720</v>
      </c>
      <c r="AX6" s="186">
        <v>0</v>
      </c>
      <c r="AY6" s="184">
        <v>1430</v>
      </c>
      <c r="AZ6" s="184">
        <v>1815</v>
      </c>
      <c r="BA6" s="184">
        <v>1468</v>
      </c>
      <c r="BB6" s="184">
        <v>1452</v>
      </c>
      <c r="BC6" s="184">
        <v>1078</v>
      </c>
      <c r="BD6" s="187">
        <v>7243</v>
      </c>
      <c r="BE6" s="188">
        <v>7963</v>
      </c>
      <c r="BF6" s="183">
        <v>1</v>
      </c>
      <c r="BG6" s="184">
        <v>0</v>
      </c>
      <c r="BH6" s="189">
        <v>1</v>
      </c>
      <c r="BI6" s="186">
        <v>0</v>
      </c>
      <c r="BJ6" s="184">
        <v>1362</v>
      </c>
      <c r="BK6" s="184">
        <v>1216</v>
      </c>
      <c r="BL6" s="184">
        <v>577</v>
      </c>
      <c r="BM6" s="184">
        <v>311</v>
      </c>
      <c r="BN6" s="184">
        <v>147</v>
      </c>
      <c r="BO6" s="189">
        <v>3613</v>
      </c>
      <c r="BP6" s="188">
        <v>3614</v>
      </c>
      <c r="BQ6" s="183">
        <v>117</v>
      </c>
      <c r="BR6" s="184">
        <v>178</v>
      </c>
      <c r="BS6" s="189">
        <v>295</v>
      </c>
      <c r="BT6" s="186">
        <v>0</v>
      </c>
      <c r="BU6" s="184">
        <v>353</v>
      </c>
      <c r="BV6" s="184">
        <v>459</v>
      </c>
      <c r="BW6" s="184">
        <v>296</v>
      </c>
      <c r="BX6" s="184">
        <v>160</v>
      </c>
      <c r="BY6" s="184">
        <v>48</v>
      </c>
      <c r="BZ6" s="189">
        <v>1316</v>
      </c>
      <c r="CA6" s="188">
        <v>1611</v>
      </c>
      <c r="CB6" s="183">
        <v>7</v>
      </c>
      <c r="CC6" s="184">
        <v>16</v>
      </c>
      <c r="CD6" s="189">
        <v>23</v>
      </c>
      <c r="CE6" s="186">
        <v>0</v>
      </c>
      <c r="CF6" s="184">
        <v>145</v>
      </c>
      <c r="CG6" s="184">
        <v>256</v>
      </c>
      <c r="CH6" s="184">
        <v>236</v>
      </c>
      <c r="CI6" s="184">
        <v>168</v>
      </c>
      <c r="CJ6" s="184">
        <v>88</v>
      </c>
      <c r="CK6" s="189">
        <v>893</v>
      </c>
      <c r="CL6" s="188">
        <v>916</v>
      </c>
      <c r="CM6" s="183">
        <v>1</v>
      </c>
      <c r="CN6" s="184">
        <v>0</v>
      </c>
      <c r="CO6" s="189">
        <v>1</v>
      </c>
      <c r="CP6" s="186">
        <v>0</v>
      </c>
      <c r="CQ6" s="184">
        <v>23</v>
      </c>
      <c r="CR6" s="184">
        <v>48</v>
      </c>
      <c r="CS6" s="184">
        <v>43</v>
      </c>
      <c r="CT6" s="184">
        <v>34</v>
      </c>
      <c r="CU6" s="184">
        <v>20</v>
      </c>
      <c r="CV6" s="189">
        <v>168</v>
      </c>
      <c r="CW6" s="188">
        <v>169</v>
      </c>
      <c r="CX6" s="183">
        <v>0</v>
      </c>
      <c r="CY6" s="184">
        <v>0</v>
      </c>
      <c r="CZ6" s="189">
        <v>0</v>
      </c>
      <c r="DA6" s="186">
        <v>0</v>
      </c>
      <c r="DB6" s="184">
        <v>0</v>
      </c>
      <c r="DC6" s="184">
        <v>0</v>
      </c>
      <c r="DD6" s="184">
        <v>0</v>
      </c>
      <c r="DE6" s="184">
        <v>0</v>
      </c>
      <c r="DF6" s="184">
        <v>0</v>
      </c>
      <c r="DG6" s="189">
        <v>0</v>
      </c>
      <c r="DH6" s="188">
        <v>0</v>
      </c>
      <c r="DI6" s="183">
        <v>0</v>
      </c>
      <c r="DJ6" s="184">
        <v>0</v>
      </c>
      <c r="DK6" s="189">
        <v>0</v>
      </c>
      <c r="DL6" s="186">
        <v>0</v>
      </c>
      <c r="DM6" s="184">
        <v>1</v>
      </c>
      <c r="DN6" s="184">
        <v>0</v>
      </c>
      <c r="DO6" s="184">
        <v>0</v>
      </c>
      <c r="DP6" s="184">
        <v>0</v>
      </c>
      <c r="DQ6" s="184">
        <v>0</v>
      </c>
      <c r="DR6" s="189">
        <v>1</v>
      </c>
      <c r="DS6" s="188">
        <v>1</v>
      </c>
      <c r="DT6" s="183">
        <v>633</v>
      </c>
      <c r="DU6" s="184">
        <v>1410</v>
      </c>
      <c r="DV6" s="189">
        <v>2043</v>
      </c>
      <c r="DW6" s="186">
        <v>0</v>
      </c>
      <c r="DX6" s="184">
        <v>1642</v>
      </c>
      <c r="DY6" s="184">
        <v>2888</v>
      </c>
      <c r="DZ6" s="184">
        <v>1637</v>
      </c>
      <c r="EA6" s="184">
        <v>1179</v>
      </c>
      <c r="EB6" s="184">
        <v>741</v>
      </c>
      <c r="EC6" s="189">
        <v>8087</v>
      </c>
      <c r="ED6" s="188">
        <v>10130</v>
      </c>
      <c r="EE6" s="183">
        <v>235</v>
      </c>
      <c r="EF6" s="184">
        <v>179</v>
      </c>
      <c r="EG6" s="189">
        <v>414</v>
      </c>
      <c r="EH6" s="186">
        <v>0</v>
      </c>
      <c r="EI6" s="184">
        <v>680</v>
      </c>
      <c r="EJ6" s="184">
        <v>689</v>
      </c>
      <c r="EK6" s="184">
        <v>591</v>
      </c>
      <c r="EL6" s="184">
        <v>628</v>
      </c>
      <c r="EM6" s="184">
        <v>418</v>
      </c>
      <c r="EN6" s="189">
        <v>3006</v>
      </c>
      <c r="EO6" s="188">
        <v>3420</v>
      </c>
      <c r="EP6" s="183">
        <v>988</v>
      </c>
      <c r="EQ6" s="184">
        <v>1892</v>
      </c>
      <c r="ER6" s="189">
        <v>2880</v>
      </c>
      <c r="ES6" s="186">
        <v>0</v>
      </c>
      <c r="ET6" s="184">
        <v>3915</v>
      </c>
      <c r="EU6" s="184">
        <v>4178</v>
      </c>
      <c r="EV6" s="184">
        <v>2013</v>
      </c>
      <c r="EW6" s="184">
        <v>1351</v>
      </c>
      <c r="EX6" s="184">
        <v>792</v>
      </c>
      <c r="EY6" s="189">
        <v>12249</v>
      </c>
      <c r="EZ6" s="188">
        <v>15129</v>
      </c>
    </row>
    <row r="7" spans="2:156" ht="21" customHeight="1" x14ac:dyDescent="0.2">
      <c r="B7" s="95" t="s">
        <v>5</v>
      </c>
      <c r="C7" s="190">
        <v>0</v>
      </c>
      <c r="D7" s="191">
        <v>0</v>
      </c>
      <c r="E7" s="192">
        <v>0</v>
      </c>
      <c r="F7" s="193">
        <v>0</v>
      </c>
      <c r="G7" s="191">
        <v>440</v>
      </c>
      <c r="H7" s="191">
        <v>665</v>
      </c>
      <c r="I7" s="191">
        <v>325</v>
      </c>
      <c r="J7" s="191">
        <v>243</v>
      </c>
      <c r="K7" s="191">
        <v>201</v>
      </c>
      <c r="L7" s="194">
        <v>1874</v>
      </c>
      <c r="M7" s="195">
        <v>1874</v>
      </c>
      <c r="N7" s="190">
        <v>0</v>
      </c>
      <c r="O7" s="191">
        <v>2</v>
      </c>
      <c r="P7" s="196">
        <v>2</v>
      </c>
      <c r="Q7" s="193">
        <v>0</v>
      </c>
      <c r="R7" s="191">
        <v>5</v>
      </c>
      <c r="S7" s="191">
        <v>13</v>
      </c>
      <c r="T7" s="191">
        <v>20</v>
      </c>
      <c r="U7" s="191">
        <v>51</v>
      </c>
      <c r="V7" s="191">
        <v>110</v>
      </c>
      <c r="W7" s="196">
        <v>199</v>
      </c>
      <c r="X7" s="195">
        <v>201</v>
      </c>
      <c r="Y7" s="190">
        <v>114</v>
      </c>
      <c r="Z7" s="191">
        <v>292</v>
      </c>
      <c r="AA7" s="196">
        <v>406</v>
      </c>
      <c r="AB7" s="193">
        <v>0</v>
      </c>
      <c r="AC7" s="191">
        <v>371</v>
      </c>
      <c r="AD7" s="191">
        <v>723</v>
      </c>
      <c r="AE7" s="191">
        <v>371</v>
      </c>
      <c r="AF7" s="191">
        <v>267</v>
      </c>
      <c r="AG7" s="191">
        <v>171</v>
      </c>
      <c r="AH7" s="196">
        <v>1903</v>
      </c>
      <c r="AI7" s="195">
        <v>2309</v>
      </c>
      <c r="AJ7" s="190">
        <v>12</v>
      </c>
      <c r="AK7" s="191">
        <v>44</v>
      </c>
      <c r="AL7" s="196">
        <v>56</v>
      </c>
      <c r="AM7" s="193">
        <v>0</v>
      </c>
      <c r="AN7" s="191">
        <v>28</v>
      </c>
      <c r="AO7" s="191">
        <v>65</v>
      </c>
      <c r="AP7" s="191">
        <v>33</v>
      </c>
      <c r="AQ7" s="191">
        <v>37</v>
      </c>
      <c r="AR7" s="191">
        <v>23</v>
      </c>
      <c r="AS7" s="196">
        <v>186</v>
      </c>
      <c r="AT7" s="195">
        <v>242</v>
      </c>
      <c r="AU7" s="190">
        <v>161</v>
      </c>
      <c r="AV7" s="191">
        <v>207</v>
      </c>
      <c r="AW7" s="196">
        <v>368</v>
      </c>
      <c r="AX7" s="193">
        <v>0</v>
      </c>
      <c r="AY7" s="191">
        <v>537</v>
      </c>
      <c r="AZ7" s="191">
        <v>846</v>
      </c>
      <c r="BA7" s="191">
        <v>667</v>
      </c>
      <c r="BB7" s="191">
        <v>655</v>
      </c>
      <c r="BC7" s="191">
        <v>462</v>
      </c>
      <c r="BD7" s="194">
        <v>3167</v>
      </c>
      <c r="BE7" s="195">
        <v>3535</v>
      </c>
      <c r="BF7" s="190">
        <v>0</v>
      </c>
      <c r="BG7" s="191">
        <v>0</v>
      </c>
      <c r="BH7" s="196">
        <v>0</v>
      </c>
      <c r="BI7" s="193">
        <v>0</v>
      </c>
      <c r="BJ7" s="191">
        <v>466</v>
      </c>
      <c r="BK7" s="191">
        <v>521</v>
      </c>
      <c r="BL7" s="191">
        <v>229</v>
      </c>
      <c r="BM7" s="191">
        <v>112</v>
      </c>
      <c r="BN7" s="191">
        <v>48</v>
      </c>
      <c r="BO7" s="196">
        <v>1376</v>
      </c>
      <c r="BP7" s="195">
        <v>1376</v>
      </c>
      <c r="BQ7" s="190">
        <v>58</v>
      </c>
      <c r="BR7" s="191">
        <v>90</v>
      </c>
      <c r="BS7" s="196">
        <v>148</v>
      </c>
      <c r="BT7" s="193">
        <v>0</v>
      </c>
      <c r="BU7" s="191">
        <v>102</v>
      </c>
      <c r="BV7" s="191">
        <v>232</v>
      </c>
      <c r="BW7" s="191">
        <v>145</v>
      </c>
      <c r="BX7" s="191">
        <v>71</v>
      </c>
      <c r="BY7" s="191">
        <v>23</v>
      </c>
      <c r="BZ7" s="196">
        <v>573</v>
      </c>
      <c r="CA7" s="195">
        <v>721</v>
      </c>
      <c r="CB7" s="190">
        <v>3</v>
      </c>
      <c r="CC7" s="191">
        <v>10</v>
      </c>
      <c r="CD7" s="196">
        <v>13</v>
      </c>
      <c r="CE7" s="193">
        <v>0</v>
      </c>
      <c r="CF7" s="191">
        <v>45</v>
      </c>
      <c r="CG7" s="191">
        <v>94</v>
      </c>
      <c r="CH7" s="191">
        <v>95</v>
      </c>
      <c r="CI7" s="191">
        <v>57</v>
      </c>
      <c r="CJ7" s="191">
        <v>39</v>
      </c>
      <c r="CK7" s="196">
        <v>330</v>
      </c>
      <c r="CL7" s="195">
        <v>343</v>
      </c>
      <c r="CM7" s="190">
        <v>1</v>
      </c>
      <c r="CN7" s="191">
        <v>0</v>
      </c>
      <c r="CO7" s="196">
        <v>1</v>
      </c>
      <c r="CP7" s="193">
        <v>0</v>
      </c>
      <c r="CQ7" s="191">
        <v>10</v>
      </c>
      <c r="CR7" s="191">
        <v>26</v>
      </c>
      <c r="CS7" s="191">
        <v>25</v>
      </c>
      <c r="CT7" s="191">
        <v>22</v>
      </c>
      <c r="CU7" s="191">
        <v>9</v>
      </c>
      <c r="CV7" s="196">
        <v>92</v>
      </c>
      <c r="CW7" s="195">
        <v>93</v>
      </c>
      <c r="CX7" s="190">
        <v>0</v>
      </c>
      <c r="CY7" s="191">
        <v>0</v>
      </c>
      <c r="CZ7" s="196">
        <v>0</v>
      </c>
      <c r="DA7" s="193">
        <v>0</v>
      </c>
      <c r="DB7" s="191">
        <v>0</v>
      </c>
      <c r="DC7" s="191">
        <v>0</v>
      </c>
      <c r="DD7" s="191">
        <v>0</v>
      </c>
      <c r="DE7" s="191">
        <v>0</v>
      </c>
      <c r="DF7" s="191">
        <v>0</v>
      </c>
      <c r="DG7" s="196">
        <v>0</v>
      </c>
      <c r="DH7" s="195">
        <v>0</v>
      </c>
      <c r="DI7" s="190">
        <v>0</v>
      </c>
      <c r="DJ7" s="191">
        <v>0</v>
      </c>
      <c r="DK7" s="196">
        <v>0</v>
      </c>
      <c r="DL7" s="193">
        <v>0</v>
      </c>
      <c r="DM7" s="191">
        <v>0</v>
      </c>
      <c r="DN7" s="191">
        <v>0</v>
      </c>
      <c r="DO7" s="191">
        <v>0</v>
      </c>
      <c r="DP7" s="191">
        <v>0</v>
      </c>
      <c r="DQ7" s="191">
        <v>0</v>
      </c>
      <c r="DR7" s="196">
        <v>0</v>
      </c>
      <c r="DS7" s="195">
        <v>0</v>
      </c>
      <c r="DT7" s="190">
        <v>229</v>
      </c>
      <c r="DU7" s="191">
        <v>653</v>
      </c>
      <c r="DV7" s="196">
        <v>882</v>
      </c>
      <c r="DW7" s="193">
        <v>0</v>
      </c>
      <c r="DX7" s="191">
        <v>520</v>
      </c>
      <c r="DY7" s="191">
        <v>1347</v>
      </c>
      <c r="DZ7" s="191">
        <v>735</v>
      </c>
      <c r="EA7" s="191">
        <v>502</v>
      </c>
      <c r="EB7" s="191">
        <v>316</v>
      </c>
      <c r="EC7" s="196">
        <v>3420</v>
      </c>
      <c r="ED7" s="195">
        <v>4302</v>
      </c>
      <c r="EE7" s="190">
        <v>114</v>
      </c>
      <c r="EF7" s="191">
        <v>92</v>
      </c>
      <c r="EG7" s="196">
        <v>206</v>
      </c>
      <c r="EH7" s="193">
        <v>0</v>
      </c>
      <c r="EI7" s="191">
        <v>270</v>
      </c>
      <c r="EJ7" s="191">
        <v>340</v>
      </c>
      <c r="EK7" s="191">
        <v>277</v>
      </c>
      <c r="EL7" s="191">
        <v>293</v>
      </c>
      <c r="EM7" s="191">
        <v>183</v>
      </c>
      <c r="EN7" s="196">
        <v>1363</v>
      </c>
      <c r="EO7" s="195">
        <v>1569</v>
      </c>
      <c r="EP7" s="190">
        <v>383</v>
      </c>
      <c r="EQ7" s="191">
        <v>924</v>
      </c>
      <c r="ER7" s="196">
        <v>1307</v>
      </c>
      <c r="ES7" s="193">
        <v>0</v>
      </c>
      <c r="ET7" s="191">
        <v>1396</v>
      </c>
      <c r="EU7" s="191">
        <v>2003</v>
      </c>
      <c r="EV7" s="191">
        <v>924</v>
      </c>
      <c r="EW7" s="191">
        <v>591</v>
      </c>
      <c r="EX7" s="191">
        <v>349</v>
      </c>
      <c r="EY7" s="196">
        <v>5263</v>
      </c>
      <c r="EZ7" s="195">
        <v>6570</v>
      </c>
    </row>
    <row r="8" spans="2:156" ht="21" customHeight="1" x14ac:dyDescent="0.2">
      <c r="B8" s="106" t="s">
        <v>6</v>
      </c>
      <c r="C8" s="190">
        <v>0</v>
      </c>
      <c r="D8" s="191">
        <v>0</v>
      </c>
      <c r="E8" s="192">
        <v>0</v>
      </c>
      <c r="F8" s="193">
        <v>0</v>
      </c>
      <c r="G8" s="191">
        <v>213</v>
      </c>
      <c r="H8" s="191">
        <v>199</v>
      </c>
      <c r="I8" s="191">
        <v>94</v>
      </c>
      <c r="J8" s="191">
        <v>88</v>
      </c>
      <c r="K8" s="191">
        <v>78</v>
      </c>
      <c r="L8" s="194">
        <v>672</v>
      </c>
      <c r="M8" s="195">
        <v>672</v>
      </c>
      <c r="N8" s="190">
        <v>0</v>
      </c>
      <c r="O8" s="191">
        <v>0</v>
      </c>
      <c r="P8" s="196">
        <v>0</v>
      </c>
      <c r="Q8" s="193">
        <v>0</v>
      </c>
      <c r="R8" s="191">
        <v>2</v>
      </c>
      <c r="S8" s="191">
        <v>3</v>
      </c>
      <c r="T8" s="191">
        <v>10</v>
      </c>
      <c r="U8" s="191">
        <v>24</v>
      </c>
      <c r="V8" s="191">
        <v>25</v>
      </c>
      <c r="W8" s="196">
        <v>64</v>
      </c>
      <c r="X8" s="195">
        <v>64</v>
      </c>
      <c r="Y8" s="190">
        <v>45</v>
      </c>
      <c r="Z8" s="191">
        <v>85</v>
      </c>
      <c r="AA8" s="196">
        <v>130</v>
      </c>
      <c r="AB8" s="193">
        <v>0</v>
      </c>
      <c r="AC8" s="191">
        <v>221</v>
      </c>
      <c r="AD8" s="191">
        <v>218</v>
      </c>
      <c r="AE8" s="191">
        <v>131</v>
      </c>
      <c r="AF8" s="191">
        <v>104</v>
      </c>
      <c r="AG8" s="191">
        <v>70</v>
      </c>
      <c r="AH8" s="196">
        <v>744</v>
      </c>
      <c r="AI8" s="195">
        <v>874</v>
      </c>
      <c r="AJ8" s="190">
        <v>1</v>
      </c>
      <c r="AK8" s="191">
        <v>5</v>
      </c>
      <c r="AL8" s="196">
        <v>6</v>
      </c>
      <c r="AM8" s="193">
        <v>0</v>
      </c>
      <c r="AN8" s="191">
        <v>18</v>
      </c>
      <c r="AO8" s="191">
        <v>17</v>
      </c>
      <c r="AP8" s="191">
        <v>12</v>
      </c>
      <c r="AQ8" s="191">
        <v>16</v>
      </c>
      <c r="AR8" s="191">
        <v>6</v>
      </c>
      <c r="AS8" s="196">
        <v>69</v>
      </c>
      <c r="AT8" s="195">
        <v>75</v>
      </c>
      <c r="AU8" s="190">
        <v>57</v>
      </c>
      <c r="AV8" s="191">
        <v>58</v>
      </c>
      <c r="AW8" s="196">
        <v>115</v>
      </c>
      <c r="AX8" s="193">
        <v>0</v>
      </c>
      <c r="AY8" s="191">
        <v>314</v>
      </c>
      <c r="AZ8" s="191">
        <v>318</v>
      </c>
      <c r="BA8" s="191">
        <v>249</v>
      </c>
      <c r="BB8" s="191">
        <v>262</v>
      </c>
      <c r="BC8" s="191">
        <v>213</v>
      </c>
      <c r="BD8" s="194">
        <v>1356</v>
      </c>
      <c r="BE8" s="195">
        <v>1471</v>
      </c>
      <c r="BF8" s="190">
        <v>1</v>
      </c>
      <c r="BG8" s="191">
        <v>0</v>
      </c>
      <c r="BH8" s="196">
        <v>1</v>
      </c>
      <c r="BI8" s="193">
        <v>0</v>
      </c>
      <c r="BJ8" s="191">
        <v>270</v>
      </c>
      <c r="BK8" s="191">
        <v>192</v>
      </c>
      <c r="BL8" s="191">
        <v>87</v>
      </c>
      <c r="BM8" s="191">
        <v>53</v>
      </c>
      <c r="BN8" s="191">
        <v>25</v>
      </c>
      <c r="BO8" s="196">
        <v>627</v>
      </c>
      <c r="BP8" s="195">
        <v>628</v>
      </c>
      <c r="BQ8" s="190">
        <v>9</v>
      </c>
      <c r="BR8" s="191">
        <v>15</v>
      </c>
      <c r="BS8" s="196">
        <v>24</v>
      </c>
      <c r="BT8" s="193">
        <v>0</v>
      </c>
      <c r="BU8" s="191">
        <v>64</v>
      </c>
      <c r="BV8" s="191">
        <v>56</v>
      </c>
      <c r="BW8" s="191">
        <v>35</v>
      </c>
      <c r="BX8" s="191">
        <v>24</v>
      </c>
      <c r="BY8" s="191">
        <v>4</v>
      </c>
      <c r="BZ8" s="196">
        <v>183</v>
      </c>
      <c r="CA8" s="195">
        <v>207</v>
      </c>
      <c r="CB8" s="190">
        <v>0</v>
      </c>
      <c r="CC8" s="191">
        <v>2</v>
      </c>
      <c r="CD8" s="196">
        <v>2</v>
      </c>
      <c r="CE8" s="193">
        <v>0</v>
      </c>
      <c r="CF8" s="191">
        <v>21</v>
      </c>
      <c r="CG8" s="191">
        <v>39</v>
      </c>
      <c r="CH8" s="191">
        <v>42</v>
      </c>
      <c r="CI8" s="191">
        <v>32</v>
      </c>
      <c r="CJ8" s="191">
        <v>11</v>
      </c>
      <c r="CK8" s="196">
        <v>145</v>
      </c>
      <c r="CL8" s="195">
        <v>147</v>
      </c>
      <c r="CM8" s="190">
        <v>0</v>
      </c>
      <c r="CN8" s="191">
        <v>0</v>
      </c>
      <c r="CO8" s="196">
        <v>0</v>
      </c>
      <c r="CP8" s="193">
        <v>0</v>
      </c>
      <c r="CQ8" s="191">
        <v>5</v>
      </c>
      <c r="CR8" s="191">
        <v>9</v>
      </c>
      <c r="CS8" s="191">
        <v>8</v>
      </c>
      <c r="CT8" s="191">
        <v>5</v>
      </c>
      <c r="CU8" s="191">
        <v>4</v>
      </c>
      <c r="CV8" s="196">
        <v>31</v>
      </c>
      <c r="CW8" s="195">
        <v>31</v>
      </c>
      <c r="CX8" s="190">
        <v>0</v>
      </c>
      <c r="CY8" s="191">
        <v>0</v>
      </c>
      <c r="CZ8" s="196">
        <v>0</v>
      </c>
      <c r="DA8" s="193">
        <v>0</v>
      </c>
      <c r="DB8" s="191">
        <v>0</v>
      </c>
      <c r="DC8" s="191">
        <v>0</v>
      </c>
      <c r="DD8" s="191">
        <v>0</v>
      </c>
      <c r="DE8" s="191">
        <v>0</v>
      </c>
      <c r="DF8" s="191">
        <v>0</v>
      </c>
      <c r="DG8" s="196">
        <v>0</v>
      </c>
      <c r="DH8" s="195">
        <v>0</v>
      </c>
      <c r="DI8" s="190">
        <v>0</v>
      </c>
      <c r="DJ8" s="191">
        <v>0</v>
      </c>
      <c r="DK8" s="196">
        <v>0</v>
      </c>
      <c r="DL8" s="193">
        <v>0</v>
      </c>
      <c r="DM8" s="191">
        <v>0</v>
      </c>
      <c r="DN8" s="191">
        <v>0</v>
      </c>
      <c r="DO8" s="191">
        <v>0</v>
      </c>
      <c r="DP8" s="191">
        <v>0</v>
      </c>
      <c r="DQ8" s="191">
        <v>0</v>
      </c>
      <c r="DR8" s="196">
        <v>0</v>
      </c>
      <c r="DS8" s="195">
        <v>0</v>
      </c>
      <c r="DT8" s="190">
        <v>109</v>
      </c>
      <c r="DU8" s="191">
        <v>197</v>
      </c>
      <c r="DV8" s="196">
        <v>306</v>
      </c>
      <c r="DW8" s="193">
        <v>0</v>
      </c>
      <c r="DX8" s="191">
        <v>337</v>
      </c>
      <c r="DY8" s="191">
        <v>436</v>
      </c>
      <c r="DZ8" s="191">
        <v>249</v>
      </c>
      <c r="EA8" s="191">
        <v>203</v>
      </c>
      <c r="EB8" s="191">
        <v>132</v>
      </c>
      <c r="EC8" s="196">
        <v>1357</v>
      </c>
      <c r="ED8" s="195">
        <v>1663</v>
      </c>
      <c r="EE8" s="190">
        <v>33</v>
      </c>
      <c r="EF8" s="191">
        <v>19</v>
      </c>
      <c r="EG8" s="196">
        <v>52</v>
      </c>
      <c r="EH8" s="193">
        <v>0</v>
      </c>
      <c r="EI8" s="191">
        <v>137</v>
      </c>
      <c r="EJ8" s="191">
        <v>117</v>
      </c>
      <c r="EK8" s="191">
        <v>101</v>
      </c>
      <c r="EL8" s="191">
        <v>119</v>
      </c>
      <c r="EM8" s="191">
        <v>70</v>
      </c>
      <c r="EN8" s="196">
        <v>544</v>
      </c>
      <c r="EO8" s="195">
        <v>596</v>
      </c>
      <c r="EP8" s="190">
        <v>157</v>
      </c>
      <c r="EQ8" s="191">
        <v>259</v>
      </c>
      <c r="ER8" s="196">
        <v>416</v>
      </c>
      <c r="ES8" s="193">
        <v>0</v>
      </c>
      <c r="ET8" s="191">
        <v>756</v>
      </c>
      <c r="EU8" s="191">
        <v>619</v>
      </c>
      <c r="EV8" s="191">
        <v>296</v>
      </c>
      <c r="EW8" s="191">
        <v>223</v>
      </c>
      <c r="EX8" s="191">
        <v>135</v>
      </c>
      <c r="EY8" s="196">
        <v>2029</v>
      </c>
      <c r="EZ8" s="195">
        <v>2445</v>
      </c>
    </row>
    <row r="9" spans="2:156" ht="21" customHeight="1" x14ac:dyDescent="0.2">
      <c r="B9" s="106" t="s">
        <v>14</v>
      </c>
      <c r="C9" s="190">
        <v>0</v>
      </c>
      <c r="D9" s="191">
        <v>0</v>
      </c>
      <c r="E9" s="192">
        <v>0</v>
      </c>
      <c r="F9" s="193">
        <v>0</v>
      </c>
      <c r="G9" s="191">
        <v>50</v>
      </c>
      <c r="H9" s="191">
        <v>82</v>
      </c>
      <c r="I9" s="191">
        <v>45</v>
      </c>
      <c r="J9" s="191">
        <v>28</v>
      </c>
      <c r="K9" s="191">
        <v>33</v>
      </c>
      <c r="L9" s="194">
        <v>238</v>
      </c>
      <c r="M9" s="195">
        <v>238</v>
      </c>
      <c r="N9" s="190">
        <v>0</v>
      </c>
      <c r="O9" s="191">
        <v>0</v>
      </c>
      <c r="P9" s="196">
        <v>0</v>
      </c>
      <c r="Q9" s="193">
        <v>0</v>
      </c>
      <c r="R9" s="191">
        <v>0</v>
      </c>
      <c r="S9" s="191">
        <v>1</v>
      </c>
      <c r="T9" s="191">
        <v>4</v>
      </c>
      <c r="U9" s="191">
        <v>13</v>
      </c>
      <c r="V9" s="191">
        <v>9</v>
      </c>
      <c r="W9" s="196">
        <v>27</v>
      </c>
      <c r="X9" s="195">
        <v>27</v>
      </c>
      <c r="Y9" s="190">
        <v>5</v>
      </c>
      <c r="Z9" s="191">
        <v>20</v>
      </c>
      <c r="AA9" s="196">
        <v>25</v>
      </c>
      <c r="AB9" s="193">
        <v>0</v>
      </c>
      <c r="AC9" s="191">
        <v>38</v>
      </c>
      <c r="AD9" s="191">
        <v>63</v>
      </c>
      <c r="AE9" s="191">
        <v>47</v>
      </c>
      <c r="AF9" s="191">
        <v>31</v>
      </c>
      <c r="AG9" s="191">
        <v>24</v>
      </c>
      <c r="AH9" s="196">
        <v>203</v>
      </c>
      <c r="AI9" s="195">
        <v>228</v>
      </c>
      <c r="AJ9" s="190">
        <v>0</v>
      </c>
      <c r="AK9" s="191">
        <v>3</v>
      </c>
      <c r="AL9" s="196">
        <v>3</v>
      </c>
      <c r="AM9" s="193">
        <v>0</v>
      </c>
      <c r="AN9" s="191">
        <v>1</v>
      </c>
      <c r="AO9" s="191">
        <v>6</v>
      </c>
      <c r="AP9" s="191">
        <v>1</v>
      </c>
      <c r="AQ9" s="191">
        <v>1</v>
      </c>
      <c r="AR9" s="191">
        <v>2</v>
      </c>
      <c r="AS9" s="196">
        <v>11</v>
      </c>
      <c r="AT9" s="195">
        <v>14</v>
      </c>
      <c r="AU9" s="190">
        <v>14</v>
      </c>
      <c r="AV9" s="191">
        <v>23</v>
      </c>
      <c r="AW9" s="196">
        <v>37</v>
      </c>
      <c r="AX9" s="193">
        <v>0</v>
      </c>
      <c r="AY9" s="191">
        <v>69</v>
      </c>
      <c r="AZ9" s="191">
        <v>109</v>
      </c>
      <c r="BA9" s="191">
        <v>84</v>
      </c>
      <c r="BB9" s="191">
        <v>82</v>
      </c>
      <c r="BC9" s="191">
        <v>66</v>
      </c>
      <c r="BD9" s="194">
        <v>410</v>
      </c>
      <c r="BE9" s="195">
        <v>447</v>
      </c>
      <c r="BF9" s="190">
        <v>0</v>
      </c>
      <c r="BG9" s="191">
        <v>0</v>
      </c>
      <c r="BH9" s="196">
        <v>0</v>
      </c>
      <c r="BI9" s="193">
        <v>0</v>
      </c>
      <c r="BJ9" s="191">
        <v>89</v>
      </c>
      <c r="BK9" s="191">
        <v>108</v>
      </c>
      <c r="BL9" s="191">
        <v>56</v>
      </c>
      <c r="BM9" s="191">
        <v>28</v>
      </c>
      <c r="BN9" s="191">
        <v>14</v>
      </c>
      <c r="BO9" s="196">
        <v>295</v>
      </c>
      <c r="BP9" s="195">
        <v>295</v>
      </c>
      <c r="BQ9" s="190">
        <v>5</v>
      </c>
      <c r="BR9" s="191">
        <v>8</v>
      </c>
      <c r="BS9" s="196">
        <v>13</v>
      </c>
      <c r="BT9" s="193">
        <v>0</v>
      </c>
      <c r="BU9" s="191">
        <v>10</v>
      </c>
      <c r="BV9" s="191">
        <v>23</v>
      </c>
      <c r="BW9" s="191">
        <v>14</v>
      </c>
      <c r="BX9" s="191">
        <v>10</v>
      </c>
      <c r="BY9" s="191">
        <v>1</v>
      </c>
      <c r="BZ9" s="196">
        <v>58</v>
      </c>
      <c r="CA9" s="195">
        <v>71</v>
      </c>
      <c r="CB9" s="190">
        <v>0</v>
      </c>
      <c r="CC9" s="191">
        <v>0</v>
      </c>
      <c r="CD9" s="196">
        <v>0</v>
      </c>
      <c r="CE9" s="193">
        <v>0</v>
      </c>
      <c r="CF9" s="191">
        <v>13</v>
      </c>
      <c r="CG9" s="191">
        <v>20</v>
      </c>
      <c r="CH9" s="191">
        <v>9</v>
      </c>
      <c r="CI9" s="191">
        <v>19</v>
      </c>
      <c r="CJ9" s="191">
        <v>9</v>
      </c>
      <c r="CK9" s="196">
        <v>70</v>
      </c>
      <c r="CL9" s="195">
        <v>70</v>
      </c>
      <c r="CM9" s="190">
        <v>0</v>
      </c>
      <c r="CN9" s="191">
        <v>0</v>
      </c>
      <c r="CO9" s="196">
        <v>0</v>
      </c>
      <c r="CP9" s="193">
        <v>0</v>
      </c>
      <c r="CQ9" s="191">
        <v>1</v>
      </c>
      <c r="CR9" s="191">
        <v>1</v>
      </c>
      <c r="CS9" s="191">
        <v>0</v>
      </c>
      <c r="CT9" s="191">
        <v>1</v>
      </c>
      <c r="CU9" s="191">
        <v>0</v>
      </c>
      <c r="CV9" s="196">
        <v>3</v>
      </c>
      <c r="CW9" s="195">
        <v>3</v>
      </c>
      <c r="CX9" s="190">
        <v>0</v>
      </c>
      <c r="CY9" s="191">
        <v>0</v>
      </c>
      <c r="CZ9" s="196">
        <v>0</v>
      </c>
      <c r="DA9" s="193">
        <v>0</v>
      </c>
      <c r="DB9" s="191">
        <v>0</v>
      </c>
      <c r="DC9" s="191">
        <v>0</v>
      </c>
      <c r="DD9" s="191">
        <v>0</v>
      </c>
      <c r="DE9" s="191">
        <v>0</v>
      </c>
      <c r="DF9" s="191">
        <v>0</v>
      </c>
      <c r="DG9" s="196">
        <v>0</v>
      </c>
      <c r="DH9" s="195">
        <v>0</v>
      </c>
      <c r="DI9" s="190">
        <v>0</v>
      </c>
      <c r="DJ9" s="191">
        <v>0</v>
      </c>
      <c r="DK9" s="196">
        <v>0</v>
      </c>
      <c r="DL9" s="193">
        <v>0</v>
      </c>
      <c r="DM9" s="191">
        <v>0</v>
      </c>
      <c r="DN9" s="191">
        <v>0</v>
      </c>
      <c r="DO9" s="191">
        <v>0</v>
      </c>
      <c r="DP9" s="191">
        <v>0</v>
      </c>
      <c r="DQ9" s="191">
        <v>0</v>
      </c>
      <c r="DR9" s="196">
        <v>0</v>
      </c>
      <c r="DS9" s="195">
        <v>0</v>
      </c>
      <c r="DT9" s="190">
        <v>34</v>
      </c>
      <c r="DU9" s="191">
        <v>93</v>
      </c>
      <c r="DV9" s="196">
        <v>127</v>
      </c>
      <c r="DW9" s="193">
        <v>0</v>
      </c>
      <c r="DX9" s="191">
        <v>89</v>
      </c>
      <c r="DY9" s="191">
        <v>202</v>
      </c>
      <c r="DZ9" s="191">
        <v>115</v>
      </c>
      <c r="EA9" s="191">
        <v>75</v>
      </c>
      <c r="EB9" s="191">
        <v>58</v>
      </c>
      <c r="EC9" s="196">
        <v>539</v>
      </c>
      <c r="ED9" s="195">
        <v>666</v>
      </c>
      <c r="EE9" s="190">
        <v>11</v>
      </c>
      <c r="EF9" s="191">
        <v>10</v>
      </c>
      <c r="EG9" s="196">
        <v>21</v>
      </c>
      <c r="EH9" s="193">
        <v>0</v>
      </c>
      <c r="EI9" s="191">
        <v>29</v>
      </c>
      <c r="EJ9" s="191">
        <v>36</v>
      </c>
      <c r="EK9" s="191">
        <v>27</v>
      </c>
      <c r="EL9" s="191">
        <v>30</v>
      </c>
      <c r="EM9" s="191">
        <v>20</v>
      </c>
      <c r="EN9" s="196">
        <v>142</v>
      </c>
      <c r="EO9" s="195">
        <v>163</v>
      </c>
      <c r="EP9" s="190">
        <v>41</v>
      </c>
      <c r="EQ9" s="191">
        <v>110</v>
      </c>
      <c r="ER9" s="196">
        <v>151</v>
      </c>
      <c r="ES9" s="193">
        <v>0</v>
      </c>
      <c r="ET9" s="191">
        <v>205</v>
      </c>
      <c r="EU9" s="191">
        <v>289</v>
      </c>
      <c r="EV9" s="191">
        <v>138</v>
      </c>
      <c r="EW9" s="191">
        <v>87</v>
      </c>
      <c r="EX9" s="191">
        <v>59</v>
      </c>
      <c r="EY9" s="196">
        <v>778</v>
      </c>
      <c r="EZ9" s="195">
        <v>929</v>
      </c>
    </row>
    <row r="10" spans="2:156" ht="21" customHeight="1" x14ac:dyDescent="0.2">
      <c r="B10" s="106" t="s">
        <v>7</v>
      </c>
      <c r="C10" s="190">
        <v>0</v>
      </c>
      <c r="D10" s="191">
        <v>0</v>
      </c>
      <c r="E10" s="192">
        <v>0</v>
      </c>
      <c r="F10" s="193">
        <v>0</v>
      </c>
      <c r="G10" s="191">
        <v>59</v>
      </c>
      <c r="H10" s="191">
        <v>32</v>
      </c>
      <c r="I10" s="191">
        <v>23</v>
      </c>
      <c r="J10" s="191">
        <v>21</v>
      </c>
      <c r="K10" s="191">
        <v>11</v>
      </c>
      <c r="L10" s="194">
        <v>146</v>
      </c>
      <c r="M10" s="195">
        <v>146</v>
      </c>
      <c r="N10" s="190">
        <v>0</v>
      </c>
      <c r="O10" s="191">
        <v>0</v>
      </c>
      <c r="P10" s="196">
        <v>0</v>
      </c>
      <c r="Q10" s="193">
        <v>0</v>
      </c>
      <c r="R10" s="191">
        <v>2</v>
      </c>
      <c r="S10" s="191">
        <v>0</v>
      </c>
      <c r="T10" s="191">
        <v>0</v>
      </c>
      <c r="U10" s="191">
        <v>8</v>
      </c>
      <c r="V10" s="191">
        <v>11</v>
      </c>
      <c r="W10" s="196">
        <v>21</v>
      </c>
      <c r="X10" s="195">
        <v>21</v>
      </c>
      <c r="Y10" s="190">
        <v>0</v>
      </c>
      <c r="Z10" s="191">
        <v>4</v>
      </c>
      <c r="AA10" s="196">
        <v>4</v>
      </c>
      <c r="AB10" s="193">
        <v>0</v>
      </c>
      <c r="AC10" s="191">
        <v>32</v>
      </c>
      <c r="AD10" s="191">
        <v>23</v>
      </c>
      <c r="AE10" s="191">
        <v>22</v>
      </c>
      <c r="AF10" s="191">
        <v>20</v>
      </c>
      <c r="AG10" s="191">
        <v>12</v>
      </c>
      <c r="AH10" s="196">
        <v>109</v>
      </c>
      <c r="AI10" s="195">
        <v>113</v>
      </c>
      <c r="AJ10" s="190">
        <v>1</v>
      </c>
      <c r="AK10" s="191">
        <v>1</v>
      </c>
      <c r="AL10" s="196">
        <v>2</v>
      </c>
      <c r="AM10" s="193">
        <v>0</v>
      </c>
      <c r="AN10" s="191">
        <v>4</v>
      </c>
      <c r="AO10" s="191">
        <v>5</v>
      </c>
      <c r="AP10" s="191">
        <v>1</v>
      </c>
      <c r="AQ10" s="191">
        <v>4</v>
      </c>
      <c r="AR10" s="191">
        <v>0</v>
      </c>
      <c r="AS10" s="196">
        <v>14</v>
      </c>
      <c r="AT10" s="195">
        <v>16</v>
      </c>
      <c r="AU10" s="190">
        <v>17</v>
      </c>
      <c r="AV10" s="191">
        <v>11</v>
      </c>
      <c r="AW10" s="196">
        <v>28</v>
      </c>
      <c r="AX10" s="193">
        <v>0</v>
      </c>
      <c r="AY10" s="191">
        <v>74</v>
      </c>
      <c r="AZ10" s="191">
        <v>52</v>
      </c>
      <c r="BA10" s="191">
        <v>44</v>
      </c>
      <c r="BB10" s="191">
        <v>53</v>
      </c>
      <c r="BC10" s="191">
        <v>26</v>
      </c>
      <c r="BD10" s="194">
        <v>249</v>
      </c>
      <c r="BE10" s="195">
        <v>277</v>
      </c>
      <c r="BF10" s="190">
        <v>0</v>
      </c>
      <c r="BG10" s="191">
        <v>0</v>
      </c>
      <c r="BH10" s="196">
        <v>0</v>
      </c>
      <c r="BI10" s="193">
        <v>0</v>
      </c>
      <c r="BJ10" s="191">
        <v>74</v>
      </c>
      <c r="BK10" s="191">
        <v>36</v>
      </c>
      <c r="BL10" s="191">
        <v>17</v>
      </c>
      <c r="BM10" s="191">
        <v>9</v>
      </c>
      <c r="BN10" s="191">
        <v>3</v>
      </c>
      <c r="BO10" s="196">
        <v>139</v>
      </c>
      <c r="BP10" s="195">
        <v>139</v>
      </c>
      <c r="BQ10" s="190">
        <v>0</v>
      </c>
      <c r="BR10" s="191">
        <v>2</v>
      </c>
      <c r="BS10" s="196">
        <v>2</v>
      </c>
      <c r="BT10" s="193">
        <v>0</v>
      </c>
      <c r="BU10" s="191">
        <v>20</v>
      </c>
      <c r="BV10" s="191">
        <v>10</v>
      </c>
      <c r="BW10" s="191">
        <v>7</v>
      </c>
      <c r="BX10" s="191">
        <v>5</v>
      </c>
      <c r="BY10" s="191">
        <v>0</v>
      </c>
      <c r="BZ10" s="196">
        <v>42</v>
      </c>
      <c r="CA10" s="195">
        <v>44</v>
      </c>
      <c r="CB10" s="190">
        <v>0</v>
      </c>
      <c r="CC10" s="191">
        <v>0</v>
      </c>
      <c r="CD10" s="196">
        <v>0</v>
      </c>
      <c r="CE10" s="193">
        <v>0</v>
      </c>
      <c r="CF10" s="191">
        <v>14</v>
      </c>
      <c r="CG10" s="191">
        <v>7</v>
      </c>
      <c r="CH10" s="191">
        <v>3</v>
      </c>
      <c r="CI10" s="191">
        <v>7</v>
      </c>
      <c r="CJ10" s="191">
        <v>3</v>
      </c>
      <c r="CK10" s="196">
        <v>34</v>
      </c>
      <c r="CL10" s="195">
        <v>34</v>
      </c>
      <c r="CM10" s="190">
        <v>0</v>
      </c>
      <c r="CN10" s="191">
        <v>0</v>
      </c>
      <c r="CO10" s="196">
        <v>0</v>
      </c>
      <c r="CP10" s="193">
        <v>0</v>
      </c>
      <c r="CQ10" s="191">
        <v>0</v>
      </c>
      <c r="CR10" s="191">
        <v>0</v>
      </c>
      <c r="CS10" s="191">
        <v>1</v>
      </c>
      <c r="CT10" s="191">
        <v>0</v>
      </c>
      <c r="CU10" s="191">
        <v>0</v>
      </c>
      <c r="CV10" s="196">
        <v>1</v>
      </c>
      <c r="CW10" s="195">
        <v>1</v>
      </c>
      <c r="CX10" s="190">
        <v>0</v>
      </c>
      <c r="CY10" s="191">
        <v>0</v>
      </c>
      <c r="CZ10" s="196">
        <v>0</v>
      </c>
      <c r="DA10" s="193">
        <v>0</v>
      </c>
      <c r="DB10" s="191">
        <v>0</v>
      </c>
      <c r="DC10" s="191">
        <v>0</v>
      </c>
      <c r="DD10" s="191">
        <v>0</v>
      </c>
      <c r="DE10" s="191">
        <v>0</v>
      </c>
      <c r="DF10" s="191">
        <v>0</v>
      </c>
      <c r="DG10" s="196">
        <v>0</v>
      </c>
      <c r="DH10" s="195">
        <v>0</v>
      </c>
      <c r="DI10" s="190">
        <v>0</v>
      </c>
      <c r="DJ10" s="191">
        <v>0</v>
      </c>
      <c r="DK10" s="196">
        <v>0</v>
      </c>
      <c r="DL10" s="193">
        <v>0</v>
      </c>
      <c r="DM10" s="191">
        <v>0</v>
      </c>
      <c r="DN10" s="191">
        <v>0</v>
      </c>
      <c r="DO10" s="191">
        <v>0</v>
      </c>
      <c r="DP10" s="191">
        <v>0</v>
      </c>
      <c r="DQ10" s="191">
        <v>0</v>
      </c>
      <c r="DR10" s="196">
        <v>0</v>
      </c>
      <c r="DS10" s="195">
        <v>0</v>
      </c>
      <c r="DT10" s="190">
        <v>20</v>
      </c>
      <c r="DU10" s="191">
        <v>22</v>
      </c>
      <c r="DV10" s="196">
        <v>42</v>
      </c>
      <c r="DW10" s="193">
        <v>0</v>
      </c>
      <c r="DX10" s="191">
        <v>95</v>
      </c>
      <c r="DY10" s="191">
        <v>82</v>
      </c>
      <c r="DZ10" s="191">
        <v>47</v>
      </c>
      <c r="EA10" s="191">
        <v>43</v>
      </c>
      <c r="EB10" s="191">
        <v>22</v>
      </c>
      <c r="EC10" s="196">
        <v>289</v>
      </c>
      <c r="ED10" s="195">
        <v>331</v>
      </c>
      <c r="EE10" s="190">
        <v>13</v>
      </c>
      <c r="EF10" s="191">
        <v>9</v>
      </c>
      <c r="EG10" s="196">
        <v>22</v>
      </c>
      <c r="EH10" s="193">
        <v>0</v>
      </c>
      <c r="EI10" s="191">
        <v>30</v>
      </c>
      <c r="EJ10" s="191">
        <v>23</v>
      </c>
      <c r="EK10" s="191">
        <v>19</v>
      </c>
      <c r="EL10" s="191">
        <v>22</v>
      </c>
      <c r="EM10" s="191">
        <v>11</v>
      </c>
      <c r="EN10" s="196">
        <v>105</v>
      </c>
      <c r="EO10" s="195">
        <v>127</v>
      </c>
      <c r="EP10" s="190">
        <v>23</v>
      </c>
      <c r="EQ10" s="191">
        <v>28</v>
      </c>
      <c r="ER10" s="196">
        <v>51</v>
      </c>
      <c r="ES10" s="193">
        <v>0</v>
      </c>
      <c r="ET10" s="191">
        <v>205</v>
      </c>
      <c r="EU10" s="191">
        <v>112</v>
      </c>
      <c r="EV10" s="191">
        <v>55</v>
      </c>
      <c r="EW10" s="191">
        <v>45</v>
      </c>
      <c r="EX10" s="191">
        <v>21</v>
      </c>
      <c r="EY10" s="196">
        <v>438</v>
      </c>
      <c r="EZ10" s="195">
        <v>489</v>
      </c>
    </row>
    <row r="11" spans="2:156" ht="21" customHeight="1" x14ac:dyDescent="0.2">
      <c r="B11" s="106" t="s">
        <v>8</v>
      </c>
      <c r="C11" s="190">
        <v>0</v>
      </c>
      <c r="D11" s="191">
        <v>0</v>
      </c>
      <c r="E11" s="192">
        <v>0</v>
      </c>
      <c r="F11" s="193">
        <v>0</v>
      </c>
      <c r="G11" s="191">
        <v>13</v>
      </c>
      <c r="H11" s="191">
        <v>25</v>
      </c>
      <c r="I11" s="191">
        <v>19</v>
      </c>
      <c r="J11" s="191">
        <v>14</v>
      </c>
      <c r="K11" s="191">
        <v>14</v>
      </c>
      <c r="L11" s="194">
        <v>85</v>
      </c>
      <c r="M11" s="195">
        <v>85</v>
      </c>
      <c r="N11" s="190">
        <v>0</v>
      </c>
      <c r="O11" s="191">
        <v>0</v>
      </c>
      <c r="P11" s="196">
        <v>0</v>
      </c>
      <c r="Q11" s="193">
        <v>0</v>
      </c>
      <c r="R11" s="191">
        <v>0</v>
      </c>
      <c r="S11" s="191">
        <v>1</v>
      </c>
      <c r="T11" s="191">
        <v>2</v>
      </c>
      <c r="U11" s="191">
        <v>1</v>
      </c>
      <c r="V11" s="191">
        <v>6</v>
      </c>
      <c r="W11" s="196">
        <v>10</v>
      </c>
      <c r="X11" s="195">
        <v>10</v>
      </c>
      <c r="Y11" s="190">
        <v>6</v>
      </c>
      <c r="Z11" s="191">
        <v>7</v>
      </c>
      <c r="AA11" s="196">
        <v>13</v>
      </c>
      <c r="AB11" s="193">
        <v>0</v>
      </c>
      <c r="AC11" s="191">
        <v>16</v>
      </c>
      <c r="AD11" s="191">
        <v>23</v>
      </c>
      <c r="AE11" s="191">
        <v>10</v>
      </c>
      <c r="AF11" s="191">
        <v>15</v>
      </c>
      <c r="AG11" s="191">
        <v>12</v>
      </c>
      <c r="AH11" s="196">
        <v>76</v>
      </c>
      <c r="AI11" s="195">
        <v>89</v>
      </c>
      <c r="AJ11" s="190">
        <v>0</v>
      </c>
      <c r="AK11" s="191">
        <v>1</v>
      </c>
      <c r="AL11" s="196">
        <v>1</v>
      </c>
      <c r="AM11" s="193">
        <v>0</v>
      </c>
      <c r="AN11" s="191">
        <v>3</v>
      </c>
      <c r="AO11" s="191">
        <v>4</v>
      </c>
      <c r="AP11" s="191">
        <v>3</v>
      </c>
      <c r="AQ11" s="191">
        <v>2</v>
      </c>
      <c r="AR11" s="191">
        <v>1</v>
      </c>
      <c r="AS11" s="196">
        <v>13</v>
      </c>
      <c r="AT11" s="195">
        <v>14</v>
      </c>
      <c r="AU11" s="190">
        <v>5</v>
      </c>
      <c r="AV11" s="191">
        <v>2</v>
      </c>
      <c r="AW11" s="196">
        <v>7</v>
      </c>
      <c r="AX11" s="193">
        <v>0</v>
      </c>
      <c r="AY11" s="191">
        <v>35</v>
      </c>
      <c r="AZ11" s="191">
        <v>30</v>
      </c>
      <c r="BA11" s="191">
        <v>33</v>
      </c>
      <c r="BB11" s="191">
        <v>29</v>
      </c>
      <c r="BC11" s="191">
        <v>27</v>
      </c>
      <c r="BD11" s="194">
        <v>154</v>
      </c>
      <c r="BE11" s="195">
        <v>161</v>
      </c>
      <c r="BF11" s="190">
        <v>0</v>
      </c>
      <c r="BG11" s="191">
        <v>0</v>
      </c>
      <c r="BH11" s="196">
        <v>0</v>
      </c>
      <c r="BI11" s="193">
        <v>0</v>
      </c>
      <c r="BJ11" s="191">
        <v>26</v>
      </c>
      <c r="BK11" s="191">
        <v>22</v>
      </c>
      <c r="BL11" s="191">
        <v>16</v>
      </c>
      <c r="BM11" s="191">
        <v>7</v>
      </c>
      <c r="BN11" s="191">
        <v>6</v>
      </c>
      <c r="BO11" s="196">
        <v>77</v>
      </c>
      <c r="BP11" s="195">
        <v>77</v>
      </c>
      <c r="BQ11" s="190">
        <v>3</v>
      </c>
      <c r="BR11" s="191">
        <v>3</v>
      </c>
      <c r="BS11" s="196">
        <v>6</v>
      </c>
      <c r="BT11" s="193">
        <v>0</v>
      </c>
      <c r="BU11" s="191">
        <v>14</v>
      </c>
      <c r="BV11" s="191">
        <v>8</v>
      </c>
      <c r="BW11" s="191">
        <v>12</v>
      </c>
      <c r="BX11" s="191">
        <v>5</v>
      </c>
      <c r="BY11" s="191">
        <v>3</v>
      </c>
      <c r="BZ11" s="196">
        <v>42</v>
      </c>
      <c r="CA11" s="195">
        <v>48</v>
      </c>
      <c r="CB11" s="190">
        <v>1</v>
      </c>
      <c r="CC11" s="191">
        <v>0</v>
      </c>
      <c r="CD11" s="196">
        <v>1</v>
      </c>
      <c r="CE11" s="193">
        <v>0</v>
      </c>
      <c r="CF11" s="191">
        <v>6</v>
      </c>
      <c r="CG11" s="191">
        <v>10</v>
      </c>
      <c r="CH11" s="191">
        <v>11</v>
      </c>
      <c r="CI11" s="191">
        <v>3</v>
      </c>
      <c r="CJ11" s="191">
        <v>3</v>
      </c>
      <c r="CK11" s="196">
        <v>33</v>
      </c>
      <c r="CL11" s="195">
        <v>34</v>
      </c>
      <c r="CM11" s="190">
        <v>0</v>
      </c>
      <c r="CN11" s="191">
        <v>0</v>
      </c>
      <c r="CO11" s="196">
        <v>0</v>
      </c>
      <c r="CP11" s="193">
        <v>0</v>
      </c>
      <c r="CQ11" s="191">
        <v>0</v>
      </c>
      <c r="CR11" s="191">
        <v>1</v>
      </c>
      <c r="CS11" s="191">
        <v>0</v>
      </c>
      <c r="CT11" s="191">
        <v>0</v>
      </c>
      <c r="CU11" s="191">
        <v>1</v>
      </c>
      <c r="CV11" s="196">
        <v>2</v>
      </c>
      <c r="CW11" s="195">
        <v>2</v>
      </c>
      <c r="CX11" s="190">
        <v>0</v>
      </c>
      <c r="CY11" s="191">
        <v>0</v>
      </c>
      <c r="CZ11" s="196">
        <v>0</v>
      </c>
      <c r="DA11" s="193">
        <v>0</v>
      </c>
      <c r="DB11" s="191">
        <v>0</v>
      </c>
      <c r="DC11" s="191">
        <v>0</v>
      </c>
      <c r="DD11" s="191">
        <v>0</v>
      </c>
      <c r="DE11" s="191">
        <v>0</v>
      </c>
      <c r="DF11" s="191">
        <v>0</v>
      </c>
      <c r="DG11" s="196">
        <v>0</v>
      </c>
      <c r="DH11" s="195">
        <v>0</v>
      </c>
      <c r="DI11" s="190">
        <v>0</v>
      </c>
      <c r="DJ11" s="191">
        <v>0</v>
      </c>
      <c r="DK11" s="196">
        <v>0</v>
      </c>
      <c r="DL11" s="193">
        <v>0</v>
      </c>
      <c r="DM11" s="191">
        <v>0</v>
      </c>
      <c r="DN11" s="191">
        <v>0</v>
      </c>
      <c r="DO11" s="191">
        <v>0</v>
      </c>
      <c r="DP11" s="191">
        <v>0</v>
      </c>
      <c r="DQ11" s="191">
        <v>0</v>
      </c>
      <c r="DR11" s="196">
        <v>0</v>
      </c>
      <c r="DS11" s="195">
        <v>0</v>
      </c>
      <c r="DT11" s="190">
        <v>19</v>
      </c>
      <c r="DU11" s="191">
        <v>24</v>
      </c>
      <c r="DV11" s="196">
        <v>43</v>
      </c>
      <c r="DW11" s="193">
        <v>0</v>
      </c>
      <c r="DX11" s="191">
        <v>47</v>
      </c>
      <c r="DY11" s="191">
        <v>65</v>
      </c>
      <c r="DZ11" s="191">
        <v>44</v>
      </c>
      <c r="EA11" s="191">
        <v>26</v>
      </c>
      <c r="EB11" s="191">
        <v>19</v>
      </c>
      <c r="EC11" s="196">
        <v>201</v>
      </c>
      <c r="ED11" s="195">
        <v>244</v>
      </c>
      <c r="EE11" s="190">
        <v>4</v>
      </c>
      <c r="EF11" s="191">
        <v>2</v>
      </c>
      <c r="EG11" s="196">
        <v>6</v>
      </c>
      <c r="EH11" s="193">
        <v>0</v>
      </c>
      <c r="EI11" s="191">
        <v>11</v>
      </c>
      <c r="EJ11" s="191">
        <v>14</v>
      </c>
      <c r="EK11" s="191">
        <v>6</v>
      </c>
      <c r="EL11" s="191">
        <v>10</v>
      </c>
      <c r="EM11" s="191">
        <v>6</v>
      </c>
      <c r="EN11" s="196">
        <v>47</v>
      </c>
      <c r="EO11" s="195">
        <v>53</v>
      </c>
      <c r="EP11" s="190">
        <v>27</v>
      </c>
      <c r="EQ11" s="191">
        <v>27</v>
      </c>
      <c r="ER11" s="196">
        <v>54</v>
      </c>
      <c r="ES11" s="193">
        <v>0</v>
      </c>
      <c r="ET11" s="191">
        <v>104</v>
      </c>
      <c r="EU11" s="191">
        <v>83</v>
      </c>
      <c r="EV11" s="191">
        <v>52</v>
      </c>
      <c r="EW11" s="191">
        <v>26</v>
      </c>
      <c r="EX11" s="191">
        <v>24</v>
      </c>
      <c r="EY11" s="196">
        <v>289</v>
      </c>
      <c r="EZ11" s="195">
        <v>343</v>
      </c>
    </row>
    <row r="12" spans="2:156" ht="21" customHeight="1" x14ac:dyDescent="0.2">
      <c r="B12" s="106" t="s">
        <v>9</v>
      </c>
      <c r="C12" s="190">
        <v>0</v>
      </c>
      <c r="D12" s="191">
        <v>0</v>
      </c>
      <c r="E12" s="192">
        <v>0</v>
      </c>
      <c r="F12" s="193">
        <v>0</v>
      </c>
      <c r="G12" s="191">
        <v>68</v>
      </c>
      <c r="H12" s="191">
        <v>54</v>
      </c>
      <c r="I12" s="191">
        <v>43</v>
      </c>
      <c r="J12" s="191">
        <v>35</v>
      </c>
      <c r="K12" s="191">
        <v>24</v>
      </c>
      <c r="L12" s="194">
        <v>224</v>
      </c>
      <c r="M12" s="195">
        <v>224</v>
      </c>
      <c r="N12" s="190">
        <v>0</v>
      </c>
      <c r="O12" s="191">
        <v>0</v>
      </c>
      <c r="P12" s="196">
        <v>0</v>
      </c>
      <c r="Q12" s="193">
        <v>0</v>
      </c>
      <c r="R12" s="191">
        <v>2</v>
      </c>
      <c r="S12" s="191">
        <v>0</v>
      </c>
      <c r="T12" s="191">
        <v>2</v>
      </c>
      <c r="U12" s="191">
        <v>5</v>
      </c>
      <c r="V12" s="191">
        <v>6</v>
      </c>
      <c r="W12" s="196">
        <v>15</v>
      </c>
      <c r="X12" s="195">
        <v>15</v>
      </c>
      <c r="Y12" s="190">
        <v>12</v>
      </c>
      <c r="Z12" s="191">
        <v>17</v>
      </c>
      <c r="AA12" s="196">
        <v>29</v>
      </c>
      <c r="AB12" s="193">
        <v>0</v>
      </c>
      <c r="AC12" s="191">
        <v>50</v>
      </c>
      <c r="AD12" s="191">
        <v>50</v>
      </c>
      <c r="AE12" s="191">
        <v>30</v>
      </c>
      <c r="AF12" s="191">
        <v>31</v>
      </c>
      <c r="AG12" s="191">
        <v>17</v>
      </c>
      <c r="AH12" s="196">
        <v>178</v>
      </c>
      <c r="AI12" s="195">
        <v>207</v>
      </c>
      <c r="AJ12" s="190">
        <v>0</v>
      </c>
      <c r="AK12" s="191">
        <v>0</v>
      </c>
      <c r="AL12" s="196">
        <v>0</v>
      </c>
      <c r="AM12" s="193">
        <v>0</v>
      </c>
      <c r="AN12" s="191">
        <v>4</v>
      </c>
      <c r="AO12" s="191">
        <v>9</v>
      </c>
      <c r="AP12" s="191">
        <v>3</v>
      </c>
      <c r="AQ12" s="191">
        <v>5</v>
      </c>
      <c r="AR12" s="191">
        <v>4</v>
      </c>
      <c r="AS12" s="196">
        <v>25</v>
      </c>
      <c r="AT12" s="195">
        <v>25</v>
      </c>
      <c r="AU12" s="190">
        <v>18</v>
      </c>
      <c r="AV12" s="191">
        <v>9</v>
      </c>
      <c r="AW12" s="196">
        <v>27</v>
      </c>
      <c r="AX12" s="193">
        <v>0</v>
      </c>
      <c r="AY12" s="191">
        <v>70</v>
      </c>
      <c r="AZ12" s="191">
        <v>72</v>
      </c>
      <c r="BA12" s="191">
        <v>58</v>
      </c>
      <c r="BB12" s="191">
        <v>69</v>
      </c>
      <c r="BC12" s="191">
        <v>47</v>
      </c>
      <c r="BD12" s="194">
        <v>316</v>
      </c>
      <c r="BE12" s="195">
        <v>343</v>
      </c>
      <c r="BF12" s="190">
        <v>0</v>
      </c>
      <c r="BG12" s="191">
        <v>0</v>
      </c>
      <c r="BH12" s="196">
        <v>0</v>
      </c>
      <c r="BI12" s="193">
        <v>0</v>
      </c>
      <c r="BJ12" s="191">
        <v>58</v>
      </c>
      <c r="BK12" s="191">
        <v>48</v>
      </c>
      <c r="BL12" s="191">
        <v>21</v>
      </c>
      <c r="BM12" s="191">
        <v>11</v>
      </c>
      <c r="BN12" s="191">
        <v>3</v>
      </c>
      <c r="BO12" s="196">
        <v>141</v>
      </c>
      <c r="BP12" s="195">
        <v>141</v>
      </c>
      <c r="BQ12" s="190">
        <v>6</v>
      </c>
      <c r="BR12" s="191">
        <v>13</v>
      </c>
      <c r="BS12" s="196">
        <v>19</v>
      </c>
      <c r="BT12" s="193">
        <v>0</v>
      </c>
      <c r="BU12" s="191">
        <v>19</v>
      </c>
      <c r="BV12" s="191">
        <v>11</v>
      </c>
      <c r="BW12" s="191">
        <v>11</v>
      </c>
      <c r="BX12" s="191">
        <v>6</v>
      </c>
      <c r="BY12" s="191">
        <v>4</v>
      </c>
      <c r="BZ12" s="196">
        <v>51</v>
      </c>
      <c r="CA12" s="195">
        <v>70</v>
      </c>
      <c r="CB12" s="190">
        <v>1</v>
      </c>
      <c r="CC12" s="191">
        <v>0</v>
      </c>
      <c r="CD12" s="196">
        <v>1</v>
      </c>
      <c r="CE12" s="193">
        <v>0</v>
      </c>
      <c r="CF12" s="191">
        <v>5</v>
      </c>
      <c r="CG12" s="191">
        <v>9</v>
      </c>
      <c r="CH12" s="191">
        <v>14</v>
      </c>
      <c r="CI12" s="191">
        <v>7</v>
      </c>
      <c r="CJ12" s="191">
        <v>2</v>
      </c>
      <c r="CK12" s="196">
        <v>37</v>
      </c>
      <c r="CL12" s="195">
        <v>38</v>
      </c>
      <c r="CM12" s="190">
        <v>0</v>
      </c>
      <c r="CN12" s="191">
        <v>0</v>
      </c>
      <c r="CO12" s="196">
        <v>0</v>
      </c>
      <c r="CP12" s="193">
        <v>0</v>
      </c>
      <c r="CQ12" s="191">
        <v>0</v>
      </c>
      <c r="CR12" s="191">
        <v>2</v>
      </c>
      <c r="CS12" s="191">
        <v>4</v>
      </c>
      <c r="CT12" s="191">
        <v>0</v>
      </c>
      <c r="CU12" s="191">
        <v>0</v>
      </c>
      <c r="CV12" s="196">
        <v>6</v>
      </c>
      <c r="CW12" s="195">
        <v>6</v>
      </c>
      <c r="CX12" s="190">
        <v>0</v>
      </c>
      <c r="CY12" s="191">
        <v>0</v>
      </c>
      <c r="CZ12" s="196">
        <v>0</v>
      </c>
      <c r="DA12" s="193">
        <v>0</v>
      </c>
      <c r="DB12" s="191">
        <v>0</v>
      </c>
      <c r="DC12" s="191">
        <v>0</v>
      </c>
      <c r="DD12" s="191">
        <v>0</v>
      </c>
      <c r="DE12" s="191">
        <v>0</v>
      </c>
      <c r="DF12" s="191">
        <v>0</v>
      </c>
      <c r="DG12" s="196">
        <v>0</v>
      </c>
      <c r="DH12" s="195">
        <v>0</v>
      </c>
      <c r="DI12" s="190">
        <v>0</v>
      </c>
      <c r="DJ12" s="191">
        <v>0</v>
      </c>
      <c r="DK12" s="196">
        <v>0</v>
      </c>
      <c r="DL12" s="193">
        <v>0</v>
      </c>
      <c r="DM12" s="191">
        <v>0</v>
      </c>
      <c r="DN12" s="191">
        <v>0</v>
      </c>
      <c r="DO12" s="191">
        <v>0</v>
      </c>
      <c r="DP12" s="191">
        <v>0</v>
      </c>
      <c r="DQ12" s="191">
        <v>0</v>
      </c>
      <c r="DR12" s="196">
        <v>0</v>
      </c>
      <c r="DS12" s="195">
        <v>0</v>
      </c>
      <c r="DT12" s="190">
        <v>27</v>
      </c>
      <c r="DU12" s="191">
        <v>43</v>
      </c>
      <c r="DV12" s="196">
        <v>70</v>
      </c>
      <c r="DW12" s="193">
        <v>0</v>
      </c>
      <c r="DX12" s="191">
        <v>97</v>
      </c>
      <c r="DY12" s="191">
        <v>113</v>
      </c>
      <c r="DZ12" s="191">
        <v>62</v>
      </c>
      <c r="EA12" s="191">
        <v>48</v>
      </c>
      <c r="EB12" s="191">
        <v>34</v>
      </c>
      <c r="EC12" s="196">
        <v>354</v>
      </c>
      <c r="ED12" s="195">
        <v>424</v>
      </c>
      <c r="EE12" s="190">
        <v>15</v>
      </c>
      <c r="EF12" s="191">
        <v>7</v>
      </c>
      <c r="EG12" s="196">
        <v>22</v>
      </c>
      <c r="EH12" s="193">
        <v>0</v>
      </c>
      <c r="EI12" s="191">
        <v>44</v>
      </c>
      <c r="EJ12" s="191">
        <v>30</v>
      </c>
      <c r="EK12" s="191">
        <v>27</v>
      </c>
      <c r="EL12" s="191">
        <v>24</v>
      </c>
      <c r="EM12" s="191">
        <v>16</v>
      </c>
      <c r="EN12" s="196">
        <v>141</v>
      </c>
      <c r="EO12" s="195">
        <v>163</v>
      </c>
      <c r="EP12" s="190">
        <v>47</v>
      </c>
      <c r="EQ12" s="191">
        <v>63</v>
      </c>
      <c r="ER12" s="196">
        <v>110</v>
      </c>
      <c r="ES12" s="193">
        <v>0</v>
      </c>
      <c r="ET12" s="191">
        <v>190</v>
      </c>
      <c r="EU12" s="191">
        <v>163</v>
      </c>
      <c r="EV12" s="191">
        <v>85</v>
      </c>
      <c r="EW12" s="191">
        <v>63</v>
      </c>
      <c r="EX12" s="191">
        <v>33</v>
      </c>
      <c r="EY12" s="196">
        <v>534</v>
      </c>
      <c r="EZ12" s="195">
        <v>644</v>
      </c>
    </row>
    <row r="13" spans="2:156" ht="21" customHeight="1" x14ac:dyDescent="0.2">
      <c r="B13" s="106" t="s">
        <v>10</v>
      </c>
      <c r="C13" s="190">
        <v>0</v>
      </c>
      <c r="D13" s="191">
        <v>0</v>
      </c>
      <c r="E13" s="192">
        <v>0</v>
      </c>
      <c r="F13" s="193">
        <v>0</v>
      </c>
      <c r="G13" s="191">
        <v>85</v>
      </c>
      <c r="H13" s="191">
        <v>66</v>
      </c>
      <c r="I13" s="191">
        <v>42</v>
      </c>
      <c r="J13" s="191">
        <v>36</v>
      </c>
      <c r="K13" s="191">
        <v>21</v>
      </c>
      <c r="L13" s="194">
        <v>250</v>
      </c>
      <c r="M13" s="195">
        <v>250</v>
      </c>
      <c r="N13" s="190">
        <v>0</v>
      </c>
      <c r="O13" s="191">
        <v>0</v>
      </c>
      <c r="P13" s="196">
        <v>0</v>
      </c>
      <c r="Q13" s="193">
        <v>0</v>
      </c>
      <c r="R13" s="191">
        <v>0</v>
      </c>
      <c r="S13" s="191">
        <v>3</v>
      </c>
      <c r="T13" s="191">
        <v>2</v>
      </c>
      <c r="U13" s="191">
        <v>6</v>
      </c>
      <c r="V13" s="191">
        <v>6</v>
      </c>
      <c r="W13" s="196">
        <v>17</v>
      </c>
      <c r="X13" s="195">
        <v>17</v>
      </c>
      <c r="Y13" s="190">
        <v>17</v>
      </c>
      <c r="Z13" s="191">
        <v>33</v>
      </c>
      <c r="AA13" s="196">
        <v>50</v>
      </c>
      <c r="AB13" s="193">
        <v>0</v>
      </c>
      <c r="AC13" s="191">
        <v>69</v>
      </c>
      <c r="AD13" s="191">
        <v>46</v>
      </c>
      <c r="AE13" s="191">
        <v>31</v>
      </c>
      <c r="AF13" s="191">
        <v>33</v>
      </c>
      <c r="AG13" s="191">
        <v>11</v>
      </c>
      <c r="AH13" s="196">
        <v>190</v>
      </c>
      <c r="AI13" s="195">
        <v>240</v>
      </c>
      <c r="AJ13" s="190">
        <v>1</v>
      </c>
      <c r="AK13" s="191">
        <v>4</v>
      </c>
      <c r="AL13" s="196">
        <v>5</v>
      </c>
      <c r="AM13" s="193">
        <v>0</v>
      </c>
      <c r="AN13" s="191">
        <v>11</v>
      </c>
      <c r="AO13" s="191">
        <v>9</v>
      </c>
      <c r="AP13" s="191">
        <v>3</v>
      </c>
      <c r="AQ13" s="191">
        <v>5</v>
      </c>
      <c r="AR13" s="191">
        <v>2</v>
      </c>
      <c r="AS13" s="196">
        <v>30</v>
      </c>
      <c r="AT13" s="195">
        <v>35</v>
      </c>
      <c r="AU13" s="190">
        <v>19</v>
      </c>
      <c r="AV13" s="191">
        <v>27</v>
      </c>
      <c r="AW13" s="196">
        <v>46</v>
      </c>
      <c r="AX13" s="193">
        <v>0</v>
      </c>
      <c r="AY13" s="191">
        <v>99</v>
      </c>
      <c r="AZ13" s="191">
        <v>96</v>
      </c>
      <c r="BA13" s="191">
        <v>88</v>
      </c>
      <c r="BB13" s="191">
        <v>76</v>
      </c>
      <c r="BC13" s="191">
        <v>62</v>
      </c>
      <c r="BD13" s="194">
        <v>421</v>
      </c>
      <c r="BE13" s="195">
        <v>467</v>
      </c>
      <c r="BF13" s="190">
        <v>0</v>
      </c>
      <c r="BG13" s="191">
        <v>0</v>
      </c>
      <c r="BH13" s="196">
        <v>0</v>
      </c>
      <c r="BI13" s="193">
        <v>0</v>
      </c>
      <c r="BJ13" s="191">
        <v>125</v>
      </c>
      <c r="BK13" s="191">
        <v>57</v>
      </c>
      <c r="BL13" s="191">
        <v>36</v>
      </c>
      <c r="BM13" s="191">
        <v>19</v>
      </c>
      <c r="BN13" s="191">
        <v>12</v>
      </c>
      <c r="BO13" s="196">
        <v>249</v>
      </c>
      <c r="BP13" s="195">
        <v>249</v>
      </c>
      <c r="BQ13" s="190">
        <v>5</v>
      </c>
      <c r="BR13" s="191">
        <v>3</v>
      </c>
      <c r="BS13" s="196">
        <v>8</v>
      </c>
      <c r="BT13" s="193">
        <v>0</v>
      </c>
      <c r="BU13" s="191">
        <v>23</v>
      </c>
      <c r="BV13" s="191">
        <v>15</v>
      </c>
      <c r="BW13" s="191">
        <v>11</v>
      </c>
      <c r="BX13" s="191">
        <v>4</v>
      </c>
      <c r="BY13" s="191">
        <v>1</v>
      </c>
      <c r="BZ13" s="196">
        <v>54</v>
      </c>
      <c r="CA13" s="195">
        <v>62</v>
      </c>
      <c r="CB13" s="190">
        <v>0</v>
      </c>
      <c r="CC13" s="191">
        <v>2</v>
      </c>
      <c r="CD13" s="196">
        <v>2</v>
      </c>
      <c r="CE13" s="193">
        <v>0</v>
      </c>
      <c r="CF13" s="191">
        <v>11</v>
      </c>
      <c r="CG13" s="191">
        <v>14</v>
      </c>
      <c r="CH13" s="191">
        <v>9</v>
      </c>
      <c r="CI13" s="191">
        <v>8</v>
      </c>
      <c r="CJ13" s="191">
        <v>4</v>
      </c>
      <c r="CK13" s="196">
        <v>46</v>
      </c>
      <c r="CL13" s="195">
        <v>48</v>
      </c>
      <c r="CM13" s="190">
        <v>0</v>
      </c>
      <c r="CN13" s="191">
        <v>0</v>
      </c>
      <c r="CO13" s="196">
        <v>0</v>
      </c>
      <c r="CP13" s="193">
        <v>0</v>
      </c>
      <c r="CQ13" s="191">
        <v>0</v>
      </c>
      <c r="CR13" s="191">
        <v>2</v>
      </c>
      <c r="CS13" s="191">
        <v>0</v>
      </c>
      <c r="CT13" s="191">
        <v>1</v>
      </c>
      <c r="CU13" s="191">
        <v>1</v>
      </c>
      <c r="CV13" s="196">
        <v>4</v>
      </c>
      <c r="CW13" s="195">
        <v>4</v>
      </c>
      <c r="CX13" s="190">
        <v>0</v>
      </c>
      <c r="CY13" s="191">
        <v>0</v>
      </c>
      <c r="CZ13" s="196">
        <v>0</v>
      </c>
      <c r="DA13" s="193">
        <v>0</v>
      </c>
      <c r="DB13" s="191">
        <v>0</v>
      </c>
      <c r="DC13" s="191">
        <v>0</v>
      </c>
      <c r="DD13" s="191">
        <v>0</v>
      </c>
      <c r="DE13" s="191">
        <v>0</v>
      </c>
      <c r="DF13" s="191">
        <v>0</v>
      </c>
      <c r="DG13" s="196">
        <v>0</v>
      </c>
      <c r="DH13" s="195">
        <v>0</v>
      </c>
      <c r="DI13" s="190">
        <v>0</v>
      </c>
      <c r="DJ13" s="191">
        <v>0</v>
      </c>
      <c r="DK13" s="196">
        <v>0</v>
      </c>
      <c r="DL13" s="193">
        <v>0</v>
      </c>
      <c r="DM13" s="191">
        <v>0</v>
      </c>
      <c r="DN13" s="191">
        <v>0</v>
      </c>
      <c r="DO13" s="191">
        <v>0</v>
      </c>
      <c r="DP13" s="191">
        <v>0</v>
      </c>
      <c r="DQ13" s="191">
        <v>0</v>
      </c>
      <c r="DR13" s="196">
        <v>0</v>
      </c>
      <c r="DS13" s="195">
        <v>0</v>
      </c>
      <c r="DT13" s="190">
        <v>62</v>
      </c>
      <c r="DU13" s="191">
        <v>103</v>
      </c>
      <c r="DV13" s="196">
        <v>165</v>
      </c>
      <c r="DW13" s="193">
        <v>0</v>
      </c>
      <c r="DX13" s="191">
        <v>129</v>
      </c>
      <c r="DY13" s="191">
        <v>115</v>
      </c>
      <c r="DZ13" s="191">
        <v>78</v>
      </c>
      <c r="EA13" s="191">
        <v>56</v>
      </c>
      <c r="EB13" s="191">
        <v>29</v>
      </c>
      <c r="EC13" s="196">
        <v>407</v>
      </c>
      <c r="ED13" s="195">
        <v>572</v>
      </c>
      <c r="EE13" s="190">
        <v>8</v>
      </c>
      <c r="EF13" s="191">
        <v>8</v>
      </c>
      <c r="EG13" s="196">
        <v>16</v>
      </c>
      <c r="EH13" s="193">
        <v>0</v>
      </c>
      <c r="EI13" s="191">
        <v>35</v>
      </c>
      <c r="EJ13" s="191">
        <v>29</v>
      </c>
      <c r="EK13" s="191">
        <v>30</v>
      </c>
      <c r="EL13" s="191">
        <v>26</v>
      </c>
      <c r="EM13" s="191">
        <v>21</v>
      </c>
      <c r="EN13" s="196">
        <v>141</v>
      </c>
      <c r="EO13" s="195">
        <v>157</v>
      </c>
      <c r="EP13" s="190">
        <v>82</v>
      </c>
      <c r="EQ13" s="191">
        <v>123</v>
      </c>
      <c r="ER13" s="196">
        <v>205</v>
      </c>
      <c r="ES13" s="193">
        <v>0</v>
      </c>
      <c r="ET13" s="191">
        <v>254</v>
      </c>
      <c r="EU13" s="191">
        <v>154</v>
      </c>
      <c r="EV13" s="191">
        <v>94</v>
      </c>
      <c r="EW13" s="191">
        <v>63</v>
      </c>
      <c r="EX13" s="191">
        <v>30</v>
      </c>
      <c r="EY13" s="196">
        <v>595</v>
      </c>
      <c r="EZ13" s="195">
        <v>800</v>
      </c>
    </row>
    <row r="14" spans="2:156" ht="21" customHeight="1" x14ac:dyDescent="0.2">
      <c r="B14" s="106" t="s">
        <v>11</v>
      </c>
      <c r="C14" s="190">
        <v>0</v>
      </c>
      <c r="D14" s="191">
        <v>0</v>
      </c>
      <c r="E14" s="192">
        <v>0</v>
      </c>
      <c r="F14" s="193">
        <v>0</v>
      </c>
      <c r="G14" s="191">
        <v>17</v>
      </c>
      <c r="H14" s="191">
        <v>14</v>
      </c>
      <c r="I14" s="191">
        <v>4</v>
      </c>
      <c r="J14" s="191">
        <v>7</v>
      </c>
      <c r="K14" s="191">
        <v>6</v>
      </c>
      <c r="L14" s="194">
        <v>48</v>
      </c>
      <c r="M14" s="195">
        <v>48</v>
      </c>
      <c r="N14" s="190">
        <v>0</v>
      </c>
      <c r="O14" s="191">
        <v>0</v>
      </c>
      <c r="P14" s="196">
        <v>0</v>
      </c>
      <c r="Q14" s="193">
        <v>0</v>
      </c>
      <c r="R14" s="191">
        <v>0</v>
      </c>
      <c r="S14" s="191">
        <v>0</v>
      </c>
      <c r="T14" s="191">
        <v>2</v>
      </c>
      <c r="U14" s="191">
        <v>3</v>
      </c>
      <c r="V14" s="191">
        <v>3</v>
      </c>
      <c r="W14" s="196">
        <v>8</v>
      </c>
      <c r="X14" s="195">
        <v>8</v>
      </c>
      <c r="Y14" s="190">
        <v>4</v>
      </c>
      <c r="Z14" s="191">
        <v>1</v>
      </c>
      <c r="AA14" s="196">
        <v>5</v>
      </c>
      <c r="AB14" s="193">
        <v>0</v>
      </c>
      <c r="AC14" s="191">
        <v>23</v>
      </c>
      <c r="AD14" s="191">
        <v>19</v>
      </c>
      <c r="AE14" s="191">
        <v>8</v>
      </c>
      <c r="AF14" s="191">
        <v>9</v>
      </c>
      <c r="AG14" s="191">
        <v>7</v>
      </c>
      <c r="AH14" s="196">
        <v>66</v>
      </c>
      <c r="AI14" s="195">
        <v>71</v>
      </c>
      <c r="AJ14" s="190">
        <v>0</v>
      </c>
      <c r="AK14" s="191">
        <v>0</v>
      </c>
      <c r="AL14" s="196">
        <v>0</v>
      </c>
      <c r="AM14" s="193">
        <v>0</v>
      </c>
      <c r="AN14" s="191">
        <v>1</v>
      </c>
      <c r="AO14" s="191">
        <v>4</v>
      </c>
      <c r="AP14" s="191">
        <v>2</v>
      </c>
      <c r="AQ14" s="191">
        <v>1</v>
      </c>
      <c r="AR14" s="191">
        <v>1</v>
      </c>
      <c r="AS14" s="196">
        <v>9</v>
      </c>
      <c r="AT14" s="195">
        <v>9</v>
      </c>
      <c r="AU14" s="190">
        <v>5</v>
      </c>
      <c r="AV14" s="191">
        <v>4</v>
      </c>
      <c r="AW14" s="196">
        <v>9</v>
      </c>
      <c r="AX14" s="193">
        <v>0</v>
      </c>
      <c r="AY14" s="191">
        <v>24</v>
      </c>
      <c r="AZ14" s="191">
        <v>29</v>
      </c>
      <c r="BA14" s="191">
        <v>21</v>
      </c>
      <c r="BB14" s="191">
        <v>23</v>
      </c>
      <c r="BC14" s="191">
        <v>18</v>
      </c>
      <c r="BD14" s="194">
        <v>115</v>
      </c>
      <c r="BE14" s="195">
        <v>124</v>
      </c>
      <c r="BF14" s="190">
        <v>0</v>
      </c>
      <c r="BG14" s="191">
        <v>0</v>
      </c>
      <c r="BH14" s="196">
        <v>0</v>
      </c>
      <c r="BI14" s="193">
        <v>0</v>
      </c>
      <c r="BJ14" s="191">
        <v>15</v>
      </c>
      <c r="BK14" s="191">
        <v>15</v>
      </c>
      <c r="BL14" s="191">
        <v>8</v>
      </c>
      <c r="BM14" s="191">
        <v>7</v>
      </c>
      <c r="BN14" s="191">
        <v>4</v>
      </c>
      <c r="BO14" s="196">
        <v>49</v>
      </c>
      <c r="BP14" s="195">
        <v>49</v>
      </c>
      <c r="BQ14" s="190">
        <v>0</v>
      </c>
      <c r="BR14" s="191">
        <v>5</v>
      </c>
      <c r="BS14" s="196">
        <v>5</v>
      </c>
      <c r="BT14" s="193">
        <v>0</v>
      </c>
      <c r="BU14" s="191">
        <v>11</v>
      </c>
      <c r="BV14" s="191">
        <v>6</v>
      </c>
      <c r="BW14" s="191">
        <v>5</v>
      </c>
      <c r="BX14" s="191">
        <v>4</v>
      </c>
      <c r="BY14" s="191">
        <v>1</v>
      </c>
      <c r="BZ14" s="196">
        <v>27</v>
      </c>
      <c r="CA14" s="195">
        <v>32</v>
      </c>
      <c r="CB14" s="190">
        <v>0</v>
      </c>
      <c r="CC14" s="191">
        <v>0</v>
      </c>
      <c r="CD14" s="196">
        <v>0</v>
      </c>
      <c r="CE14" s="193">
        <v>0</v>
      </c>
      <c r="CF14" s="191">
        <v>3</v>
      </c>
      <c r="CG14" s="191">
        <v>2</v>
      </c>
      <c r="CH14" s="191">
        <v>0</v>
      </c>
      <c r="CI14" s="191">
        <v>1</v>
      </c>
      <c r="CJ14" s="191">
        <v>2</v>
      </c>
      <c r="CK14" s="196">
        <v>8</v>
      </c>
      <c r="CL14" s="195">
        <v>8</v>
      </c>
      <c r="CM14" s="190">
        <v>0</v>
      </c>
      <c r="CN14" s="191">
        <v>0</v>
      </c>
      <c r="CO14" s="196">
        <v>0</v>
      </c>
      <c r="CP14" s="193">
        <v>0</v>
      </c>
      <c r="CQ14" s="191">
        <v>0</v>
      </c>
      <c r="CR14" s="191">
        <v>0</v>
      </c>
      <c r="CS14" s="191">
        <v>1</v>
      </c>
      <c r="CT14" s="191">
        <v>1</v>
      </c>
      <c r="CU14" s="191">
        <v>2</v>
      </c>
      <c r="CV14" s="196">
        <v>4</v>
      </c>
      <c r="CW14" s="195">
        <v>4</v>
      </c>
      <c r="CX14" s="190">
        <v>0</v>
      </c>
      <c r="CY14" s="191">
        <v>0</v>
      </c>
      <c r="CZ14" s="196">
        <v>0</v>
      </c>
      <c r="DA14" s="193">
        <v>0</v>
      </c>
      <c r="DB14" s="191">
        <v>0</v>
      </c>
      <c r="DC14" s="191">
        <v>0</v>
      </c>
      <c r="DD14" s="191">
        <v>0</v>
      </c>
      <c r="DE14" s="191">
        <v>0</v>
      </c>
      <c r="DF14" s="191">
        <v>0</v>
      </c>
      <c r="DG14" s="196">
        <v>0</v>
      </c>
      <c r="DH14" s="195">
        <v>0</v>
      </c>
      <c r="DI14" s="190">
        <v>0</v>
      </c>
      <c r="DJ14" s="191">
        <v>0</v>
      </c>
      <c r="DK14" s="196">
        <v>0</v>
      </c>
      <c r="DL14" s="193">
        <v>0</v>
      </c>
      <c r="DM14" s="191">
        <v>0</v>
      </c>
      <c r="DN14" s="191">
        <v>0</v>
      </c>
      <c r="DO14" s="191">
        <v>0</v>
      </c>
      <c r="DP14" s="191">
        <v>0</v>
      </c>
      <c r="DQ14" s="191">
        <v>0</v>
      </c>
      <c r="DR14" s="196">
        <v>0</v>
      </c>
      <c r="DS14" s="195">
        <v>0</v>
      </c>
      <c r="DT14" s="190">
        <v>16</v>
      </c>
      <c r="DU14" s="191">
        <v>20</v>
      </c>
      <c r="DV14" s="196">
        <v>36</v>
      </c>
      <c r="DW14" s="193">
        <v>0</v>
      </c>
      <c r="DX14" s="191">
        <v>37</v>
      </c>
      <c r="DY14" s="191">
        <v>44</v>
      </c>
      <c r="DZ14" s="191">
        <v>22</v>
      </c>
      <c r="EA14" s="191">
        <v>22</v>
      </c>
      <c r="EB14" s="191">
        <v>12</v>
      </c>
      <c r="EC14" s="196">
        <v>137</v>
      </c>
      <c r="ED14" s="195">
        <v>173</v>
      </c>
      <c r="EE14" s="190">
        <v>4</v>
      </c>
      <c r="EF14" s="191">
        <v>3</v>
      </c>
      <c r="EG14" s="196">
        <v>7</v>
      </c>
      <c r="EH14" s="193">
        <v>0</v>
      </c>
      <c r="EI14" s="191">
        <v>19</v>
      </c>
      <c r="EJ14" s="191">
        <v>11</v>
      </c>
      <c r="EK14" s="191">
        <v>8</v>
      </c>
      <c r="EL14" s="191">
        <v>15</v>
      </c>
      <c r="EM14" s="191">
        <v>11</v>
      </c>
      <c r="EN14" s="196">
        <v>64</v>
      </c>
      <c r="EO14" s="195">
        <v>71</v>
      </c>
      <c r="EP14" s="190">
        <v>24</v>
      </c>
      <c r="EQ14" s="191">
        <v>26</v>
      </c>
      <c r="ER14" s="196">
        <v>50</v>
      </c>
      <c r="ES14" s="193">
        <v>0</v>
      </c>
      <c r="ET14" s="191">
        <v>84</v>
      </c>
      <c r="EU14" s="191">
        <v>62</v>
      </c>
      <c r="EV14" s="191">
        <v>27</v>
      </c>
      <c r="EW14" s="191">
        <v>27</v>
      </c>
      <c r="EX14" s="191">
        <v>13</v>
      </c>
      <c r="EY14" s="196">
        <v>213</v>
      </c>
      <c r="EZ14" s="195">
        <v>263</v>
      </c>
    </row>
    <row r="15" spans="2:156" ht="21" customHeight="1" x14ac:dyDescent="0.2">
      <c r="B15" s="106" t="s">
        <v>12</v>
      </c>
      <c r="C15" s="190">
        <v>0</v>
      </c>
      <c r="D15" s="191">
        <v>0</v>
      </c>
      <c r="E15" s="192">
        <v>0</v>
      </c>
      <c r="F15" s="193">
        <v>0</v>
      </c>
      <c r="G15" s="191">
        <v>38</v>
      </c>
      <c r="H15" s="191">
        <v>29</v>
      </c>
      <c r="I15" s="191">
        <v>19</v>
      </c>
      <c r="J15" s="191">
        <v>14</v>
      </c>
      <c r="K15" s="191">
        <v>12</v>
      </c>
      <c r="L15" s="194">
        <v>112</v>
      </c>
      <c r="M15" s="195">
        <v>112</v>
      </c>
      <c r="N15" s="190">
        <v>0</v>
      </c>
      <c r="O15" s="191">
        <v>0</v>
      </c>
      <c r="P15" s="196">
        <v>0</v>
      </c>
      <c r="Q15" s="193">
        <v>0</v>
      </c>
      <c r="R15" s="191">
        <v>0</v>
      </c>
      <c r="S15" s="191">
        <v>1</v>
      </c>
      <c r="T15" s="191">
        <v>1</v>
      </c>
      <c r="U15" s="191">
        <v>3</v>
      </c>
      <c r="V15" s="191">
        <v>4</v>
      </c>
      <c r="W15" s="196">
        <v>9</v>
      </c>
      <c r="X15" s="195">
        <v>9</v>
      </c>
      <c r="Y15" s="190">
        <v>9</v>
      </c>
      <c r="Z15" s="191">
        <v>22</v>
      </c>
      <c r="AA15" s="196">
        <v>31</v>
      </c>
      <c r="AB15" s="193">
        <v>0</v>
      </c>
      <c r="AC15" s="191">
        <v>25</v>
      </c>
      <c r="AD15" s="191">
        <v>27</v>
      </c>
      <c r="AE15" s="191">
        <v>10</v>
      </c>
      <c r="AF15" s="191">
        <v>18</v>
      </c>
      <c r="AG15" s="191">
        <v>7</v>
      </c>
      <c r="AH15" s="196">
        <v>87</v>
      </c>
      <c r="AI15" s="195">
        <v>118</v>
      </c>
      <c r="AJ15" s="190">
        <v>1</v>
      </c>
      <c r="AK15" s="191">
        <v>2</v>
      </c>
      <c r="AL15" s="196">
        <v>3</v>
      </c>
      <c r="AM15" s="193">
        <v>0</v>
      </c>
      <c r="AN15" s="191">
        <v>1</v>
      </c>
      <c r="AO15" s="191">
        <v>1</v>
      </c>
      <c r="AP15" s="191">
        <v>1</v>
      </c>
      <c r="AQ15" s="191">
        <v>4</v>
      </c>
      <c r="AR15" s="191">
        <v>0</v>
      </c>
      <c r="AS15" s="196">
        <v>7</v>
      </c>
      <c r="AT15" s="195">
        <v>10</v>
      </c>
      <c r="AU15" s="190">
        <v>5</v>
      </c>
      <c r="AV15" s="191">
        <v>9</v>
      </c>
      <c r="AW15" s="196">
        <v>14</v>
      </c>
      <c r="AX15" s="193">
        <v>0</v>
      </c>
      <c r="AY15" s="191">
        <v>24</v>
      </c>
      <c r="AZ15" s="191">
        <v>28</v>
      </c>
      <c r="BA15" s="191">
        <v>25</v>
      </c>
      <c r="BB15" s="191">
        <v>32</v>
      </c>
      <c r="BC15" s="191">
        <v>19</v>
      </c>
      <c r="BD15" s="194">
        <v>128</v>
      </c>
      <c r="BE15" s="195">
        <v>142</v>
      </c>
      <c r="BF15" s="190">
        <v>0</v>
      </c>
      <c r="BG15" s="191">
        <v>0</v>
      </c>
      <c r="BH15" s="196">
        <v>0</v>
      </c>
      <c r="BI15" s="193">
        <v>0</v>
      </c>
      <c r="BJ15" s="191">
        <v>43</v>
      </c>
      <c r="BK15" s="191">
        <v>33</v>
      </c>
      <c r="BL15" s="191">
        <v>13</v>
      </c>
      <c r="BM15" s="191">
        <v>6</v>
      </c>
      <c r="BN15" s="191">
        <v>6</v>
      </c>
      <c r="BO15" s="196">
        <v>101</v>
      </c>
      <c r="BP15" s="195">
        <v>101</v>
      </c>
      <c r="BQ15" s="190">
        <v>8</v>
      </c>
      <c r="BR15" s="191">
        <v>12</v>
      </c>
      <c r="BS15" s="196">
        <v>20</v>
      </c>
      <c r="BT15" s="193">
        <v>0</v>
      </c>
      <c r="BU15" s="191">
        <v>9</v>
      </c>
      <c r="BV15" s="191">
        <v>10</v>
      </c>
      <c r="BW15" s="191">
        <v>8</v>
      </c>
      <c r="BX15" s="191">
        <v>5</v>
      </c>
      <c r="BY15" s="191">
        <v>0</v>
      </c>
      <c r="BZ15" s="196">
        <v>32</v>
      </c>
      <c r="CA15" s="195">
        <v>52</v>
      </c>
      <c r="CB15" s="190">
        <v>0</v>
      </c>
      <c r="CC15" s="191">
        <v>0</v>
      </c>
      <c r="CD15" s="196">
        <v>0</v>
      </c>
      <c r="CE15" s="193">
        <v>0</v>
      </c>
      <c r="CF15" s="191">
        <v>6</v>
      </c>
      <c r="CG15" s="191">
        <v>8</v>
      </c>
      <c r="CH15" s="191">
        <v>8</v>
      </c>
      <c r="CI15" s="191">
        <v>8</v>
      </c>
      <c r="CJ15" s="191">
        <v>2</v>
      </c>
      <c r="CK15" s="196">
        <v>32</v>
      </c>
      <c r="CL15" s="195">
        <v>32</v>
      </c>
      <c r="CM15" s="190">
        <v>0</v>
      </c>
      <c r="CN15" s="191">
        <v>0</v>
      </c>
      <c r="CO15" s="196">
        <v>0</v>
      </c>
      <c r="CP15" s="193">
        <v>0</v>
      </c>
      <c r="CQ15" s="191">
        <v>1</v>
      </c>
      <c r="CR15" s="191">
        <v>0</v>
      </c>
      <c r="CS15" s="191">
        <v>0</v>
      </c>
      <c r="CT15" s="191">
        <v>0</v>
      </c>
      <c r="CU15" s="191">
        <v>1</v>
      </c>
      <c r="CV15" s="196">
        <v>2</v>
      </c>
      <c r="CW15" s="195">
        <v>2</v>
      </c>
      <c r="CX15" s="190">
        <v>0</v>
      </c>
      <c r="CY15" s="191">
        <v>0</v>
      </c>
      <c r="CZ15" s="196">
        <v>0</v>
      </c>
      <c r="DA15" s="193">
        <v>0</v>
      </c>
      <c r="DB15" s="191">
        <v>0</v>
      </c>
      <c r="DC15" s="191">
        <v>0</v>
      </c>
      <c r="DD15" s="191">
        <v>0</v>
      </c>
      <c r="DE15" s="191">
        <v>0</v>
      </c>
      <c r="DF15" s="191">
        <v>0</v>
      </c>
      <c r="DG15" s="196">
        <v>0</v>
      </c>
      <c r="DH15" s="195">
        <v>0</v>
      </c>
      <c r="DI15" s="190">
        <v>0</v>
      </c>
      <c r="DJ15" s="191">
        <v>0</v>
      </c>
      <c r="DK15" s="196">
        <v>0</v>
      </c>
      <c r="DL15" s="193">
        <v>0</v>
      </c>
      <c r="DM15" s="191">
        <v>0</v>
      </c>
      <c r="DN15" s="191">
        <v>0</v>
      </c>
      <c r="DO15" s="191">
        <v>0</v>
      </c>
      <c r="DP15" s="191">
        <v>0</v>
      </c>
      <c r="DQ15" s="191">
        <v>0</v>
      </c>
      <c r="DR15" s="196">
        <v>0</v>
      </c>
      <c r="DS15" s="195">
        <v>0</v>
      </c>
      <c r="DT15" s="190">
        <v>25</v>
      </c>
      <c r="DU15" s="191">
        <v>67</v>
      </c>
      <c r="DV15" s="196">
        <v>92</v>
      </c>
      <c r="DW15" s="193">
        <v>0</v>
      </c>
      <c r="DX15" s="191">
        <v>38</v>
      </c>
      <c r="DY15" s="191">
        <v>64</v>
      </c>
      <c r="DZ15" s="191">
        <v>37</v>
      </c>
      <c r="EA15" s="191">
        <v>42</v>
      </c>
      <c r="EB15" s="191">
        <v>18</v>
      </c>
      <c r="EC15" s="196">
        <v>199</v>
      </c>
      <c r="ED15" s="195">
        <v>291</v>
      </c>
      <c r="EE15" s="190">
        <v>3</v>
      </c>
      <c r="EF15" s="191">
        <v>5</v>
      </c>
      <c r="EG15" s="196">
        <v>8</v>
      </c>
      <c r="EH15" s="193">
        <v>0</v>
      </c>
      <c r="EI15" s="191">
        <v>11</v>
      </c>
      <c r="EJ15" s="191">
        <v>13</v>
      </c>
      <c r="EK15" s="191">
        <v>14</v>
      </c>
      <c r="EL15" s="191">
        <v>11</v>
      </c>
      <c r="EM15" s="191">
        <v>9</v>
      </c>
      <c r="EN15" s="196">
        <v>58</v>
      </c>
      <c r="EO15" s="195">
        <v>66</v>
      </c>
      <c r="EP15" s="190">
        <v>43</v>
      </c>
      <c r="EQ15" s="191">
        <v>85</v>
      </c>
      <c r="ER15" s="196">
        <v>128</v>
      </c>
      <c r="ES15" s="193">
        <v>0</v>
      </c>
      <c r="ET15" s="191">
        <v>106</v>
      </c>
      <c r="EU15" s="191">
        <v>80</v>
      </c>
      <c r="EV15" s="191">
        <v>41</v>
      </c>
      <c r="EW15" s="191">
        <v>40</v>
      </c>
      <c r="EX15" s="191">
        <v>17</v>
      </c>
      <c r="EY15" s="196">
        <v>284</v>
      </c>
      <c r="EZ15" s="195">
        <v>412</v>
      </c>
    </row>
    <row r="16" spans="2:156" ht="21" customHeight="1" x14ac:dyDescent="0.2">
      <c r="B16" s="106" t="s">
        <v>13</v>
      </c>
      <c r="C16" s="190">
        <v>0</v>
      </c>
      <c r="D16" s="191">
        <v>0</v>
      </c>
      <c r="E16" s="192">
        <v>0</v>
      </c>
      <c r="F16" s="193">
        <v>0</v>
      </c>
      <c r="G16" s="191">
        <v>18</v>
      </c>
      <c r="H16" s="191">
        <v>28</v>
      </c>
      <c r="I16" s="191">
        <v>14</v>
      </c>
      <c r="J16" s="191">
        <v>7</v>
      </c>
      <c r="K16" s="191">
        <v>13</v>
      </c>
      <c r="L16" s="194">
        <v>80</v>
      </c>
      <c r="M16" s="195">
        <v>80</v>
      </c>
      <c r="N16" s="190">
        <v>0</v>
      </c>
      <c r="O16" s="191">
        <v>0</v>
      </c>
      <c r="P16" s="196">
        <v>0</v>
      </c>
      <c r="Q16" s="193">
        <v>0</v>
      </c>
      <c r="R16" s="191">
        <v>0</v>
      </c>
      <c r="S16" s="191">
        <v>1</v>
      </c>
      <c r="T16" s="191">
        <v>0</v>
      </c>
      <c r="U16" s="191">
        <v>2</v>
      </c>
      <c r="V16" s="191">
        <v>3</v>
      </c>
      <c r="W16" s="196">
        <v>6</v>
      </c>
      <c r="X16" s="195">
        <v>6</v>
      </c>
      <c r="Y16" s="190">
        <v>1</v>
      </c>
      <c r="Z16" s="191">
        <v>5</v>
      </c>
      <c r="AA16" s="196">
        <v>6</v>
      </c>
      <c r="AB16" s="193">
        <v>0</v>
      </c>
      <c r="AC16" s="191">
        <v>19</v>
      </c>
      <c r="AD16" s="191">
        <v>19</v>
      </c>
      <c r="AE16" s="191">
        <v>12</v>
      </c>
      <c r="AF16" s="191">
        <v>6</v>
      </c>
      <c r="AG16" s="191">
        <v>7</v>
      </c>
      <c r="AH16" s="196">
        <v>63</v>
      </c>
      <c r="AI16" s="195">
        <v>69</v>
      </c>
      <c r="AJ16" s="190">
        <v>1</v>
      </c>
      <c r="AK16" s="191">
        <v>0</v>
      </c>
      <c r="AL16" s="196">
        <v>1</v>
      </c>
      <c r="AM16" s="193">
        <v>0</v>
      </c>
      <c r="AN16" s="191">
        <v>1</v>
      </c>
      <c r="AO16" s="191">
        <v>4</v>
      </c>
      <c r="AP16" s="191">
        <v>1</v>
      </c>
      <c r="AQ16" s="191">
        <v>0</v>
      </c>
      <c r="AR16" s="191">
        <v>3</v>
      </c>
      <c r="AS16" s="196">
        <v>9</v>
      </c>
      <c r="AT16" s="195">
        <v>10</v>
      </c>
      <c r="AU16" s="190">
        <v>6</v>
      </c>
      <c r="AV16" s="191">
        <v>4</v>
      </c>
      <c r="AW16" s="196">
        <v>10</v>
      </c>
      <c r="AX16" s="193">
        <v>0</v>
      </c>
      <c r="AY16" s="191">
        <v>19</v>
      </c>
      <c r="AZ16" s="191">
        <v>36</v>
      </c>
      <c r="BA16" s="191">
        <v>17</v>
      </c>
      <c r="BB16" s="191">
        <v>15</v>
      </c>
      <c r="BC16" s="191">
        <v>17</v>
      </c>
      <c r="BD16" s="194">
        <v>104</v>
      </c>
      <c r="BE16" s="195">
        <v>114</v>
      </c>
      <c r="BF16" s="190">
        <v>0</v>
      </c>
      <c r="BG16" s="191">
        <v>0</v>
      </c>
      <c r="BH16" s="196">
        <v>0</v>
      </c>
      <c r="BI16" s="193">
        <v>0</v>
      </c>
      <c r="BJ16" s="191">
        <v>21</v>
      </c>
      <c r="BK16" s="191">
        <v>13</v>
      </c>
      <c r="BL16" s="191">
        <v>7</v>
      </c>
      <c r="BM16" s="191">
        <v>3</v>
      </c>
      <c r="BN16" s="191">
        <v>4</v>
      </c>
      <c r="BO16" s="196">
        <v>48</v>
      </c>
      <c r="BP16" s="195">
        <v>48</v>
      </c>
      <c r="BQ16" s="190">
        <v>1</v>
      </c>
      <c r="BR16" s="191">
        <v>0</v>
      </c>
      <c r="BS16" s="196">
        <v>1</v>
      </c>
      <c r="BT16" s="193">
        <v>0</v>
      </c>
      <c r="BU16" s="191">
        <v>3</v>
      </c>
      <c r="BV16" s="191">
        <v>5</v>
      </c>
      <c r="BW16" s="191">
        <v>2</v>
      </c>
      <c r="BX16" s="191">
        <v>3</v>
      </c>
      <c r="BY16" s="191">
        <v>0</v>
      </c>
      <c r="BZ16" s="196">
        <v>13</v>
      </c>
      <c r="CA16" s="195">
        <v>14</v>
      </c>
      <c r="CB16" s="190">
        <v>0</v>
      </c>
      <c r="CC16" s="191">
        <v>0</v>
      </c>
      <c r="CD16" s="196">
        <v>0</v>
      </c>
      <c r="CE16" s="193">
        <v>0</v>
      </c>
      <c r="CF16" s="191">
        <v>0</v>
      </c>
      <c r="CG16" s="191">
        <v>4</v>
      </c>
      <c r="CH16" s="191">
        <v>1</v>
      </c>
      <c r="CI16" s="191">
        <v>0</v>
      </c>
      <c r="CJ16" s="191">
        <v>0</v>
      </c>
      <c r="CK16" s="196">
        <v>5</v>
      </c>
      <c r="CL16" s="195">
        <v>5</v>
      </c>
      <c r="CM16" s="190">
        <v>0</v>
      </c>
      <c r="CN16" s="191">
        <v>0</v>
      </c>
      <c r="CO16" s="196">
        <v>0</v>
      </c>
      <c r="CP16" s="193">
        <v>0</v>
      </c>
      <c r="CQ16" s="191">
        <v>0</v>
      </c>
      <c r="CR16" s="191">
        <v>0</v>
      </c>
      <c r="CS16" s="191">
        <v>1</v>
      </c>
      <c r="CT16" s="191">
        <v>1</v>
      </c>
      <c r="CU16" s="191">
        <v>0</v>
      </c>
      <c r="CV16" s="196">
        <v>2</v>
      </c>
      <c r="CW16" s="195">
        <v>2</v>
      </c>
      <c r="CX16" s="190">
        <v>0</v>
      </c>
      <c r="CY16" s="191">
        <v>0</v>
      </c>
      <c r="CZ16" s="196">
        <v>0</v>
      </c>
      <c r="DA16" s="193">
        <v>0</v>
      </c>
      <c r="DB16" s="191">
        <v>0</v>
      </c>
      <c r="DC16" s="191">
        <v>0</v>
      </c>
      <c r="DD16" s="191">
        <v>0</v>
      </c>
      <c r="DE16" s="191">
        <v>0</v>
      </c>
      <c r="DF16" s="191">
        <v>0</v>
      </c>
      <c r="DG16" s="196">
        <v>0</v>
      </c>
      <c r="DH16" s="195">
        <v>0</v>
      </c>
      <c r="DI16" s="190">
        <v>0</v>
      </c>
      <c r="DJ16" s="191">
        <v>0</v>
      </c>
      <c r="DK16" s="196">
        <v>0</v>
      </c>
      <c r="DL16" s="193">
        <v>0</v>
      </c>
      <c r="DM16" s="191">
        <v>0</v>
      </c>
      <c r="DN16" s="191">
        <v>0</v>
      </c>
      <c r="DO16" s="191">
        <v>0</v>
      </c>
      <c r="DP16" s="191">
        <v>0</v>
      </c>
      <c r="DQ16" s="191">
        <v>0</v>
      </c>
      <c r="DR16" s="196">
        <v>0</v>
      </c>
      <c r="DS16" s="195">
        <v>0</v>
      </c>
      <c r="DT16" s="190">
        <v>6</v>
      </c>
      <c r="DU16" s="191">
        <v>14</v>
      </c>
      <c r="DV16" s="196">
        <v>20</v>
      </c>
      <c r="DW16" s="193">
        <v>0</v>
      </c>
      <c r="DX16" s="191">
        <v>22</v>
      </c>
      <c r="DY16" s="191">
        <v>44</v>
      </c>
      <c r="DZ16" s="191">
        <v>18</v>
      </c>
      <c r="EA16" s="191">
        <v>10</v>
      </c>
      <c r="EB16" s="191">
        <v>16</v>
      </c>
      <c r="EC16" s="196">
        <v>110</v>
      </c>
      <c r="ED16" s="195">
        <v>130</v>
      </c>
      <c r="EE16" s="190">
        <v>3</v>
      </c>
      <c r="EF16" s="191">
        <v>4</v>
      </c>
      <c r="EG16" s="196">
        <v>7</v>
      </c>
      <c r="EH16" s="193">
        <v>0</v>
      </c>
      <c r="EI16" s="191">
        <v>11</v>
      </c>
      <c r="EJ16" s="191">
        <v>7</v>
      </c>
      <c r="EK16" s="191">
        <v>8</v>
      </c>
      <c r="EL16" s="191">
        <v>8</v>
      </c>
      <c r="EM16" s="191">
        <v>4</v>
      </c>
      <c r="EN16" s="196">
        <v>38</v>
      </c>
      <c r="EO16" s="195">
        <v>45</v>
      </c>
      <c r="EP16" s="190">
        <v>7</v>
      </c>
      <c r="EQ16" s="191">
        <v>17</v>
      </c>
      <c r="ER16" s="196">
        <v>24</v>
      </c>
      <c r="ES16" s="193">
        <v>0</v>
      </c>
      <c r="ET16" s="191">
        <v>63</v>
      </c>
      <c r="EU16" s="191">
        <v>60</v>
      </c>
      <c r="EV16" s="191">
        <v>26</v>
      </c>
      <c r="EW16" s="191">
        <v>12</v>
      </c>
      <c r="EX16" s="191">
        <v>18</v>
      </c>
      <c r="EY16" s="196">
        <v>179</v>
      </c>
      <c r="EZ16" s="195">
        <v>203</v>
      </c>
    </row>
    <row r="17" spans="2:156" ht="21" customHeight="1" x14ac:dyDescent="0.2">
      <c r="B17" s="106" t="s">
        <v>15</v>
      </c>
      <c r="C17" s="190">
        <v>0</v>
      </c>
      <c r="D17" s="191">
        <v>0</v>
      </c>
      <c r="E17" s="192">
        <v>0</v>
      </c>
      <c r="F17" s="193">
        <v>0</v>
      </c>
      <c r="G17" s="191">
        <v>8</v>
      </c>
      <c r="H17" s="191">
        <v>3</v>
      </c>
      <c r="I17" s="191">
        <v>0</v>
      </c>
      <c r="J17" s="191">
        <v>1</v>
      </c>
      <c r="K17" s="191">
        <v>2</v>
      </c>
      <c r="L17" s="194">
        <v>14</v>
      </c>
      <c r="M17" s="195">
        <v>14</v>
      </c>
      <c r="N17" s="190">
        <v>0</v>
      </c>
      <c r="O17" s="191">
        <v>0</v>
      </c>
      <c r="P17" s="196">
        <v>0</v>
      </c>
      <c r="Q17" s="193">
        <v>0</v>
      </c>
      <c r="R17" s="191">
        <v>0</v>
      </c>
      <c r="S17" s="191">
        <v>0</v>
      </c>
      <c r="T17" s="191">
        <v>1</v>
      </c>
      <c r="U17" s="191">
        <v>0</v>
      </c>
      <c r="V17" s="191">
        <v>1</v>
      </c>
      <c r="W17" s="196">
        <v>2</v>
      </c>
      <c r="X17" s="195">
        <v>2</v>
      </c>
      <c r="Y17" s="190">
        <v>0</v>
      </c>
      <c r="Z17" s="191">
        <v>2</v>
      </c>
      <c r="AA17" s="196">
        <v>2</v>
      </c>
      <c r="AB17" s="193">
        <v>0</v>
      </c>
      <c r="AC17" s="191">
        <v>4</v>
      </c>
      <c r="AD17" s="191">
        <v>4</v>
      </c>
      <c r="AE17" s="191">
        <v>1</v>
      </c>
      <c r="AF17" s="191">
        <v>2</v>
      </c>
      <c r="AG17" s="191">
        <v>3</v>
      </c>
      <c r="AH17" s="196">
        <v>14</v>
      </c>
      <c r="AI17" s="195">
        <v>16</v>
      </c>
      <c r="AJ17" s="190">
        <v>0</v>
      </c>
      <c r="AK17" s="191">
        <v>0</v>
      </c>
      <c r="AL17" s="196">
        <v>0</v>
      </c>
      <c r="AM17" s="193">
        <v>0</v>
      </c>
      <c r="AN17" s="191">
        <v>0</v>
      </c>
      <c r="AO17" s="191">
        <v>1</v>
      </c>
      <c r="AP17" s="191">
        <v>0</v>
      </c>
      <c r="AQ17" s="191">
        <v>0</v>
      </c>
      <c r="AR17" s="191">
        <v>1</v>
      </c>
      <c r="AS17" s="196">
        <v>2</v>
      </c>
      <c r="AT17" s="195">
        <v>2</v>
      </c>
      <c r="AU17" s="190">
        <v>0</v>
      </c>
      <c r="AV17" s="191">
        <v>0</v>
      </c>
      <c r="AW17" s="196">
        <v>0</v>
      </c>
      <c r="AX17" s="193">
        <v>0</v>
      </c>
      <c r="AY17" s="191">
        <v>8</v>
      </c>
      <c r="AZ17" s="191">
        <v>5</v>
      </c>
      <c r="BA17" s="191">
        <v>3</v>
      </c>
      <c r="BB17" s="191">
        <v>4</v>
      </c>
      <c r="BC17" s="191">
        <v>5</v>
      </c>
      <c r="BD17" s="194">
        <v>25</v>
      </c>
      <c r="BE17" s="195">
        <v>25</v>
      </c>
      <c r="BF17" s="190">
        <v>0</v>
      </c>
      <c r="BG17" s="191">
        <v>0</v>
      </c>
      <c r="BH17" s="196">
        <v>0</v>
      </c>
      <c r="BI17" s="193">
        <v>0</v>
      </c>
      <c r="BJ17" s="191">
        <v>3</v>
      </c>
      <c r="BK17" s="191">
        <v>1</v>
      </c>
      <c r="BL17" s="191">
        <v>0</v>
      </c>
      <c r="BM17" s="191">
        <v>1</v>
      </c>
      <c r="BN17" s="191">
        <v>0</v>
      </c>
      <c r="BO17" s="196">
        <v>5</v>
      </c>
      <c r="BP17" s="195">
        <v>5</v>
      </c>
      <c r="BQ17" s="190">
        <v>1</v>
      </c>
      <c r="BR17" s="191">
        <v>0</v>
      </c>
      <c r="BS17" s="196">
        <v>1</v>
      </c>
      <c r="BT17" s="193">
        <v>0</v>
      </c>
      <c r="BU17" s="191">
        <v>0</v>
      </c>
      <c r="BV17" s="191">
        <v>2</v>
      </c>
      <c r="BW17" s="191">
        <v>1</v>
      </c>
      <c r="BX17" s="191">
        <v>1</v>
      </c>
      <c r="BY17" s="191">
        <v>1</v>
      </c>
      <c r="BZ17" s="196">
        <v>5</v>
      </c>
      <c r="CA17" s="195">
        <v>6</v>
      </c>
      <c r="CB17" s="190">
        <v>0</v>
      </c>
      <c r="CC17" s="191">
        <v>0</v>
      </c>
      <c r="CD17" s="196">
        <v>0</v>
      </c>
      <c r="CE17" s="193">
        <v>0</v>
      </c>
      <c r="CF17" s="191">
        <v>1</v>
      </c>
      <c r="CG17" s="191">
        <v>3</v>
      </c>
      <c r="CH17" s="191">
        <v>0</v>
      </c>
      <c r="CI17" s="191">
        <v>2</v>
      </c>
      <c r="CJ17" s="191">
        <v>2</v>
      </c>
      <c r="CK17" s="196">
        <v>8</v>
      </c>
      <c r="CL17" s="195">
        <v>8</v>
      </c>
      <c r="CM17" s="190">
        <v>0</v>
      </c>
      <c r="CN17" s="191">
        <v>0</v>
      </c>
      <c r="CO17" s="196">
        <v>0</v>
      </c>
      <c r="CP17" s="193">
        <v>0</v>
      </c>
      <c r="CQ17" s="191">
        <v>0</v>
      </c>
      <c r="CR17" s="191">
        <v>1</v>
      </c>
      <c r="CS17" s="191">
        <v>0</v>
      </c>
      <c r="CT17" s="191">
        <v>0</v>
      </c>
      <c r="CU17" s="191">
        <v>0</v>
      </c>
      <c r="CV17" s="196">
        <v>1</v>
      </c>
      <c r="CW17" s="195">
        <v>1</v>
      </c>
      <c r="CX17" s="190">
        <v>0</v>
      </c>
      <c r="CY17" s="191">
        <v>0</v>
      </c>
      <c r="CZ17" s="196">
        <v>0</v>
      </c>
      <c r="DA17" s="193">
        <v>0</v>
      </c>
      <c r="DB17" s="191">
        <v>0</v>
      </c>
      <c r="DC17" s="191">
        <v>0</v>
      </c>
      <c r="DD17" s="191">
        <v>0</v>
      </c>
      <c r="DE17" s="191">
        <v>0</v>
      </c>
      <c r="DF17" s="191">
        <v>0</v>
      </c>
      <c r="DG17" s="196">
        <v>0</v>
      </c>
      <c r="DH17" s="195">
        <v>0</v>
      </c>
      <c r="DI17" s="190">
        <v>0</v>
      </c>
      <c r="DJ17" s="191">
        <v>0</v>
      </c>
      <c r="DK17" s="196">
        <v>0</v>
      </c>
      <c r="DL17" s="193">
        <v>0</v>
      </c>
      <c r="DM17" s="191">
        <v>0</v>
      </c>
      <c r="DN17" s="191">
        <v>0</v>
      </c>
      <c r="DO17" s="191">
        <v>0</v>
      </c>
      <c r="DP17" s="191">
        <v>0</v>
      </c>
      <c r="DQ17" s="191">
        <v>0</v>
      </c>
      <c r="DR17" s="196">
        <v>0</v>
      </c>
      <c r="DS17" s="195">
        <v>0</v>
      </c>
      <c r="DT17" s="190">
        <v>2</v>
      </c>
      <c r="DU17" s="191">
        <v>5</v>
      </c>
      <c r="DV17" s="196">
        <v>7</v>
      </c>
      <c r="DW17" s="193">
        <v>0</v>
      </c>
      <c r="DX17" s="191">
        <v>7</v>
      </c>
      <c r="DY17" s="191">
        <v>9</v>
      </c>
      <c r="DZ17" s="191">
        <v>2</v>
      </c>
      <c r="EA17" s="191">
        <v>2</v>
      </c>
      <c r="EB17" s="191">
        <v>3</v>
      </c>
      <c r="EC17" s="196">
        <v>23</v>
      </c>
      <c r="ED17" s="195">
        <v>30</v>
      </c>
      <c r="EE17" s="190">
        <v>2</v>
      </c>
      <c r="EF17" s="191">
        <v>2</v>
      </c>
      <c r="EG17" s="196">
        <v>4</v>
      </c>
      <c r="EH17" s="193">
        <v>0</v>
      </c>
      <c r="EI17" s="191">
        <v>3</v>
      </c>
      <c r="EJ17" s="191">
        <v>2</v>
      </c>
      <c r="EK17" s="191">
        <v>2</v>
      </c>
      <c r="EL17" s="191">
        <v>1</v>
      </c>
      <c r="EM17" s="191">
        <v>4</v>
      </c>
      <c r="EN17" s="196">
        <v>12</v>
      </c>
      <c r="EO17" s="195">
        <v>16</v>
      </c>
      <c r="EP17" s="190">
        <v>3</v>
      </c>
      <c r="EQ17" s="191">
        <v>6</v>
      </c>
      <c r="ER17" s="196">
        <v>9</v>
      </c>
      <c r="ES17" s="193">
        <v>0</v>
      </c>
      <c r="ET17" s="191">
        <v>17</v>
      </c>
      <c r="EU17" s="191">
        <v>12</v>
      </c>
      <c r="EV17" s="191">
        <v>3</v>
      </c>
      <c r="EW17" s="191">
        <v>3</v>
      </c>
      <c r="EX17" s="191">
        <v>4</v>
      </c>
      <c r="EY17" s="196">
        <v>39</v>
      </c>
      <c r="EZ17" s="195">
        <v>48</v>
      </c>
    </row>
    <row r="18" spans="2:156" ht="21" customHeight="1" x14ac:dyDescent="0.2">
      <c r="B18" s="106" t="s">
        <v>16</v>
      </c>
      <c r="C18" s="190">
        <v>0</v>
      </c>
      <c r="D18" s="191">
        <v>0</v>
      </c>
      <c r="E18" s="192">
        <v>0</v>
      </c>
      <c r="F18" s="193">
        <v>0</v>
      </c>
      <c r="G18" s="191">
        <v>1</v>
      </c>
      <c r="H18" s="191">
        <v>23</v>
      </c>
      <c r="I18" s="191">
        <v>4</v>
      </c>
      <c r="J18" s="191">
        <v>5</v>
      </c>
      <c r="K18" s="191">
        <v>2</v>
      </c>
      <c r="L18" s="194">
        <v>35</v>
      </c>
      <c r="M18" s="195">
        <v>35</v>
      </c>
      <c r="N18" s="190">
        <v>0</v>
      </c>
      <c r="O18" s="191">
        <v>0</v>
      </c>
      <c r="P18" s="196">
        <v>0</v>
      </c>
      <c r="Q18" s="193">
        <v>0</v>
      </c>
      <c r="R18" s="191">
        <v>0</v>
      </c>
      <c r="S18" s="191">
        <v>0</v>
      </c>
      <c r="T18" s="191">
        <v>1</v>
      </c>
      <c r="U18" s="191">
        <v>1</v>
      </c>
      <c r="V18" s="191">
        <v>3</v>
      </c>
      <c r="W18" s="196">
        <v>5</v>
      </c>
      <c r="X18" s="195">
        <v>5</v>
      </c>
      <c r="Y18" s="190">
        <v>3</v>
      </c>
      <c r="Z18" s="191">
        <v>5</v>
      </c>
      <c r="AA18" s="196">
        <v>8</v>
      </c>
      <c r="AB18" s="193">
        <v>0</v>
      </c>
      <c r="AC18" s="191">
        <v>7</v>
      </c>
      <c r="AD18" s="191">
        <v>18</v>
      </c>
      <c r="AE18" s="191">
        <v>9</v>
      </c>
      <c r="AF18" s="191">
        <v>11</v>
      </c>
      <c r="AG18" s="191">
        <v>5</v>
      </c>
      <c r="AH18" s="196">
        <v>50</v>
      </c>
      <c r="AI18" s="195">
        <v>58</v>
      </c>
      <c r="AJ18" s="190">
        <v>1</v>
      </c>
      <c r="AK18" s="191">
        <v>0</v>
      </c>
      <c r="AL18" s="196">
        <v>1</v>
      </c>
      <c r="AM18" s="193">
        <v>0</v>
      </c>
      <c r="AN18" s="191">
        <v>0</v>
      </c>
      <c r="AO18" s="191">
        <v>1</v>
      </c>
      <c r="AP18" s="191">
        <v>1</v>
      </c>
      <c r="AQ18" s="191">
        <v>0</v>
      </c>
      <c r="AR18" s="191">
        <v>2</v>
      </c>
      <c r="AS18" s="196">
        <v>4</v>
      </c>
      <c r="AT18" s="195">
        <v>5</v>
      </c>
      <c r="AU18" s="190">
        <v>4</v>
      </c>
      <c r="AV18" s="191">
        <v>0</v>
      </c>
      <c r="AW18" s="196">
        <v>4</v>
      </c>
      <c r="AX18" s="193">
        <v>0</v>
      </c>
      <c r="AY18" s="191">
        <v>10</v>
      </c>
      <c r="AZ18" s="191">
        <v>18</v>
      </c>
      <c r="BA18" s="191">
        <v>12</v>
      </c>
      <c r="BB18" s="191">
        <v>10</v>
      </c>
      <c r="BC18" s="191">
        <v>10</v>
      </c>
      <c r="BD18" s="194">
        <v>60</v>
      </c>
      <c r="BE18" s="195">
        <v>64</v>
      </c>
      <c r="BF18" s="190">
        <v>0</v>
      </c>
      <c r="BG18" s="191">
        <v>0</v>
      </c>
      <c r="BH18" s="196">
        <v>0</v>
      </c>
      <c r="BI18" s="193">
        <v>0</v>
      </c>
      <c r="BJ18" s="191">
        <v>17</v>
      </c>
      <c r="BK18" s="191">
        <v>22</v>
      </c>
      <c r="BL18" s="191">
        <v>4</v>
      </c>
      <c r="BM18" s="191">
        <v>6</v>
      </c>
      <c r="BN18" s="191">
        <v>1</v>
      </c>
      <c r="BO18" s="196">
        <v>50</v>
      </c>
      <c r="BP18" s="195">
        <v>50</v>
      </c>
      <c r="BQ18" s="190">
        <v>3</v>
      </c>
      <c r="BR18" s="191">
        <v>6</v>
      </c>
      <c r="BS18" s="196">
        <v>9</v>
      </c>
      <c r="BT18" s="193">
        <v>0</v>
      </c>
      <c r="BU18" s="191">
        <v>12</v>
      </c>
      <c r="BV18" s="191">
        <v>15</v>
      </c>
      <c r="BW18" s="191">
        <v>4</v>
      </c>
      <c r="BX18" s="191">
        <v>1</v>
      </c>
      <c r="BY18" s="191">
        <v>1</v>
      </c>
      <c r="BZ18" s="196">
        <v>33</v>
      </c>
      <c r="CA18" s="195">
        <v>42</v>
      </c>
      <c r="CB18" s="190">
        <v>1</v>
      </c>
      <c r="CC18" s="191">
        <v>1</v>
      </c>
      <c r="CD18" s="196">
        <v>2</v>
      </c>
      <c r="CE18" s="193">
        <v>0</v>
      </c>
      <c r="CF18" s="191">
        <v>1</v>
      </c>
      <c r="CG18" s="191">
        <v>8</v>
      </c>
      <c r="CH18" s="191">
        <v>3</v>
      </c>
      <c r="CI18" s="191">
        <v>3</v>
      </c>
      <c r="CJ18" s="191">
        <v>1</v>
      </c>
      <c r="CK18" s="196">
        <v>16</v>
      </c>
      <c r="CL18" s="195">
        <v>18</v>
      </c>
      <c r="CM18" s="190">
        <v>0</v>
      </c>
      <c r="CN18" s="191">
        <v>0</v>
      </c>
      <c r="CO18" s="196">
        <v>0</v>
      </c>
      <c r="CP18" s="193">
        <v>0</v>
      </c>
      <c r="CQ18" s="191">
        <v>0</v>
      </c>
      <c r="CR18" s="191">
        <v>0</v>
      </c>
      <c r="CS18" s="191">
        <v>1</v>
      </c>
      <c r="CT18" s="191">
        <v>0</v>
      </c>
      <c r="CU18" s="191">
        <v>0</v>
      </c>
      <c r="CV18" s="196">
        <v>1</v>
      </c>
      <c r="CW18" s="195">
        <v>1</v>
      </c>
      <c r="CX18" s="190">
        <v>0</v>
      </c>
      <c r="CY18" s="191">
        <v>0</v>
      </c>
      <c r="CZ18" s="196">
        <v>0</v>
      </c>
      <c r="DA18" s="193">
        <v>0</v>
      </c>
      <c r="DB18" s="191">
        <v>0</v>
      </c>
      <c r="DC18" s="191">
        <v>0</v>
      </c>
      <c r="DD18" s="191">
        <v>0</v>
      </c>
      <c r="DE18" s="191">
        <v>0</v>
      </c>
      <c r="DF18" s="191">
        <v>0</v>
      </c>
      <c r="DG18" s="196">
        <v>0</v>
      </c>
      <c r="DH18" s="195">
        <v>0</v>
      </c>
      <c r="DI18" s="190">
        <v>0</v>
      </c>
      <c r="DJ18" s="191">
        <v>0</v>
      </c>
      <c r="DK18" s="196">
        <v>0</v>
      </c>
      <c r="DL18" s="193">
        <v>0</v>
      </c>
      <c r="DM18" s="191">
        <v>0</v>
      </c>
      <c r="DN18" s="191">
        <v>0</v>
      </c>
      <c r="DO18" s="191">
        <v>0</v>
      </c>
      <c r="DP18" s="191">
        <v>0</v>
      </c>
      <c r="DQ18" s="191">
        <v>0</v>
      </c>
      <c r="DR18" s="196">
        <v>0</v>
      </c>
      <c r="DS18" s="195">
        <v>0</v>
      </c>
      <c r="DT18" s="190">
        <v>8</v>
      </c>
      <c r="DU18" s="191">
        <v>23</v>
      </c>
      <c r="DV18" s="196">
        <v>31</v>
      </c>
      <c r="DW18" s="193">
        <v>0</v>
      </c>
      <c r="DX18" s="191">
        <v>13</v>
      </c>
      <c r="DY18" s="191">
        <v>47</v>
      </c>
      <c r="DZ18" s="191">
        <v>20</v>
      </c>
      <c r="EA18" s="191">
        <v>11</v>
      </c>
      <c r="EB18" s="191">
        <v>8</v>
      </c>
      <c r="EC18" s="196">
        <v>99</v>
      </c>
      <c r="ED18" s="195">
        <v>130</v>
      </c>
      <c r="EE18" s="190">
        <v>5</v>
      </c>
      <c r="EF18" s="191">
        <v>0</v>
      </c>
      <c r="EG18" s="196">
        <v>5</v>
      </c>
      <c r="EH18" s="193">
        <v>0</v>
      </c>
      <c r="EI18" s="191">
        <v>6</v>
      </c>
      <c r="EJ18" s="191">
        <v>7</v>
      </c>
      <c r="EK18" s="191">
        <v>10</v>
      </c>
      <c r="EL18" s="191">
        <v>9</v>
      </c>
      <c r="EM18" s="191">
        <v>7</v>
      </c>
      <c r="EN18" s="196">
        <v>39</v>
      </c>
      <c r="EO18" s="195">
        <v>44</v>
      </c>
      <c r="EP18" s="190">
        <v>16</v>
      </c>
      <c r="EQ18" s="191">
        <v>27</v>
      </c>
      <c r="ER18" s="196">
        <v>43</v>
      </c>
      <c r="ES18" s="193">
        <v>0</v>
      </c>
      <c r="ET18" s="191">
        <v>46</v>
      </c>
      <c r="EU18" s="191">
        <v>71</v>
      </c>
      <c r="EV18" s="191">
        <v>21</v>
      </c>
      <c r="EW18" s="191">
        <v>15</v>
      </c>
      <c r="EX18" s="191">
        <v>8</v>
      </c>
      <c r="EY18" s="196">
        <v>161</v>
      </c>
      <c r="EZ18" s="195">
        <v>204</v>
      </c>
    </row>
    <row r="19" spans="2:156" ht="21" customHeight="1" x14ac:dyDescent="0.2">
      <c r="B19" s="106" t="s">
        <v>17</v>
      </c>
      <c r="C19" s="190">
        <v>0</v>
      </c>
      <c r="D19" s="191">
        <v>0</v>
      </c>
      <c r="E19" s="192">
        <v>0</v>
      </c>
      <c r="F19" s="193">
        <v>0</v>
      </c>
      <c r="G19" s="191">
        <v>10</v>
      </c>
      <c r="H19" s="191">
        <v>27</v>
      </c>
      <c r="I19" s="191">
        <v>15</v>
      </c>
      <c r="J19" s="191">
        <v>12</v>
      </c>
      <c r="K19" s="191">
        <v>5</v>
      </c>
      <c r="L19" s="194">
        <v>69</v>
      </c>
      <c r="M19" s="195">
        <v>69</v>
      </c>
      <c r="N19" s="190">
        <v>0</v>
      </c>
      <c r="O19" s="191">
        <v>0</v>
      </c>
      <c r="P19" s="196">
        <v>0</v>
      </c>
      <c r="Q19" s="193">
        <v>0</v>
      </c>
      <c r="R19" s="191">
        <v>0</v>
      </c>
      <c r="S19" s="191">
        <v>0</v>
      </c>
      <c r="T19" s="191">
        <v>3</v>
      </c>
      <c r="U19" s="191">
        <v>5</v>
      </c>
      <c r="V19" s="191">
        <v>3</v>
      </c>
      <c r="W19" s="196">
        <v>11</v>
      </c>
      <c r="X19" s="195">
        <v>11</v>
      </c>
      <c r="Y19" s="190">
        <v>3</v>
      </c>
      <c r="Z19" s="191">
        <v>7</v>
      </c>
      <c r="AA19" s="196">
        <v>10</v>
      </c>
      <c r="AB19" s="193">
        <v>0</v>
      </c>
      <c r="AC19" s="191">
        <v>11</v>
      </c>
      <c r="AD19" s="191">
        <v>29</v>
      </c>
      <c r="AE19" s="191">
        <v>19</v>
      </c>
      <c r="AF19" s="191">
        <v>15</v>
      </c>
      <c r="AG19" s="191">
        <v>5</v>
      </c>
      <c r="AH19" s="196">
        <v>79</v>
      </c>
      <c r="AI19" s="195">
        <v>89</v>
      </c>
      <c r="AJ19" s="190">
        <v>2</v>
      </c>
      <c r="AK19" s="191">
        <v>0</v>
      </c>
      <c r="AL19" s="196">
        <v>2</v>
      </c>
      <c r="AM19" s="193">
        <v>0</v>
      </c>
      <c r="AN19" s="191">
        <v>2</v>
      </c>
      <c r="AO19" s="191">
        <v>6</v>
      </c>
      <c r="AP19" s="191">
        <v>5</v>
      </c>
      <c r="AQ19" s="191">
        <v>2</v>
      </c>
      <c r="AR19" s="191">
        <v>0</v>
      </c>
      <c r="AS19" s="196">
        <v>15</v>
      </c>
      <c r="AT19" s="195">
        <v>17</v>
      </c>
      <c r="AU19" s="190">
        <v>4</v>
      </c>
      <c r="AV19" s="191">
        <v>6</v>
      </c>
      <c r="AW19" s="196">
        <v>10</v>
      </c>
      <c r="AX19" s="193">
        <v>0</v>
      </c>
      <c r="AY19" s="191">
        <v>17</v>
      </c>
      <c r="AZ19" s="191">
        <v>33</v>
      </c>
      <c r="BA19" s="191">
        <v>33</v>
      </c>
      <c r="BB19" s="191">
        <v>28</v>
      </c>
      <c r="BC19" s="191">
        <v>14</v>
      </c>
      <c r="BD19" s="194">
        <v>125</v>
      </c>
      <c r="BE19" s="195">
        <v>135</v>
      </c>
      <c r="BF19" s="190">
        <v>0</v>
      </c>
      <c r="BG19" s="191">
        <v>0</v>
      </c>
      <c r="BH19" s="196">
        <v>0</v>
      </c>
      <c r="BI19" s="193">
        <v>0</v>
      </c>
      <c r="BJ19" s="191">
        <v>17</v>
      </c>
      <c r="BK19" s="191">
        <v>27</v>
      </c>
      <c r="BL19" s="191">
        <v>13</v>
      </c>
      <c r="BM19" s="191">
        <v>9</v>
      </c>
      <c r="BN19" s="191">
        <v>2</v>
      </c>
      <c r="BO19" s="196">
        <v>68</v>
      </c>
      <c r="BP19" s="195">
        <v>68</v>
      </c>
      <c r="BQ19" s="190">
        <v>4</v>
      </c>
      <c r="BR19" s="191">
        <v>7</v>
      </c>
      <c r="BS19" s="196">
        <v>11</v>
      </c>
      <c r="BT19" s="193">
        <v>0</v>
      </c>
      <c r="BU19" s="191">
        <v>7</v>
      </c>
      <c r="BV19" s="191">
        <v>13</v>
      </c>
      <c r="BW19" s="191">
        <v>8</v>
      </c>
      <c r="BX19" s="191">
        <v>5</v>
      </c>
      <c r="BY19" s="191">
        <v>1</v>
      </c>
      <c r="BZ19" s="196">
        <v>34</v>
      </c>
      <c r="CA19" s="195">
        <v>45</v>
      </c>
      <c r="CB19" s="190">
        <v>1</v>
      </c>
      <c r="CC19" s="191">
        <v>0</v>
      </c>
      <c r="CD19" s="196">
        <v>1</v>
      </c>
      <c r="CE19" s="193">
        <v>0</v>
      </c>
      <c r="CF19" s="191">
        <v>4</v>
      </c>
      <c r="CG19" s="191">
        <v>10</v>
      </c>
      <c r="CH19" s="191">
        <v>11</v>
      </c>
      <c r="CI19" s="191">
        <v>4</v>
      </c>
      <c r="CJ19" s="191">
        <v>0</v>
      </c>
      <c r="CK19" s="196">
        <v>29</v>
      </c>
      <c r="CL19" s="195">
        <v>30</v>
      </c>
      <c r="CM19" s="190">
        <v>0</v>
      </c>
      <c r="CN19" s="191">
        <v>0</v>
      </c>
      <c r="CO19" s="196">
        <v>0</v>
      </c>
      <c r="CP19" s="193">
        <v>0</v>
      </c>
      <c r="CQ19" s="191">
        <v>0</v>
      </c>
      <c r="CR19" s="191">
        <v>0</v>
      </c>
      <c r="CS19" s="191">
        <v>0</v>
      </c>
      <c r="CT19" s="191">
        <v>1</v>
      </c>
      <c r="CU19" s="191">
        <v>0</v>
      </c>
      <c r="CV19" s="196">
        <v>1</v>
      </c>
      <c r="CW19" s="195">
        <v>1</v>
      </c>
      <c r="CX19" s="190">
        <v>0</v>
      </c>
      <c r="CY19" s="191">
        <v>0</v>
      </c>
      <c r="CZ19" s="196">
        <v>0</v>
      </c>
      <c r="DA19" s="193">
        <v>0</v>
      </c>
      <c r="DB19" s="191">
        <v>0</v>
      </c>
      <c r="DC19" s="191">
        <v>0</v>
      </c>
      <c r="DD19" s="191">
        <v>0</v>
      </c>
      <c r="DE19" s="191">
        <v>0</v>
      </c>
      <c r="DF19" s="191">
        <v>0</v>
      </c>
      <c r="DG19" s="196">
        <v>0</v>
      </c>
      <c r="DH19" s="195">
        <v>0</v>
      </c>
      <c r="DI19" s="190">
        <v>0</v>
      </c>
      <c r="DJ19" s="191">
        <v>0</v>
      </c>
      <c r="DK19" s="196">
        <v>0</v>
      </c>
      <c r="DL19" s="193">
        <v>0</v>
      </c>
      <c r="DM19" s="191">
        <v>0</v>
      </c>
      <c r="DN19" s="191">
        <v>0</v>
      </c>
      <c r="DO19" s="191">
        <v>0</v>
      </c>
      <c r="DP19" s="191">
        <v>0</v>
      </c>
      <c r="DQ19" s="191">
        <v>0</v>
      </c>
      <c r="DR19" s="196">
        <v>0</v>
      </c>
      <c r="DS19" s="195">
        <v>0</v>
      </c>
      <c r="DT19" s="190">
        <v>10</v>
      </c>
      <c r="DU19" s="191">
        <v>26</v>
      </c>
      <c r="DV19" s="196">
        <v>36</v>
      </c>
      <c r="DW19" s="193">
        <v>0</v>
      </c>
      <c r="DX19" s="191">
        <v>25</v>
      </c>
      <c r="DY19" s="191">
        <v>68</v>
      </c>
      <c r="DZ19" s="191">
        <v>49</v>
      </c>
      <c r="EA19" s="191">
        <v>31</v>
      </c>
      <c r="EB19" s="191">
        <v>12</v>
      </c>
      <c r="EC19" s="196">
        <v>185</v>
      </c>
      <c r="ED19" s="195">
        <v>221</v>
      </c>
      <c r="EE19" s="190">
        <v>2</v>
      </c>
      <c r="EF19" s="191">
        <v>5</v>
      </c>
      <c r="EG19" s="196">
        <v>7</v>
      </c>
      <c r="EH19" s="193">
        <v>0</v>
      </c>
      <c r="EI19" s="191">
        <v>15</v>
      </c>
      <c r="EJ19" s="191">
        <v>7</v>
      </c>
      <c r="EK19" s="191">
        <v>9</v>
      </c>
      <c r="EL19" s="191">
        <v>10</v>
      </c>
      <c r="EM19" s="191">
        <v>6</v>
      </c>
      <c r="EN19" s="196">
        <v>47</v>
      </c>
      <c r="EO19" s="195">
        <v>54</v>
      </c>
      <c r="EP19" s="190">
        <v>21</v>
      </c>
      <c r="EQ19" s="191">
        <v>33</v>
      </c>
      <c r="ER19" s="196">
        <v>54</v>
      </c>
      <c r="ES19" s="193">
        <v>0</v>
      </c>
      <c r="ET19" s="191">
        <v>59</v>
      </c>
      <c r="EU19" s="191">
        <v>102</v>
      </c>
      <c r="EV19" s="191">
        <v>58</v>
      </c>
      <c r="EW19" s="191">
        <v>35</v>
      </c>
      <c r="EX19" s="191">
        <v>12</v>
      </c>
      <c r="EY19" s="196">
        <v>266</v>
      </c>
      <c r="EZ19" s="195">
        <v>320</v>
      </c>
    </row>
    <row r="20" spans="2:156" ht="21" customHeight="1" x14ac:dyDescent="0.2">
      <c r="B20" s="106" t="s">
        <v>18</v>
      </c>
      <c r="C20" s="190">
        <v>0</v>
      </c>
      <c r="D20" s="191">
        <v>0</v>
      </c>
      <c r="E20" s="192">
        <v>0</v>
      </c>
      <c r="F20" s="193">
        <v>0</v>
      </c>
      <c r="G20" s="191">
        <v>30</v>
      </c>
      <c r="H20" s="191">
        <v>28</v>
      </c>
      <c r="I20" s="191">
        <v>26</v>
      </c>
      <c r="J20" s="191">
        <v>11</v>
      </c>
      <c r="K20" s="191">
        <v>13</v>
      </c>
      <c r="L20" s="194">
        <v>108</v>
      </c>
      <c r="M20" s="195">
        <v>108</v>
      </c>
      <c r="N20" s="190">
        <v>0</v>
      </c>
      <c r="O20" s="191">
        <v>0</v>
      </c>
      <c r="P20" s="196">
        <v>0</v>
      </c>
      <c r="Q20" s="193">
        <v>0</v>
      </c>
      <c r="R20" s="191">
        <v>0</v>
      </c>
      <c r="S20" s="191">
        <v>0</v>
      </c>
      <c r="T20" s="191">
        <v>2</v>
      </c>
      <c r="U20" s="191">
        <v>3</v>
      </c>
      <c r="V20" s="191">
        <v>2</v>
      </c>
      <c r="W20" s="196">
        <v>7</v>
      </c>
      <c r="X20" s="195">
        <v>7</v>
      </c>
      <c r="Y20" s="190">
        <v>7</v>
      </c>
      <c r="Z20" s="191">
        <v>3</v>
      </c>
      <c r="AA20" s="196">
        <v>10</v>
      </c>
      <c r="AB20" s="193">
        <v>0</v>
      </c>
      <c r="AC20" s="191">
        <v>30</v>
      </c>
      <c r="AD20" s="191">
        <v>21</v>
      </c>
      <c r="AE20" s="191">
        <v>19</v>
      </c>
      <c r="AF20" s="191">
        <v>13</v>
      </c>
      <c r="AG20" s="191">
        <v>9</v>
      </c>
      <c r="AH20" s="196">
        <v>92</v>
      </c>
      <c r="AI20" s="195">
        <v>102</v>
      </c>
      <c r="AJ20" s="190">
        <v>2</v>
      </c>
      <c r="AK20" s="191">
        <v>1</v>
      </c>
      <c r="AL20" s="196">
        <v>3</v>
      </c>
      <c r="AM20" s="193">
        <v>0</v>
      </c>
      <c r="AN20" s="191">
        <v>1</v>
      </c>
      <c r="AO20" s="191">
        <v>5</v>
      </c>
      <c r="AP20" s="191">
        <v>1</v>
      </c>
      <c r="AQ20" s="191">
        <v>1</v>
      </c>
      <c r="AR20" s="191">
        <v>1</v>
      </c>
      <c r="AS20" s="196">
        <v>9</v>
      </c>
      <c r="AT20" s="195">
        <v>12</v>
      </c>
      <c r="AU20" s="190">
        <v>4</v>
      </c>
      <c r="AV20" s="191">
        <v>7</v>
      </c>
      <c r="AW20" s="196">
        <v>11</v>
      </c>
      <c r="AX20" s="193">
        <v>0</v>
      </c>
      <c r="AY20" s="191">
        <v>35</v>
      </c>
      <c r="AZ20" s="191">
        <v>33</v>
      </c>
      <c r="BA20" s="191">
        <v>39</v>
      </c>
      <c r="BB20" s="191">
        <v>32</v>
      </c>
      <c r="BC20" s="191">
        <v>30</v>
      </c>
      <c r="BD20" s="194">
        <v>169</v>
      </c>
      <c r="BE20" s="195">
        <v>180</v>
      </c>
      <c r="BF20" s="190">
        <v>0</v>
      </c>
      <c r="BG20" s="191">
        <v>0</v>
      </c>
      <c r="BH20" s="196">
        <v>0</v>
      </c>
      <c r="BI20" s="193">
        <v>0</v>
      </c>
      <c r="BJ20" s="191">
        <v>38</v>
      </c>
      <c r="BK20" s="191">
        <v>35</v>
      </c>
      <c r="BL20" s="191">
        <v>20</v>
      </c>
      <c r="BM20" s="191">
        <v>13</v>
      </c>
      <c r="BN20" s="191">
        <v>6</v>
      </c>
      <c r="BO20" s="196">
        <v>112</v>
      </c>
      <c r="BP20" s="195">
        <v>112</v>
      </c>
      <c r="BQ20" s="190">
        <v>4</v>
      </c>
      <c r="BR20" s="191">
        <v>5</v>
      </c>
      <c r="BS20" s="196">
        <v>9</v>
      </c>
      <c r="BT20" s="193">
        <v>0</v>
      </c>
      <c r="BU20" s="191">
        <v>13</v>
      </c>
      <c r="BV20" s="191">
        <v>15</v>
      </c>
      <c r="BW20" s="191">
        <v>7</v>
      </c>
      <c r="BX20" s="191">
        <v>7</v>
      </c>
      <c r="BY20" s="191">
        <v>3</v>
      </c>
      <c r="BZ20" s="196">
        <v>45</v>
      </c>
      <c r="CA20" s="195">
        <v>54</v>
      </c>
      <c r="CB20" s="190">
        <v>0</v>
      </c>
      <c r="CC20" s="191">
        <v>1</v>
      </c>
      <c r="CD20" s="196">
        <v>1</v>
      </c>
      <c r="CE20" s="193">
        <v>0</v>
      </c>
      <c r="CF20" s="191">
        <v>3</v>
      </c>
      <c r="CG20" s="191">
        <v>7</v>
      </c>
      <c r="CH20" s="191">
        <v>10</v>
      </c>
      <c r="CI20" s="191">
        <v>5</v>
      </c>
      <c r="CJ20" s="191">
        <v>5</v>
      </c>
      <c r="CK20" s="196">
        <v>30</v>
      </c>
      <c r="CL20" s="195">
        <v>31</v>
      </c>
      <c r="CM20" s="190">
        <v>0</v>
      </c>
      <c r="CN20" s="191">
        <v>0</v>
      </c>
      <c r="CO20" s="196">
        <v>0</v>
      </c>
      <c r="CP20" s="193">
        <v>0</v>
      </c>
      <c r="CQ20" s="191">
        <v>0</v>
      </c>
      <c r="CR20" s="191">
        <v>3</v>
      </c>
      <c r="CS20" s="191">
        <v>0</v>
      </c>
      <c r="CT20" s="191">
        <v>0</v>
      </c>
      <c r="CU20" s="191">
        <v>0</v>
      </c>
      <c r="CV20" s="196">
        <v>3</v>
      </c>
      <c r="CW20" s="195">
        <v>3</v>
      </c>
      <c r="CX20" s="190">
        <v>0</v>
      </c>
      <c r="CY20" s="191">
        <v>0</v>
      </c>
      <c r="CZ20" s="196">
        <v>0</v>
      </c>
      <c r="DA20" s="193">
        <v>0</v>
      </c>
      <c r="DB20" s="191">
        <v>0</v>
      </c>
      <c r="DC20" s="191">
        <v>0</v>
      </c>
      <c r="DD20" s="191">
        <v>0</v>
      </c>
      <c r="DE20" s="191">
        <v>0</v>
      </c>
      <c r="DF20" s="191">
        <v>0</v>
      </c>
      <c r="DG20" s="196">
        <v>0</v>
      </c>
      <c r="DH20" s="195">
        <v>0</v>
      </c>
      <c r="DI20" s="190">
        <v>0</v>
      </c>
      <c r="DJ20" s="191">
        <v>0</v>
      </c>
      <c r="DK20" s="196">
        <v>0</v>
      </c>
      <c r="DL20" s="193">
        <v>0</v>
      </c>
      <c r="DM20" s="191">
        <v>0</v>
      </c>
      <c r="DN20" s="191">
        <v>0</v>
      </c>
      <c r="DO20" s="191">
        <v>0</v>
      </c>
      <c r="DP20" s="191">
        <v>0</v>
      </c>
      <c r="DQ20" s="191">
        <v>0</v>
      </c>
      <c r="DR20" s="196">
        <v>0</v>
      </c>
      <c r="DS20" s="195">
        <v>0</v>
      </c>
      <c r="DT20" s="190">
        <v>10</v>
      </c>
      <c r="DU20" s="191">
        <v>23</v>
      </c>
      <c r="DV20" s="196">
        <v>33</v>
      </c>
      <c r="DW20" s="193">
        <v>0</v>
      </c>
      <c r="DX20" s="191">
        <v>46</v>
      </c>
      <c r="DY20" s="191">
        <v>62</v>
      </c>
      <c r="DZ20" s="191">
        <v>48</v>
      </c>
      <c r="EA20" s="191">
        <v>34</v>
      </c>
      <c r="EB20" s="191">
        <v>20</v>
      </c>
      <c r="EC20" s="196">
        <v>210</v>
      </c>
      <c r="ED20" s="195">
        <v>243</v>
      </c>
      <c r="EE20" s="190">
        <v>2</v>
      </c>
      <c r="EF20" s="191">
        <v>3</v>
      </c>
      <c r="EG20" s="196">
        <v>5</v>
      </c>
      <c r="EH20" s="193">
        <v>0</v>
      </c>
      <c r="EI20" s="191">
        <v>15</v>
      </c>
      <c r="EJ20" s="191">
        <v>11</v>
      </c>
      <c r="EK20" s="191">
        <v>10</v>
      </c>
      <c r="EL20" s="191">
        <v>11</v>
      </c>
      <c r="EM20" s="191">
        <v>14</v>
      </c>
      <c r="EN20" s="196">
        <v>61</v>
      </c>
      <c r="EO20" s="195">
        <v>66</v>
      </c>
      <c r="EP20" s="190">
        <v>22</v>
      </c>
      <c r="EQ20" s="191">
        <v>30</v>
      </c>
      <c r="ER20" s="196">
        <v>52</v>
      </c>
      <c r="ES20" s="193">
        <v>0</v>
      </c>
      <c r="ET20" s="191">
        <v>114</v>
      </c>
      <c r="EU20" s="191">
        <v>90</v>
      </c>
      <c r="EV20" s="191">
        <v>55</v>
      </c>
      <c r="EW20" s="191">
        <v>39</v>
      </c>
      <c r="EX20" s="191">
        <v>21</v>
      </c>
      <c r="EY20" s="196">
        <v>319</v>
      </c>
      <c r="EZ20" s="195">
        <v>371</v>
      </c>
    </row>
    <row r="21" spans="2:156" ht="21" customHeight="1" x14ac:dyDescent="0.2">
      <c r="B21" s="106" t="s">
        <v>19</v>
      </c>
      <c r="C21" s="190">
        <v>0</v>
      </c>
      <c r="D21" s="191">
        <v>0</v>
      </c>
      <c r="E21" s="192">
        <v>0</v>
      </c>
      <c r="F21" s="193">
        <v>0</v>
      </c>
      <c r="G21" s="191">
        <v>8</v>
      </c>
      <c r="H21" s="191">
        <v>9</v>
      </c>
      <c r="I21" s="191">
        <v>4</v>
      </c>
      <c r="J21" s="191">
        <v>5</v>
      </c>
      <c r="K21" s="191">
        <v>2</v>
      </c>
      <c r="L21" s="194">
        <v>28</v>
      </c>
      <c r="M21" s="195">
        <v>28</v>
      </c>
      <c r="N21" s="190">
        <v>0</v>
      </c>
      <c r="O21" s="191">
        <v>0</v>
      </c>
      <c r="P21" s="196">
        <v>0</v>
      </c>
      <c r="Q21" s="193">
        <v>0</v>
      </c>
      <c r="R21" s="191">
        <v>0</v>
      </c>
      <c r="S21" s="191">
        <v>0</v>
      </c>
      <c r="T21" s="191">
        <v>1</v>
      </c>
      <c r="U21" s="191">
        <v>1</v>
      </c>
      <c r="V21" s="191">
        <v>0</v>
      </c>
      <c r="W21" s="196">
        <v>2</v>
      </c>
      <c r="X21" s="195">
        <v>2</v>
      </c>
      <c r="Y21" s="190">
        <v>3</v>
      </c>
      <c r="Z21" s="191">
        <v>2</v>
      </c>
      <c r="AA21" s="196">
        <v>5</v>
      </c>
      <c r="AB21" s="193">
        <v>0</v>
      </c>
      <c r="AC21" s="191">
        <v>16</v>
      </c>
      <c r="AD21" s="191">
        <v>9</v>
      </c>
      <c r="AE21" s="191">
        <v>7</v>
      </c>
      <c r="AF21" s="191">
        <v>6</v>
      </c>
      <c r="AG21" s="191">
        <v>2</v>
      </c>
      <c r="AH21" s="196">
        <v>40</v>
      </c>
      <c r="AI21" s="195">
        <v>45</v>
      </c>
      <c r="AJ21" s="190">
        <v>0</v>
      </c>
      <c r="AK21" s="191">
        <v>0</v>
      </c>
      <c r="AL21" s="196">
        <v>0</v>
      </c>
      <c r="AM21" s="193">
        <v>0</v>
      </c>
      <c r="AN21" s="191">
        <v>3</v>
      </c>
      <c r="AO21" s="191">
        <v>1</v>
      </c>
      <c r="AP21" s="191">
        <v>0</v>
      </c>
      <c r="AQ21" s="191">
        <v>1</v>
      </c>
      <c r="AR21" s="191">
        <v>0</v>
      </c>
      <c r="AS21" s="196">
        <v>5</v>
      </c>
      <c r="AT21" s="195">
        <v>5</v>
      </c>
      <c r="AU21" s="190">
        <v>3</v>
      </c>
      <c r="AV21" s="191">
        <v>2</v>
      </c>
      <c r="AW21" s="196">
        <v>5</v>
      </c>
      <c r="AX21" s="193">
        <v>0</v>
      </c>
      <c r="AY21" s="191">
        <v>14</v>
      </c>
      <c r="AZ21" s="191">
        <v>20</v>
      </c>
      <c r="BA21" s="191">
        <v>14</v>
      </c>
      <c r="BB21" s="191">
        <v>6</v>
      </c>
      <c r="BC21" s="191">
        <v>4</v>
      </c>
      <c r="BD21" s="194">
        <v>58</v>
      </c>
      <c r="BE21" s="195">
        <v>63</v>
      </c>
      <c r="BF21" s="190">
        <v>0</v>
      </c>
      <c r="BG21" s="191">
        <v>0</v>
      </c>
      <c r="BH21" s="196">
        <v>0</v>
      </c>
      <c r="BI21" s="193">
        <v>0</v>
      </c>
      <c r="BJ21" s="191">
        <v>12</v>
      </c>
      <c r="BK21" s="191">
        <v>11</v>
      </c>
      <c r="BL21" s="191">
        <v>4</v>
      </c>
      <c r="BM21" s="191">
        <v>2</v>
      </c>
      <c r="BN21" s="191">
        <v>2</v>
      </c>
      <c r="BO21" s="196">
        <v>31</v>
      </c>
      <c r="BP21" s="195">
        <v>31</v>
      </c>
      <c r="BQ21" s="190">
        <v>3</v>
      </c>
      <c r="BR21" s="191">
        <v>2</v>
      </c>
      <c r="BS21" s="196">
        <v>5</v>
      </c>
      <c r="BT21" s="193">
        <v>0</v>
      </c>
      <c r="BU21" s="191">
        <v>15</v>
      </c>
      <c r="BV21" s="191">
        <v>6</v>
      </c>
      <c r="BW21" s="191">
        <v>3</v>
      </c>
      <c r="BX21" s="191">
        <v>4</v>
      </c>
      <c r="BY21" s="191">
        <v>1</v>
      </c>
      <c r="BZ21" s="196">
        <v>29</v>
      </c>
      <c r="CA21" s="195">
        <v>34</v>
      </c>
      <c r="CB21" s="190">
        <v>0</v>
      </c>
      <c r="CC21" s="191">
        <v>0</v>
      </c>
      <c r="CD21" s="196">
        <v>0</v>
      </c>
      <c r="CE21" s="193">
        <v>0</v>
      </c>
      <c r="CF21" s="191">
        <v>1</v>
      </c>
      <c r="CG21" s="191">
        <v>2</v>
      </c>
      <c r="CH21" s="191">
        <v>1</v>
      </c>
      <c r="CI21" s="191">
        <v>1</v>
      </c>
      <c r="CJ21" s="191">
        <v>0</v>
      </c>
      <c r="CK21" s="196">
        <v>5</v>
      </c>
      <c r="CL21" s="195">
        <v>5</v>
      </c>
      <c r="CM21" s="190">
        <v>0</v>
      </c>
      <c r="CN21" s="191">
        <v>0</v>
      </c>
      <c r="CO21" s="196">
        <v>0</v>
      </c>
      <c r="CP21" s="193">
        <v>0</v>
      </c>
      <c r="CQ21" s="191">
        <v>2</v>
      </c>
      <c r="CR21" s="191">
        <v>0</v>
      </c>
      <c r="CS21" s="191">
        <v>0</v>
      </c>
      <c r="CT21" s="191">
        <v>2</v>
      </c>
      <c r="CU21" s="191">
        <v>0</v>
      </c>
      <c r="CV21" s="196">
        <v>4</v>
      </c>
      <c r="CW21" s="195">
        <v>4</v>
      </c>
      <c r="CX21" s="190">
        <v>0</v>
      </c>
      <c r="CY21" s="191">
        <v>0</v>
      </c>
      <c r="CZ21" s="196">
        <v>0</v>
      </c>
      <c r="DA21" s="193">
        <v>0</v>
      </c>
      <c r="DB21" s="191">
        <v>0</v>
      </c>
      <c r="DC21" s="191">
        <v>0</v>
      </c>
      <c r="DD21" s="191">
        <v>0</v>
      </c>
      <c r="DE21" s="191">
        <v>0</v>
      </c>
      <c r="DF21" s="191">
        <v>0</v>
      </c>
      <c r="DG21" s="196">
        <v>0</v>
      </c>
      <c r="DH21" s="195">
        <v>0</v>
      </c>
      <c r="DI21" s="190">
        <v>0</v>
      </c>
      <c r="DJ21" s="191">
        <v>0</v>
      </c>
      <c r="DK21" s="196">
        <v>0</v>
      </c>
      <c r="DL21" s="193">
        <v>0</v>
      </c>
      <c r="DM21" s="191">
        <v>0</v>
      </c>
      <c r="DN21" s="191">
        <v>0</v>
      </c>
      <c r="DO21" s="191">
        <v>0</v>
      </c>
      <c r="DP21" s="191">
        <v>0</v>
      </c>
      <c r="DQ21" s="191">
        <v>0</v>
      </c>
      <c r="DR21" s="196">
        <v>0</v>
      </c>
      <c r="DS21" s="195">
        <v>0</v>
      </c>
      <c r="DT21" s="190">
        <v>8</v>
      </c>
      <c r="DU21" s="191">
        <v>7</v>
      </c>
      <c r="DV21" s="196">
        <v>15</v>
      </c>
      <c r="DW21" s="193">
        <v>0</v>
      </c>
      <c r="DX21" s="191">
        <v>27</v>
      </c>
      <c r="DY21" s="191">
        <v>24</v>
      </c>
      <c r="DZ21" s="191">
        <v>13</v>
      </c>
      <c r="EA21" s="191">
        <v>13</v>
      </c>
      <c r="EB21" s="191">
        <v>3</v>
      </c>
      <c r="EC21" s="196">
        <v>80</v>
      </c>
      <c r="ED21" s="195">
        <v>95</v>
      </c>
      <c r="EE21" s="190">
        <v>2</v>
      </c>
      <c r="EF21" s="191">
        <v>1</v>
      </c>
      <c r="EG21" s="196">
        <v>3</v>
      </c>
      <c r="EH21" s="193">
        <v>0</v>
      </c>
      <c r="EI21" s="191">
        <v>2</v>
      </c>
      <c r="EJ21" s="191">
        <v>7</v>
      </c>
      <c r="EK21" s="191">
        <v>6</v>
      </c>
      <c r="EL21" s="191">
        <v>0</v>
      </c>
      <c r="EM21" s="191">
        <v>2</v>
      </c>
      <c r="EN21" s="196">
        <v>17</v>
      </c>
      <c r="EO21" s="195">
        <v>20</v>
      </c>
      <c r="EP21" s="190">
        <v>14</v>
      </c>
      <c r="EQ21" s="191">
        <v>9</v>
      </c>
      <c r="ER21" s="196">
        <v>23</v>
      </c>
      <c r="ES21" s="193">
        <v>0</v>
      </c>
      <c r="ET21" s="191">
        <v>48</v>
      </c>
      <c r="EU21" s="191">
        <v>33</v>
      </c>
      <c r="EV21" s="191">
        <v>15</v>
      </c>
      <c r="EW21" s="191">
        <v>12</v>
      </c>
      <c r="EX21" s="191">
        <v>4</v>
      </c>
      <c r="EY21" s="196">
        <v>112</v>
      </c>
      <c r="EZ21" s="195">
        <v>135</v>
      </c>
    </row>
    <row r="22" spans="2:156" ht="21" customHeight="1" x14ac:dyDescent="0.2">
      <c r="B22" s="106" t="s">
        <v>20</v>
      </c>
      <c r="C22" s="190">
        <v>0</v>
      </c>
      <c r="D22" s="191">
        <v>0</v>
      </c>
      <c r="E22" s="192">
        <v>0</v>
      </c>
      <c r="F22" s="193">
        <v>0</v>
      </c>
      <c r="G22" s="191">
        <v>15</v>
      </c>
      <c r="H22" s="191">
        <v>14</v>
      </c>
      <c r="I22" s="191">
        <v>8</v>
      </c>
      <c r="J22" s="191">
        <v>5</v>
      </c>
      <c r="K22" s="191">
        <v>3</v>
      </c>
      <c r="L22" s="194">
        <v>45</v>
      </c>
      <c r="M22" s="195">
        <v>45</v>
      </c>
      <c r="N22" s="190">
        <v>0</v>
      </c>
      <c r="O22" s="191">
        <v>0</v>
      </c>
      <c r="P22" s="196">
        <v>0</v>
      </c>
      <c r="Q22" s="193">
        <v>0</v>
      </c>
      <c r="R22" s="191">
        <v>0</v>
      </c>
      <c r="S22" s="191">
        <v>0</v>
      </c>
      <c r="T22" s="191">
        <v>1</v>
      </c>
      <c r="U22" s="191">
        <v>1</v>
      </c>
      <c r="V22" s="191">
        <v>1</v>
      </c>
      <c r="W22" s="196">
        <v>3</v>
      </c>
      <c r="X22" s="195">
        <v>3</v>
      </c>
      <c r="Y22" s="190">
        <v>5</v>
      </c>
      <c r="Z22" s="191">
        <v>5</v>
      </c>
      <c r="AA22" s="196">
        <v>10</v>
      </c>
      <c r="AB22" s="193">
        <v>0</v>
      </c>
      <c r="AC22" s="191">
        <v>15</v>
      </c>
      <c r="AD22" s="191">
        <v>17</v>
      </c>
      <c r="AE22" s="191">
        <v>8</v>
      </c>
      <c r="AF22" s="191">
        <v>6</v>
      </c>
      <c r="AG22" s="191">
        <v>1</v>
      </c>
      <c r="AH22" s="196">
        <v>47</v>
      </c>
      <c r="AI22" s="195">
        <v>57</v>
      </c>
      <c r="AJ22" s="190">
        <v>0</v>
      </c>
      <c r="AK22" s="191">
        <v>6</v>
      </c>
      <c r="AL22" s="196">
        <v>6</v>
      </c>
      <c r="AM22" s="193">
        <v>0</v>
      </c>
      <c r="AN22" s="191">
        <v>5</v>
      </c>
      <c r="AO22" s="191">
        <v>3</v>
      </c>
      <c r="AP22" s="191">
        <v>2</v>
      </c>
      <c r="AQ22" s="191">
        <v>0</v>
      </c>
      <c r="AR22" s="191">
        <v>2</v>
      </c>
      <c r="AS22" s="196">
        <v>12</v>
      </c>
      <c r="AT22" s="195">
        <v>18</v>
      </c>
      <c r="AU22" s="190">
        <v>2</v>
      </c>
      <c r="AV22" s="191">
        <v>3</v>
      </c>
      <c r="AW22" s="196">
        <v>5</v>
      </c>
      <c r="AX22" s="193">
        <v>0</v>
      </c>
      <c r="AY22" s="191">
        <v>13</v>
      </c>
      <c r="AZ22" s="191">
        <v>20</v>
      </c>
      <c r="BA22" s="191">
        <v>14</v>
      </c>
      <c r="BB22" s="191">
        <v>10</v>
      </c>
      <c r="BC22" s="191">
        <v>10</v>
      </c>
      <c r="BD22" s="194">
        <v>67</v>
      </c>
      <c r="BE22" s="195">
        <v>72</v>
      </c>
      <c r="BF22" s="190">
        <v>0</v>
      </c>
      <c r="BG22" s="191">
        <v>0</v>
      </c>
      <c r="BH22" s="196">
        <v>0</v>
      </c>
      <c r="BI22" s="193">
        <v>0</v>
      </c>
      <c r="BJ22" s="191">
        <v>19</v>
      </c>
      <c r="BK22" s="191">
        <v>15</v>
      </c>
      <c r="BL22" s="191">
        <v>14</v>
      </c>
      <c r="BM22" s="191">
        <v>3</v>
      </c>
      <c r="BN22" s="191">
        <v>2</v>
      </c>
      <c r="BO22" s="196">
        <v>53</v>
      </c>
      <c r="BP22" s="195">
        <v>53</v>
      </c>
      <c r="BQ22" s="190">
        <v>0</v>
      </c>
      <c r="BR22" s="191">
        <v>2</v>
      </c>
      <c r="BS22" s="196">
        <v>2</v>
      </c>
      <c r="BT22" s="193">
        <v>0</v>
      </c>
      <c r="BU22" s="191">
        <v>8</v>
      </c>
      <c r="BV22" s="191">
        <v>12</v>
      </c>
      <c r="BW22" s="191">
        <v>6</v>
      </c>
      <c r="BX22" s="191">
        <v>2</v>
      </c>
      <c r="BY22" s="191">
        <v>0</v>
      </c>
      <c r="BZ22" s="196">
        <v>28</v>
      </c>
      <c r="CA22" s="195">
        <v>30</v>
      </c>
      <c r="CB22" s="190">
        <v>0</v>
      </c>
      <c r="CC22" s="191">
        <v>0</v>
      </c>
      <c r="CD22" s="196">
        <v>0</v>
      </c>
      <c r="CE22" s="193">
        <v>0</v>
      </c>
      <c r="CF22" s="191">
        <v>3</v>
      </c>
      <c r="CG22" s="191">
        <v>3</v>
      </c>
      <c r="CH22" s="191">
        <v>8</v>
      </c>
      <c r="CI22" s="191">
        <v>2</v>
      </c>
      <c r="CJ22" s="191">
        <v>1</v>
      </c>
      <c r="CK22" s="196">
        <v>17</v>
      </c>
      <c r="CL22" s="195">
        <v>17</v>
      </c>
      <c r="CM22" s="190">
        <v>0</v>
      </c>
      <c r="CN22" s="191">
        <v>0</v>
      </c>
      <c r="CO22" s="196">
        <v>0</v>
      </c>
      <c r="CP22" s="193">
        <v>0</v>
      </c>
      <c r="CQ22" s="191">
        <v>1</v>
      </c>
      <c r="CR22" s="191">
        <v>2</v>
      </c>
      <c r="CS22" s="191">
        <v>0</v>
      </c>
      <c r="CT22" s="191">
        <v>0</v>
      </c>
      <c r="CU22" s="191">
        <v>0</v>
      </c>
      <c r="CV22" s="196">
        <v>3</v>
      </c>
      <c r="CW22" s="195">
        <v>3</v>
      </c>
      <c r="CX22" s="190">
        <v>0</v>
      </c>
      <c r="CY22" s="191">
        <v>0</v>
      </c>
      <c r="CZ22" s="196">
        <v>0</v>
      </c>
      <c r="DA22" s="193">
        <v>0</v>
      </c>
      <c r="DB22" s="191">
        <v>0</v>
      </c>
      <c r="DC22" s="191">
        <v>0</v>
      </c>
      <c r="DD22" s="191">
        <v>0</v>
      </c>
      <c r="DE22" s="191">
        <v>0</v>
      </c>
      <c r="DF22" s="191">
        <v>0</v>
      </c>
      <c r="DG22" s="196">
        <v>0</v>
      </c>
      <c r="DH22" s="195">
        <v>0</v>
      </c>
      <c r="DI22" s="190">
        <v>0</v>
      </c>
      <c r="DJ22" s="191">
        <v>0</v>
      </c>
      <c r="DK22" s="196">
        <v>0</v>
      </c>
      <c r="DL22" s="193">
        <v>0</v>
      </c>
      <c r="DM22" s="191">
        <v>0</v>
      </c>
      <c r="DN22" s="191">
        <v>0</v>
      </c>
      <c r="DO22" s="191">
        <v>0</v>
      </c>
      <c r="DP22" s="191">
        <v>0</v>
      </c>
      <c r="DQ22" s="191">
        <v>0</v>
      </c>
      <c r="DR22" s="196">
        <v>0</v>
      </c>
      <c r="DS22" s="195">
        <v>0</v>
      </c>
      <c r="DT22" s="190">
        <v>9</v>
      </c>
      <c r="DU22" s="191">
        <v>19</v>
      </c>
      <c r="DV22" s="196">
        <v>28</v>
      </c>
      <c r="DW22" s="193">
        <v>0</v>
      </c>
      <c r="DX22" s="191">
        <v>28</v>
      </c>
      <c r="DY22" s="191">
        <v>30</v>
      </c>
      <c r="DZ22" s="191">
        <v>25</v>
      </c>
      <c r="EA22" s="191">
        <v>10</v>
      </c>
      <c r="EB22" s="191">
        <v>8</v>
      </c>
      <c r="EC22" s="196">
        <v>101</v>
      </c>
      <c r="ED22" s="195">
        <v>129</v>
      </c>
      <c r="EE22" s="190">
        <v>3</v>
      </c>
      <c r="EF22" s="191">
        <v>1</v>
      </c>
      <c r="EG22" s="196">
        <v>4</v>
      </c>
      <c r="EH22" s="193">
        <v>0</v>
      </c>
      <c r="EI22" s="191">
        <v>7</v>
      </c>
      <c r="EJ22" s="191">
        <v>6</v>
      </c>
      <c r="EK22" s="191">
        <v>3</v>
      </c>
      <c r="EL22" s="191">
        <v>5</v>
      </c>
      <c r="EM22" s="191">
        <v>4</v>
      </c>
      <c r="EN22" s="196">
        <v>25</v>
      </c>
      <c r="EO22" s="195">
        <v>29</v>
      </c>
      <c r="EP22" s="190">
        <v>13</v>
      </c>
      <c r="EQ22" s="191">
        <v>26</v>
      </c>
      <c r="ER22" s="196">
        <v>39</v>
      </c>
      <c r="ES22" s="193">
        <v>0</v>
      </c>
      <c r="ET22" s="191">
        <v>64</v>
      </c>
      <c r="EU22" s="191">
        <v>51</v>
      </c>
      <c r="EV22" s="191">
        <v>28</v>
      </c>
      <c r="EW22" s="191">
        <v>12</v>
      </c>
      <c r="EX22" s="191">
        <v>7</v>
      </c>
      <c r="EY22" s="196">
        <v>162</v>
      </c>
      <c r="EZ22" s="195">
        <v>201</v>
      </c>
    </row>
    <row r="23" spans="2:156" ht="21" customHeight="1" x14ac:dyDescent="0.2">
      <c r="B23" s="106" t="s">
        <v>21</v>
      </c>
      <c r="C23" s="190">
        <v>0</v>
      </c>
      <c r="D23" s="191">
        <v>0</v>
      </c>
      <c r="E23" s="192">
        <v>0</v>
      </c>
      <c r="F23" s="193">
        <v>0</v>
      </c>
      <c r="G23" s="191">
        <v>14</v>
      </c>
      <c r="H23" s="191">
        <v>13</v>
      </c>
      <c r="I23" s="191">
        <v>3</v>
      </c>
      <c r="J23" s="191">
        <v>3</v>
      </c>
      <c r="K23" s="191">
        <v>5</v>
      </c>
      <c r="L23" s="194">
        <v>38</v>
      </c>
      <c r="M23" s="195">
        <v>38</v>
      </c>
      <c r="N23" s="190">
        <v>0</v>
      </c>
      <c r="O23" s="191">
        <v>0</v>
      </c>
      <c r="P23" s="196">
        <v>0</v>
      </c>
      <c r="Q23" s="193">
        <v>0</v>
      </c>
      <c r="R23" s="191">
        <v>0</v>
      </c>
      <c r="S23" s="191">
        <v>0</v>
      </c>
      <c r="T23" s="191">
        <v>1</v>
      </c>
      <c r="U23" s="191">
        <v>2</v>
      </c>
      <c r="V23" s="191">
        <v>3</v>
      </c>
      <c r="W23" s="196">
        <v>6</v>
      </c>
      <c r="X23" s="195">
        <v>6</v>
      </c>
      <c r="Y23" s="190">
        <v>1</v>
      </c>
      <c r="Z23" s="191">
        <v>1</v>
      </c>
      <c r="AA23" s="196">
        <v>2</v>
      </c>
      <c r="AB23" s="193">
        <v>0</v>
      </c>
      <c r="AC23" s="191">
        <v>16</v>
      </c>
      <c r="AD23" s="191">
        <v>10</v>
      </c>
      <c r="AE23" s="191">
        <v>4</v>
      </c>
      <c r="AF23" s="191">
        <v>4</v>
      </c>
      <c r="AG23" s="191">
        <v>3</v>
      </c>
      <c r="AH23" s="196">
        <v>37</v>
      </c>
      <c r="AI23" s="195">
        <v>39</v>
      </c>
      <c r="AJ23" s="190">
        <v>1</v>
      </c>
      <c r="AK23" s="191">
        <v>1</v>
      </c>
      <c r="AL23" s="196">
        <v>2</v>
      </c>
      <c r="AM23" s="193">
        <v>0</v>
      </c>
      <c r="AN23" s="191">
        <v>0</v>
      </c>
      <c r="AO23" s="191">
        <v>0</v>
      </c>
      <c r="AP23" s="191">
        <v>1</v>
      </c>
      <c r="AQ23" s="191">
        <v>0</v>
      </c>
      <c r="AR23" s="191">
        <v>1</v>
      </c>
      <c r="AS23" s="196">
        <v>2</v>
      </c>
      <c r="AT23" s="195">
        <v>4</v>
      </c>
      <c r="AU23" s="190">
        <v>3</v>
      </c>
      <c r="AV23" s="191">
        <v>4</v>
      </c>
      <c r="AW23" s="196">
        <v>7</v>
      </c>
      <c r="AX23" s="193">
        <v>0</v>
      </c>
      <c r="AY23" s="191">
        <v>14</v>
      </c>
      <c r="AZ23" s="191">
        <v>19</v>
      </c>
      <c r="BA23" s="191">
        <v>13</v>
      </c>
      <c r="BB23" s="191">
        <v>13</v>
      </c>
      <c r="BC23" s="191">
        <v>9</v>
      </c>
      <c r="BD23" s="194">
        <v>68</v>
      </c>
      <c r="BE23" s="195">
        <v>75</v>
      </c>
      <c r="BF23" s="190">
        <v>0</v>
      </c>
      <c r="BG23" s="191">
        <v>0</v>
      </c>
      <c r="BH23" s="196">
        <v>0</v>
      </c>
      <c r="BI23" s="193">
        <v>0</v>
      </c>
      <c r="BJ23" s="191">
        <v>13</v>
      </c>
      <c r="BK23" s="191">
        <v>10</v>
      </c>
      <c r="BL23" s="191">
        <v>7</v>
      </c>
      <c r="BM23" s="191">
        <v>2</v>
      </c>
      <c r="BN23" s="191">
        <v>3</v>
      </c>
      <c r="BO23" s="196">
        <v>35</v>
      </c>
      <c r="BP23" s="195">
        <v>35</v>
      </c>
      <c r="BQ23" s="190">
        <v>0</v>
      </c>
      <c r="BR23" s="191">
        <v>0</v>
      </c>
      <c r="BS23" s="196">
        <v>0</v>
      </c>
      <c r="BT23" s="193">
        <v>0</v>
      </c>
      <c r="BU23" s="191">
        <v>1</v>
      </c>
      <c r="BV23" s="191">
        <v>3</v>
      </c>
      <c r="BW23" s="191">
        <v>2</v>
      </c>
      <c r="BX23" s="191">
        <v>0</v>
      </c>
      <c r="BY23" s="191">
        <v>2</v>
      </c>
      <c r="BZ23" s="196">
        <v>8</v>
      </c>
      <c r="CA23" s="195">
        <v>8</v>
      </c>
      <c r="CB23" s="190">
        <v>0</v>
      </c>
      <c r="CC23" s="191">
        <v>0</v>
      </c>
      <c r="CD23" s="196">
        <v>0</v>
      </c>
      <c r="CE23" s="193">
        <v>0</v>
      </c>
      <c r="CF23" s="191">
        <v>2</v>
      </c>
      <c r="CG23" s="191">
        <v>2</v>
      </c>
      <c r="CH23" s="191">
        <v>3</v>
      </c>
      <c r="CI23" s="191">
        <v>1</v>
      </c>
      <c r="CJ23" s="191">
        <v>1</v>
      </c>
      <c r="CK23" s="196">
        <v>9</v>
      </c>
      <c r="CL23" s="195">
        <v>9</v>
      </c>
      <c r="CM23" s="190">
        <v>0</v>
      </c>
      <c r="CN23" s="191">
        <v>0</v>
      </c>
      <c r="CO23" s="196">
        <v>0</v>
      </c>
      <c r="CP23" s="193">
        <v>0</v>
      </c>
      <c r="CQ23" s="191">
        <v>0</v>
      </c>
      <c r="CR23" s="191">
        <v>1</v>
      </c>
      <c r="CS23" s="191">
        <v>1</v>
      </c>
      <c r="CT23" s="191">
        <v>0</v>
      </c>
      <c r="CU23" s="191">
        <v>0</v>
      </c>
      <c r="CV23" s="196">
        <v>2</v>
      </c>
      <c r="CW23" s="195">
        <v>2</v>
      </c>
      <c r="CX23" s="190">
        <v>0</v>
      </c>
      <c r="CY23" s="191">
        <v>0</v>
      </c>
      <c r="CZ23" s="196">
        <v>0</v>
      </c>
      <c r="DA23" s="193">
        <v>0</v>
      </c>
      <c r="DB23" s="191">
        <v>0</v>
      </c>
      <c r="DC23" s="191">
        <v>0</v>
      </c>
      <c r="DD23" s="191">
        <v>0</v>
      </c>
      <c r="DE23" s="191">
        <v>0</v>
      </c>
      <c r="DF23" s="191">
        <v>0</v>
      </c>
      <c r="DG23" s="196">
        <v>0</v>
      </c>
      <c r="DH23" s="195">
        <v>0</v>
      </c>
      <c r="DI23" s="190">
        <v>0</v>
      </c>
      <c r="DJ23" s="191">
        <v>0</v>
      </c>
      <c r="DK23" s="196">
        <v>0</v>
      </c>
      <c r="DL23" s="193">
        <v>0</v>
      </c>
      <c r="DM23" s="191">
        <v>0</v>
      </c>
      <c r="DN23" s="191">
        <v>0</v>
      </c>
      <c r="DO23" s="191">
        <v>0</v>
      </c>
      <c r="DP23" s="191">
        <v>0</v>
      </c>
      <c r="DQ23" s="191">
        <v>0</v>
      </c>
      <c r="DR23" s="196">
        <v>0</v>
      </c>
      <c r="DS23" s="195">
        <v>0</v>
      </c>
      <c r="DT23" s="190">
        <v>8</v>
      </c>
      <c r="DU23" s="191">
        <v>8</v>
      </c>
      <c r="DV23" s="196">
        <v>16</v>
      </c>
      <c r="DW23" s="193">
        <v>0</v>
      </c>
      <c r="DX23" s="191">
        <v>12</v>
      </c>
      <c r="DY23" s="191">
        <v>22</v>
      </c>
      <c r="DZ23" s="191">
        <v>12</v>
      </c>
      <c r="EA23" s="191">
        <v>8</v>
      </c>
      <c r="EB23" s="191">
        <v>5</v>
      </c>
      <c r="EC23" s="196">
        <v>59</v>
      </c>
      <c r="ED23" s="195">
        <v>75</v>
      </c>
      <c r="EE23" s="190">
        <v>3</v>
      </c>
      <c r="EF23" s="191">
        <v>1</v>
      </c>
      <c r="EG23" s="196">
        <v>4</v>
      </c>
      <c r="EH23" s="193">
        <v>0</v>
      </c>
      <c r="EI23" s="191">
        <v>5</v>
      </c>
      <c r="EJ23" s="191">
        <v>4</v>
      </c>
      <c r="EK23" s="191">
        <v>9</v>
      </c>
      <c r="EL23" s="191">
        <v>6</v>
      </c>
      <c r="EM23" s="191">
        <v>3</v>
      </c>
      <c r="EN23" s="196">
        <v>27</v>
      </c>
      <c r="EO23" s="195">
        <v>31</v>
      </c>
      <c r="EP23" s="190">
        <v>10</v>
      </c>
      <c r="EQ23" s="191">
        <v>10</v>
      </c>
      <c r="ER23" s="196">
        <v>20</v>
      </c>
      <c r="ES23" s="193">
        <v>0</v>
      </c>
      <c r="ET23" s="191">
        <v>41</v>
      </c>
      <c r="EU23" s="191">
        <v>37</v>
      </c>
      <c r="EV23" s="191">
        <v>18</v>
      </c>
      <c r="EW23" s="191">
        <v>9</v>
      </c>
      <c r="EX23" s="191">
        <v>8</v>
      </c>
      <c r="EY23" s="196">
        <v>113</v>
      </c>
      <c r="EZ23" s="195">
        <v>133</v>
      </c>
    </row>
    <row r="24" spans="2:156" ht="21" customHeight="1" x14ac:dyDescent="0.2">
      <c r="B24" s="106" t="s">
        <v>22</v>
      </c>
      <c r="C24" s="190">
        <v>0</v>
      </c>
      <c r="D24" s="191">
        <v>0</v>
      </c>
      <c r="E24" s="192">
        <v>0</v>
      </c>
      <c r="F24" s="193">
        <v>0</v>
      </c>
      <c r="G24" s="191">
        <v>5</v>
      </c>
      <c r="H24" s="191">
        <v>1</v>
      </c>
      <c r="I24" s="191">
        <v>2</v>
      </c>
      <c r="J24" s="191">
        <v>2</v>
      </c>
      <c r="K24" s="191">
        <v>2</v>
      </c>
      <c r="L24" s="194">
        <v>12</v>
      </c>
      <c r="M24" s="195">
        <v>12</v>
      </c>
      <c r="N24" s="190">
        <v>0</v>
      </c>
      <c r="O24" s="191">
        <v>0</v>
      </c>
      <c r="P24" s="196">
        <v>0</v>
      </c>
      <c r="Q24" s="193">
        <v>0</v>
      </c>
      <c r="R24" s="191">
        <v>0</v>
      </c>
      <c r="S24" s="191">
        <v>0</v>
      </c>
      <c r="T24" s="191">
        <v>0</v>
      </c>
      <c r="U24" s="191">
        <v>2</v>
      </c>
      <c r="V24" s="191">
        <v>4</v>
      </c>
      <c r="W24" s="196">
        <v>6</v>
      </c>
      <c r="X24" s="195">
        <v>6</v>
      </c>
      <c r="Y24" s="190">
        <v>0</v>
      </c>
      <c r="Z24" s="191">
        <v>1</v>
      </c>
      <c r="AA24" s="196">
        <v>1</v>
      </c>
      <c r="AB24" s="193">
        <v>0</v>
      </c>
      <c r="AC24" s="191">
        <v>6</v>
      </c>
      <c r="AD24" s="191">
        <v>3</v>
      </c>
      <c r="AE24" s="191">
        <v>1</v>
      </c>
      <c r="AF24" s="191">
        <v>2</v>
      </c>
      <c r="AG24" s="191">
        <v>4</v>
      </c>
      <c r="AH24" s="196">
        <v>16</v>
      </c>
      <c r="AI24" s="195">
        <v>17</v>
      </c>
      <c r="AJ24" s="190">
        <v>0</v>
      </c>
      <c r="AK24" s="191">
        <v>0</v>
      </c>
      <c r="AL24" s="196">
        <v>0</v>
      </c>
      <c r="AM24" s="193">
        <v>0</v>
      </c>
      <c r="AN24" s="191">
        <v>1</v>
      </c>
      <c r="AO24" s="191">
        <v>1</v>
      </c>
      <c r="AP24" s="191">
        <v>0</v>
      </c>
      <c r="AQ24" s="191">
        <v>2</v>
      </c>
      <c r="AR24" s="191">
        <v>0</v>
      </c>
      <c r="AS24" s="196">
        <v>4</v>
      </c>
      <c r="AT24" s="195">
        <v>4</v>
      </c>
      <c r="AU24" s="190">
        <v>0</v>
      </c>
      <c r="AV24" s="191">
        <v>0</v>
      </c>
      <c r="AW24" s="196">
        <v>0</v>
      </c>
      <c r="AX24" s="193">
        <v>0</v>
      </c>
      <c r="AY24" s="191">
        <v>2</v>
      </c>
      <c r="AZ24" s="191">
        <v>2</v>
      </c>
      <c r="BA24" s="191">
        <v>2</v>
      </c>
      <c r="BB24" s="191">
        <v>9</v>
      </c>
      <c r="BC24" s="191">
        <v>1</v>
      </c>
      <c r="BD24" s="194">
        <v>16</v>
      </c>
      <c r="BE24" s="195">
        <v>16</v>
      </c>
      <c r="BF24" s="190">
        <v>0</v>
      </c>
      <c r="BG24" s="191">
        <v>0</v>
      </c>
      <c r="BH24" s="196">
        <v>0</v>
      </c>
      <c r="BI24" s="193">
        <v>0</v>
      </c>
      <c r="BJ24" s="191">
        <v>4</v>
      </c>
      <c r="BK24" s="191">
        <v>8</v>
      </c>
      <c r="BL24" s="191">
        <v>2</v>
      </c>
      <c r="BM24" s="191">
        <v>4</v>
      </c>
      <c r="BN24" s="191">
        <v>2</v>
      </c>
      <c r="BO24" s="196">
        <v>20</v>
      </c>
      <c r="BP24" s="195">
        <v>20</v>
      </c>
      <c r="BQ24" s="190">
        <v>1</v>
      </c>
      <c r="BR24" s="191">
        <v>0</v>
      </c>
      <c r="BS24" s="196">
        <v>1</v>
      </c>
      <c r="BT24" s="193">
        <v>0</v>
      </c>
      <c r="BU24" s="191">
        <v>3</v>
      </c>
      <c r="BV24" s="191">
        <v>3</v>
      </c>
      <c r="BW24" s="191">
        <v>0</v>
      </c>
      <c r="BX24" s="191">
        <v>0</v>
      </c>
      <c r="BY24" s="191">
        <v>0</v>
      </c>
      <c r="BZ24" s="196">
        <v>6</v>
      </c>
      <c r="CA24" s="195">
        <v>7</v>
      </c>
      <c r="CB24" s="190">
        <v>0</v>
      </c>
      <c r="CC24" s="191">
        <v>0</v>
      </c>
      <c r="CD24" s="196">
        <v>0</v>
      </c>
      <c r="CE24" s="193">
        <v>0</v>
      </c>
      <c r="CF24" s="191">
        <v>0</v>
      </c>
      <c r="CG24" s="191">
        <v>2</v>
      </c>
      <c r="CH24" s="191">
        <v>1</v>
      </c>
      <c r="CI24" s="191">
        <v>1</v>
      </c>
      <c r="CJ24" s="191">
        <v>0</v>
      </c>
      <c r="CK24" s="196">
        <v>4</v>
      </c>
      <c r="CL24" s="195">
        <v>4</v>
      </c>
      <c r="CM24" s="190">
        <v>0</v>
      </c>
      <c r="CN24" s="191">
        <v>0</v>
      </c>
      <c r="CO24" s="196">
        <v>0</v>
      </c>
      <c r="CP24" s="193">
        <v>0</v>
      </c>
      <c r="CQ24" s="191">
        <v>1</v>
      </c>
      <c r="CR24" s="191">
        <v>0</v>
      </c>
      <c r="CS24" s="191">
        <v>0</v>
      </c>
      <c r="CT24" s="191">
        <v>0</v>
      </c>
      <c r="CU24" s="191">
        <v>0</v>
      </c>
      <c r="CV24" s="196">
        <v>1</v>
      </c>
      <c r="CW24" s="195">
        <v>1</v>
      </c>
      <c r="CX24" s="190">
        <v>0</v>
      </c>
      <c r="CY24" s="191">
        <v>0</v>
      </c>
      <c r="CZ24" s="196">
        <v>0</v>
      </c>
      <c r="DA24" s="193">
        <v>0</v>
      </c>
      <c r="DB24" s="191">
        <v>0</v>
      </c>
      <c r="DC24" s="191">
        <v>0</v>
      </c>
      <c r="DD24" s="191">
        <v>0</v>
      </c>
      <c r="DE24" s="191">
        <v>0</v>
      </c>
      <c r="DF24" s="191">
        <v>0</v>
      </c>
      <c r="DG24" s="196">
        <v>0</v>
      </c>
      <c r="DH24" s="195">
        <v>0</v>
      </c>
      <c r="DI24" s="190">
        <v>0</v>
      </c>
      <c r="DJ24" s="191">
        <v>0</v>
      </c>
      <c r="DK24" s="196">
        <v>0</v>
      </c>
      <c r="DL24" s="193">
        <v>0</v>
      </c>
      <c r="DM24" s="191">
        <v>0</v>
      </c>
      <c r="DN24" s="191">
        <v>0</v>
      </c>
      <c r="DO24" s="191">
        <v>0</v>
      </c>
      <c r="DP24" s="191">
        <v>0</v>
      </c>
      <c r="DQ24" s="191">
        <v>0</v>
      </c>
      <c r="DR24" s="196">
        <v>0</v>
      </c>
      <c r="DS24" s="195">
        <v>0</v>
      </c>
      <c r="DT24" s="190">
        <v>4</v>
      </c>
      <c r="DU24" s="191">
        <v>7</v>
      </c>
      <c r="DV24" s="196">
        <v>11</v>
      </c>
      <c r="DW24" s="193">
        <v>0</v>
      </c>
      <c r="DX24" s="191">
        <v>10</v>
      </c>
      <c r="DY24" s="191">
        <v>9</v>
      </c>
      <c r="DZ24" s="191">
        <v>4</v>
      </c>
      <c r="EA24" s="191">
        <v>7</v>
      </c>
      <c r="EB24" s="191">
        <v>5</v>
      </c>
      <c r="EC24" s="196">
        <v>35</v>
      </c>
      <c r="ED24" s="195">
        <v>46</v>
      </c>
      <c r="EE24" s="190">
        <v>0</v>
      </c>
      <c r="EF24" s="191">
        <v>0</v>
      </c>
      <c r="EG24" s="196">
        <v>0</v>
      </c>
      <c r="EH24" s="193">
        <v>0</v>
      </c>
      <c r="EI24" s="191">
        <v>4</v>
      </c>
      <c r="EJ24" s="191">
        <v>1</v>
      </c>
      <c r="EK24" s="191">
        <v>2</v>
      </c>
      <c r="EL24" s="191">
        <v>4</v>
      </c>
      <c r="EM24" s="191">
        <v>1</v>
      </c>
      <c r="EN24" s="196">
        <v>12</v>
      </c>
      <c r="EO24" s="195">
        <v>12</v>
      </c>
      <c r="EP24" s="190">
        <v>5</v>
      </c>
      <c r="EQ24" s="191">
        <v>8</v>
      </c>
      <c r="ER24" s="196">
        <v>13</v>
      </c>
      <c r="ES24" s="193">
        <v>0</v>
      </c>
      <c r="ET24" s="191">
        <v>22</v>
      </c>
      <c r="EU24" s="191">
        <v>18</v>
      </c>
      <c r="EV24" s="191">
        <v>5</v>
      </c>
      <c r="EW24" s="191">
        <v>8</v>
      </c>
      <c r="EX24" s="191">
        <v>5</v>
      </c>
      <c r="EY24" s="196">
        <v>58</v>
      </c>
      <c r="EZ24" s="195">
        <v>71</v>
      </c>
    </row>
    <row r="25" spans="2:156" ht="21" customHeight="1" x14ac:dyDescent="0.2">
      <c r="B25" s="106" t="s">
        <v>23</v>
      </c>
      <c r="C25" s="190">
        <v>0</v>
      </c>
      <c r="D25" s="191">
        <v>0</v>
      </c>
      <c r="E25" s="192">
        <v>0</v>
      </c>
      <c r="F25" s="193">
        <v>0</v>
      </c>
      <c r="G25" s="191">
        <v>0</v>
      </c>
      <c r="H25" s="191">
        <v>4</v>
      </c>
      <c r="I25" s="191">
        <v>7</v>
      </c>
      <c r="J25" s="191">
        <v>3</v>
      </c>
      <c r="K25" s="191">
        <v>1</v>
      </c>
      <c r="L25" s="194">
        <v>15</v>
      </c>
      <c r="M25" s="195">
        <v>15</v>
      </c>
      <c r="N25" s="190">
        <v>0</v>
      </c>
      <c r="O25" s="191">
        <v>0</v>
      </c>
      <c r="P25" s="196">
        <v>0</v>
      </c>
      <c r="Q25" s="193">
        <v>0</v>
      </c>
      <c r="R25" s="191">
        <v>0</v>
      </c>
      <c r="S25" s="191">
        <v>0</v>
      </c>
      <c r="T25" s="191">
        <v>1</v>
      </c>
      <c r="U25" s="191">
        <v>2</v>
      </c>
      <c r="V25" s="191">
        <v>0</v>
      </c>
      <c r="W25" s="196">
        <v>3</v>
      </c>
      <c r="X25" s="195">
        <v>3</v>
      </c>
      <c r="Y25" s="190">
        <v>5</v>
      </c>
      <c r="Z25" s="191">
        <v>1</v>
      </c>
      <c r="AA25" s="196">
        <v>6</v>
      </c>
      <c r="AB25" s="193">
        <v>0</v>
      </c>
      <c r="AC25" s="191">
        <v>2</v>
      </c>
      <c r="AD25" s="191">
        <v>10</v>
      </c>
      <c r="AE25" s="191">
        <v>4</v>
      </c>
      <c r="AF25" s="191">
        <v>4</v>
      </c>
      <c r="AG25" s="191">
        <v>1</v>
      </c>
      <c r="AH25" s="196">
        <v>21</v>
      </c>
      <c r="AI25" s="195">
        <v>27</v>
      </c>
      <c r="AJ25" s="190">
        <v>1</v>
      </c>
      <c r="AK25" s="191">
        <v>1</v>
      </c>
      <c r="AL25" s="196">
        <v>2</v>
      </c>
      <c r="AM25" s="193">
        <v>0</v>
      </c>
      <c r="AN25" s="191">
        <v>0</v>
      </c>
      <c r="AO25" s="191">
        <v>1</v>
      </c>
      <c r="AP25" s="191">
        <v>0</v>
      </c>
      <c r="AQ25" s="191">
        <v>0</v>
      </c>
      <c r="AR25" s="191">
        <v>0</v>
      </c>
      <c r="AS25" s="196">
        <v>1</v>
      </c>
      <c r="AT25" s="195">
        <v>3</v>
      </c>
      <c r="AU25" s="190">
        <v>1</v>
      </c>
      <c r="AV25" s="191">
        <v>2</v>
      </c>
      <c r="AW25" s="196">
        <v>3</v>
      </c>
      <c r="AX25" s="193">
        <v>0</v>
      </c>
      <c r="AY25" s="191">
        <v>5</v>
      </c>
      <c r="AZ25" s="191">
        <v>4</v>
      </c>
      <c r="BA25" s="191">
        <v>11</v>
      </c>
      <c r="BB25" s="191">
        <v>12</v>
      </c>
      <c r="BC25" s="191">
        <v>9</v>
      </c>
      <c r="BD25" s="194">
        <v>41</v>
      </c>
      <c r="BE25" s="195">
        <v>44</v>
      </c>
      <c r="BF25" s="190">
        <v>0</v>
      </c>
      <c r="BG25" s="191">
        <v>0</v>
      </c>
      <c r="BH25" s="196">
        <v>0</v>
      </c>
      <c r="BI25" s="193">
        <v>0</v>
      </c>
      <c r="BJ25" s="191">
        <v>10</v>
      </c>
      <c r="BK25" s="191">
        <v>13</v>
      </c>
      <c r="BL25" s="191">
        <v>6</v>
      </c>
      <c r="BM25" s="191">
        <v>4</v>
      </c>
      <c r="BN25" s="191">
        <v>1</v>
      </c>
      <c r="BO25" s="196">
        <v>34</v>
      </c>
      <c r="BP25" s="195">
        <v>34</v>
      </c>
      <c r="BQ25" s="190">
        <v>0</v>
      </c>
      <c r="BR25" s="191">
        <v>0</v>
      </c>
      <c r="BS25" s="196">
        <v>0</v>
      </c>
      <c r="BT25" s="193">
        <v>0</v>
      </c>
      <c r="BU25" s="191">
        <v>1</v>
      </c>
      <c r="BV25" s="191">
        <v>0</v>
      </c>
      <c r="BW25" s="191">
        <v>4</v>
      </c>
      <c r="BX25" s="191">
        <v>0</v>
      </c>
      <c r="BY25" s="191">
        <v>0</v>
      </c>
      <c r="BZ25" s="196">
        <v>5</v>
      </c>
      <c r="CA25" s="195">
        <v>5</v>
      </c>
      <c r="CB25" s="190">
        <v>0</v>
      </c>
      <c r="CC25" s="191">
        <v>0</v>
      </c>
      <c r="CD25" s="196">
        <v>0</v>
      </c>
      <c r="CE25" s="193">
        <v>0</v>
      </c>
      <c r="CF25" s="191">
        <v>3</v>
      </c>
      <c r="CG25" s="191">
        <v>3</v>
      </c>
      <c r="CH25" s="191">
        <v>2</v>
      </c>
      <c r="CI25" s="191">
        <v>0</v>
      </c>
      <c r="CJ25" s="191">
        <v>0</v>
      </c>
      <c r="CK25" s="196">
        <v>8</v>
      </c>
      <c r="CL25" s="195">
        <v>8</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c r="DI25" s="190">
        <v>0</v>
      </c>
      <c r="DJ25" s="191">
        <v>0</v>
      </c>
      <c r="DK25" s="196">
        <v>0</v>
      </c>
      <c r="DL25" s="193">
        <v>0</v>
      </c>
      <c r="DM25" s="191">
        <v>0</v>
      </c>
      <c r="DN25" s="191">
        <v>0</v>
      </c>
      <c r="DO25" s="191">
        <v>0</v>
      </c>
      <c r="DP25" s="191">
        <v>0</v>
      </c>
      <c r="DQ25" s="191">
        <v>0</v>
      </c>
      <c r="DR25" s="196">
        <v>0</v>
      </c>
      <c r="DS25" s="195">
        <v>0</v>
      </c>
      <c r="DT25" s="190">
        <v>2</v>
      </c>
      <c r="DU25" s="191">
        <v>10</v>
      </c>
      <c r="DV25" s="196">
        <v>12</v>
      </c>
      <c r="DW25" s="193">
        <v>0</v>
      </c>
      <c r="DX25" s="191">
        <v>7</v>
      </c>
      <c r="DY25" s="191">
        <v>15</v>
      </c>
      <c r="DZ25" s="191">
        <v>12</v>
      </c>
      <c r="EA25" s="191">
        <v>7</v>
      </c>
      <c r="EB25" s="191">
        <v>3</v>
      </c>
      <c r="EC25" s="196">
        <v>44</v>
      </c>
      <c r="ED25" s="195">
        <v>56</v>
      </c>
      <c r="EE25" s="190">
        <v>0</v>
      </c>
      <c r="EF25" s="191">
        <v>1</v>
      </c>
      <c r="EG25" s="196">
        <v>1</v>
      </c>
      <c r="EH25" s="193">
        <v>0</v>
      </c>
      <c r="EI25" s="191">
        <v>2</v>
      </c>
      <c r="EJ25" s="191">
        <v>4</v>
      </c>
      <c r="EK25" s="191">
        <v>1</v>
      </c>
      <c r="EL25" s="191">
        <v>8</v>
      </c>
      <c r="EM25" s="191">
        <v>6</v>
      </c>
      <c r="EN25" s="196">
        <v>21</v>
      </c>
      <c r="EO25" s="195">
        <v>22</v>
      </c>
      <c r="EP25" s="190">
        <v>8</v>
      </c>
      <c r="EQ25" s="191">
        <v>12</v>
      </c>
      <c r="ER25" s="196">
        <v>20</v>
      </c>
      <c r="ES25" s="193">
        <v>0</v>
      </c>
      <c r="ET25" s="191">
        <v>15</v>
      </c>
      <c r="EU25" s="191">
        <v>24</v>
      </c>
      <c r="EV25" s="191">
        <v>18</v>
      </c>
      <c r="EW25" s="191">
        <v>7</v>
      </c>
      <c r="EX25" s="191">
        <v>3</v>
      </c>
      <c r="EY25" s="196">
        <v>67</v>
      </c>
      <c r="EZ25" s="195">
        <v>87</v>
      </c>
    </row>
    <row r="26" spans="2:156" ht="21" customHeight="1" x14ac:dyDescent="0.2">
      <c r="B26" s="106" t="s">
        <v>24</v>
      </c>
      <c r="C26" s="190">
        <v>0</v>
      </c>
      <c r="D26" s="191">
        <v>0</v>
      </c>
      <c r="E26" s="192">
        <v>0</v>
      </c>
      <c r="F26" s="193">
        <v>0</v>
      </c>
      <c r="G26" s="191">
        <v>7</v>
      </c>
      <c r="H26" s="191">
        <v>10</v>
      </c>
      <c r="I26" s="191">
        <v>1</v>
      </c>
      <c r="J26" s="191">
        <v>5</v>
      </c>
      <c r="K26" s="191">
        <v>3</v>
      </c>
      <c r="L26" s="194">
        <v>26</v>
      </c>
      <c r="M26" s="195">
        <v>26</v>
      </c>
      <c r="N26" s="190">
        <v>0</v>
      </c>
      <c r="O26" s="191">
        <v>0</v>
      </c>
      <c r="P26" s="196">
        <v>0</v>
      </c>
      <c r="Q26" s="193">
        <v>0</v>
      </c>
      <c r="R26" s="191">
        <v>0</v>
      </c>
      <c r="S26" s="191">
        <v>0</v>
      </c>
      <c r="T26" s="191">
        <v>0</v>
      </c>
      <c r="U26" s="191">
        <v>2</v>
      </c>
      <c r="V26" s="191">
        <v>3</v>
      </c>
      <c r="W26" s="196">
        <v>5</v>
      </c>
      <c r="X26" s="195">
        <v>5</v>
      </c>
      <c r="Y26" s="190">
        <v>2</v>
      </c>
      <c r="Z26" s="191">
        <v>5</v>
      </c>
      <c r="AA26" s="196">
        <v>7</v>
      </c>
      <c r="AB26" s="193">
        <v>0</v>
      </c>
      <c r="AC26" s="191">
        <v>6</v>
      </c>
      <c r="AD26" s="191">
        <v>7</v>
      </c>
      <c r="AE26" s="191">
        <v>4</v>
      </c>
      <c r="AF26" s="191">
        <v>5</v>
      </c>
      <c r="AG26" s="191">
        <v>6</v>
      </c>
      <c r="AH26" s="196">
        <v>28</v>
      </c>
      <c r="AI26" s="195">
        <v>35</v>
      </c>
      <c r="AJ26" s="190">
        <v>0</v>
      </c>
      <c r="AK26" s="191">
        <v>0</v>
      </c>
      <c r="AL26" s="196">
        <v>0</v>
      </c>
      <c r="AM26" s="193">
        <v>0</v>
      </c>
      <c r="AN26" s="191">
        <v>0</v>
      </c>
      <c r="AO26" s="191">
        <v>0</v>
      </c>
      <c r="AP26" s="191">
        <v>0</v>
      </c>
      <c r="AQ26" s="191">
        <v>0</v>
      </c>
      <c r="AR26" s="191">
        <v>1</v>
      </c>
      <c r="AS26" s="196">
        <v>1</v>
      </c>
      <c r="AT26" s="195">
        <v>1</v>
      </c>
      <c r="AU26" s="190">
        <v>5</v>
      </c>
      <c r="AV26" s="191">
        <v>1</v>
      </c>
      <c r="AW26" s="196">
        <v>6</v>
      </c>
      <c r="AX26" s="193">
        <v>0</v>
      </c>
      <c r="AY26" s="191">
        <v>14</v>
      </c>
      <c r="AZ26" s="191">
        <v>9</v>
      </c>
      <c r="BA26" s="191">
        <v>8</v>
      </c>
      <c r="BB26" s="191">
        <v>10</v>
      </c>
      <c r="BC26" s="191">
        <v>13</v>
      </c>
      <c r="BD26" s="194">
        <v>54</v>
      </c>
      <c r="BE26" s="195">
        <v>60</v>
      </c>
      <c r="BF26" s="190">
        <v>0</v>
      </c>
      <c r="BG26" s="191">
        <v>0</v>
      </c>
      <c r="BH26" s="196">
        <v>0</v>
      </c>
      <c r="BI26" s="193">
        <v>0</v>
      </c>
      <c r="BJ26" s="191">
        <v>10</v>
      </c>
      <c r="BK26" s="191">
        <v>7</v>
      </c>
      <c r="BL26" s="191">
        <v>2</v>
      </c>
      <c r="BM26" s="191">
        <v>3</v>
      </c>
      <c r="BN26" s="191">
        <v>0</v>
      </c>
      <c r="BO26" s="196">
        <v>22</v>
      </c>
      <c r="BP26" s="195">
        <v>22</v>
      </c>
      <c r="BQ26" s="190">
        <v>2</v>
      </c>
      <c r="BR26" s="191">
        <v>1</v>
      </c>
      <c r="BS26" s="196">
        <v>3</v>
      </c>
      <c r="BT26" s="193">
        <v>0</v>
      </c>
      <c r="BU26" s="191">
        <v>7</v>
      </c>
      <c r="BV26" s="191">
        <v>3</v>
      </c>
      <c r="BW26" s="191">
        <v>0</v>
      </c>
      <c r="BX26" s="191">
        <v>1</v>
      </c>
      <c r="BY26" s="191">
        <v>2</v>
      </c>
      <c r="BZ26" s="196">
        <v>13</v>
      </c>
      <c r="CA26" s="195">
        <v>16</v>
      </c>
      <c r="CB26" s="190">
        <v>0</v>
      </c>
      <c r="CC26" s="191">
        <v>0</v>
      </c>
      <c r="CD26" s="196">
        <v>0</v>
      </c>
      <c r="CE26" s="193">
        <v>0</v>
      </c>
      <c r="CF26" s="191">
        <v>0</v>
      </c>
      <c r="CG26" s="191">
        <v>2</v>
      </c>
      <c r="CH26" s="191">
        <v>1</v>
      </c>
      <c r="CI26" s="191">
        <v>0</v>
      </c>
      <c r="CJ26" s="191">
        <v>1</v>
      </c>
      <c r="CK26" s="196">
        <v>4</v>
      </c>
      <c r="CL26" s="195">
        <v>4</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c r="DI26" s="190">
        <v>0</v>
      </c>
      <c r="DJ26" s="191">
        <v>0</v>
      </c>
      <c r="DK26" s="196">
        <v>0</v>
      </c>
      <c r="DL26" s="193">
        <v>0</v>
      </c>
      <c r="DM26" s="191">
        <v>0</v>
      </c>
      <c r="DN26" s="191">
        <v>0</v>
      </c>
      <c r="DO26" s="191">
        <v>0</v>
      </c>
      <c r="DP26" s="191">
        <v>0</v>
      </c>
      <c r="DQ26" s="191">
        <v>0</v>
      </c>
      <c r="DR26" s="196">
        <v>0</v>
      </c>
      <c r="DS26" s="195">
        <v>0</v>
      </c>
      <c r="DT26" s="190">
        <v>6</v>
      </c>
      <c r="DU26" s="191">
        <v>9</v>
      </c>
      <c r="DV26" s="196">
        <v>15</v>
      </c>
      <c r="DW26" s="193">
        <v>0</v>
      </c>
      <c r="DX26" s="191">
        <v>14</v>
      </c>
      <c r="DY26" s="191">
        <v>20</v>
      </c>
      <c r="DZ26" s="191">
        <v>6</v>
      </c>
      <c r="EA26" s="191">
        <v>10</v>
      </c>
      <c r="EB26" s="191">
        <v>7</v>
      </c>
      <c r="EC26" s="196">
        <v>57</v>
      </c>
      <c r="ED26" s="195">
        <v>72</v>
      </c>
      <c r="EE26" s="190">
        <v>4</v>
      </c>
      <c r="EF26" s="191">
        <v>2</v>
      </c>
      <c r="EG26" s="196">
        <v>6</v>
      </c>
      <c r="EH26" s="193">
        <v>0</v>
      </c>
      <c r="EI26" s="191">
        <v>6</v>
      </c>
      <c r="EJ26" s="191">
        <v>4</v>
      </c>
      <c r="EK26" s="191">
        <v>4</v>
      </c>
      <c r="EL26" s="191">
        <v>4</v>
      </c>
      <c r="EM26" s="191">
        <v>6</v>
      </c>
      <c r="EN26" s="196">
        <v>24</v>
      </c>
      <c r="EO26" s="195">
        <v>30</v>
      </c>
      <c r="EP26" s="190">
        <v>8</v>
      </c>
      <c r="EQ26" s="191">
        <v>14</v>
      </c>
      <c r="ER26" s="196">
        <v>22</v>
      </c>
      <c r="ES26" s="193">
        <v>0</v>
      </c>
      <c r="ET26" s="191">
        <v>27</v>
      </c>
      <c r="EU26" s="191">
        <v>24</v>
      </c>
      <c r="EV26" s="191">
        <v>7</v>
      </c>
      <c r="EW26" s="191">
        <v>10</v>
      </c>
      <c r="EX26" s="191">
        <v>8</v>
      </c>
      <c r="EY26" s="196">
        <v>76</v>
      </c>
      <c r="EZ26" s="195">
        <v>98</v>
      </c>
    </row>
    <row r="27" spans="2:156" ht="21" customHeight="1" x14ac:dyDescent="0.2">
      <c r="B27" s="106" t="s">
        <v>25</v>
      </c>
      <c r="C27" s="190">
        <v>0</v>
      </c>
      <c r="D27" s="191">
        <v>0</v>
      </c>
      <c r="E27" s="192">
        <v>0</v>
      </c>
      <c r="F27" s="193">
        <v>0</v>
      </c>
      <c r="G27" s="191">
        <v>2</v>
      </c>
      <c r="H27" s="191">
        <v>1</v>
      </c>
      <c r="I27" s="191">
        <v>4</v>
      </c>
      <c r="J27" s="191">
        <v>1</v>
      </c>
      <c r="K27" s="191">
        <v>1</v>
      </c>
      <c r="L27" s="194">
        <v>9</v>
      </c>
      <c r="M27" s="195">
        <v>9</v>
      </c>
      <c r="N27" s="190">
        <v>0</v>
      </c>
      <c r="O27" s="191">
        <v>0</v>
      </c>
      <c r="P27" s="196">
        <v>0</v>
      </c>
      <c r="Q27" s="193">
        <v>0</v>
      </c>
      <c r="R27" s="191">
        <v>0</v>
      </c>
      <c r="S27" s="191">
        <v>0</v>
      </c>
      <c r="T27" s="191">
        <v>1</v>
      </c>
      <c r="U27" s="191">
        <v>1</v>
      </c>
      <c r="V27" s="191">
        <v>1</v>
      </c>
      <c r="W27" s="196">
        <v>3</v>
      </c>
      <c r="X27" s="195">
        <v>3</v>
      </c>
      <c r="Y27" s="190">
        <v>4</v>
      </c>
      <c r="Z27" s="191">
        <v>4</v>
      </c>
      <c r="AA27" s="196">
        <v>8</v>
      </c>
      <c r="AB27" s="193">
        <v>0</v>
      </c>
      <c r="AC27" s="191">
        <v>1</v>
      </c>
      <c r="AD27" s="191">
        <v>1</v>
      </c>
      <c r="AE27" s="191">
        <v>4</v>
      </c>
      <c r="AF27" s="191">
        <v>2</v>
      </c>
      <c r="AG27" s="191">
        <v>2</v>
      </c>
      <c r="AH27" s="196">
        <v>10</v>
      </c>
      <c r="AI27" s="195">
        <v>18</v>
      </c>
      <c r="AJ27" s="190">
        <v>0</v>
      </c>
      <c r="AK27" s="191">
        <v>0</v>
      </c>
      <c r="AL27" s="196">
        <v>0</v>
      </c>
      <c r="AM27" s="193">
        <v>0</v>
      </c>
      <c r="AN27" s="191">
        <v>0</v>
      </c>
      <c r="AO27" s="191">
        <v>0</v>
      </c>
      <c r="AP27" s="191">
        <v>0</v>
      </c>
      <c r="AQ27" s="191">
        <v>0</v>
      </c>
      <c r="AR27" s="191">
        <v>0</v>
      </c>
      <c r="AS27" s="196">
        <v>0</v>
      </c>
      <c r="AT27" s="195">
        <v>0</v>
      </c>
      <c r="AU27" s="190">
        <v>1</v>
      </c>
      <c r="AV27" s="191">
        <v>1</v>
      </c>
      <c r="AW27" s="196">
        <v>2</v>
      </c>
      <c r="AX27" s="193">
        <v>0</v>
      </c>
      <c r="AY27" s="191">
        <v>3</v>
      </c>
      <c r="AZ27" s="191">
        <v>2</v>
      </c>
      <c r="BA27" s="191">
        <v>1</v>
      </c>
      <c r="BB27" s="191">
        <v>3</v>
      </c>
      <c r="BC27" s="191">
        <v>2</v>
      </c>
      <c r="BD27" s="194">
        <v>11</v>
      </c>
      <c r="BE27" s="195">
        <v>13</v>
      </c>
      <c r="BF27" s="190">
        <v>0</v>
      </c>
      <c r="BG27" s="191">
        <v>0</v>
      </c>
      <c r="BH27" s="196">
        <v>0</v>
      </c>
      <c r="BI27" s="193">
        <v>0</v>
      </c>
      <c r="BJ27" s="191">
        <v>2</v>
      </c>
      <c r="BK27" s="191">
        <v>3</v>
      </c>
      <c r="BL27" s="191">
        <v>2</v>
      </c>
      <c r="BM27" s="191">
        <v>1</v>
      </c>
      <c r="BN27" s="191">
        <v>0</v>
      </c>
      <c r="BO27" s="196">
        <v>8</v>
      </c>
      <c r="BP27" s="195">
        <v>8</v>
      </c>
      <c r="BQ27" s="190">
        <v>0</v>
      </c>
      <c r="BR27" s="191">
        <v>0</v>
      </c>
      <c r="BS27" s="196">
        <v>0</v>
      </c>
      <c r="BT27" s="193">
        <v>0</v>
      </c>
      <c r="BU27" s="191">
        <v>3</v>
      </c>
      <c r="BV27" s="191">
        <v>4</v>
      </c>
      <c r="BW27" s="191">
        <v>1</v>
      </c>
      <c r="BX27" s="191">
        <v>0</v>
      </c>
      <c r="BY27" s="191">
        <v>0</v>
      </c>
      <c r="BZ27" s="196">
        <v>8</v>
      </c>
      <c r="CA27" s="195">
        <v>8</v>
      </c>
      <c r="CB27" s="190">
        <v>0</v>
      </c>
      <c r="CC27" s="191">
        <v>0</v>
      </c>
      <c r="CD27" s="196">
        <v>0</v>
      </c>
      <c r="CE27" s="193">
        <v>0</v>
      </c>
      <c r="CF27" s="191">
        <v>1</v>
      </c>
      <c r="CG27" s="191">
        <v>1</v>
      </c>
      <c r="CH27" s="191">
        <v>1</v>
      </c>
      <c r="CI27" s="191">
        <v>1</v>
      </c>
      <c r="CJ27" s="191">
        <v>0</v>
      </c>
      <c r="CK27" s="196">
        <v>4</v>
      </c>
      <c r="CL27" s="195">
        <v>4</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c r="DI27" s="190">
        <v>0</v>
      </c>
      <c r="DJ27" s="191">
        <v>0</v>
      </c>
      <c r="DK27" s="196">
        <v>0</v>
      </c>
      <c r="DL27" s="193">
        <v>0</v>
      </c>
      <c r="DM27" s="191">
        <v>0</v>
      </c>
      <c r="DN27" s="191">
        <v>0</v>
      </c>
      <c r="DO27" s="191">
        <v>0</v>
      </c>
      <c r="DP27" s="191">
        <v>0</v>
      </c>
      <c r="DQ27" s="191">
        <v>0</v>
      </c>
      <c r="DR27" s="196">
        <v>0</v>
      </c>
      <c r="DS27" s="195">
        <v>0</v>
      </c>
      <c r="DT27" s="190">
        <v>3</v>
      </c>
      <c r="DU27" s="191">
        <v>8</v>
      </c>
      <c r="DV27" s="196">
        <v>11</v>
      </c>
      <c r="DW27" s="193">
        <v>0</v>
      </c>
      <c r="DX27" s="191">
        <v>5</v>
      </c>
      <c r="DY27" s="191">
        <v>6</v>
      </c>
      <c r="DZ27" s="191">
        <v>8</v>
      </c>
      <c r="EA27" s="191">
        <v>2</v>
      </c>
      <c r="EB27" s="191">
        <v>3</v>
      </c>
      <c r="EC27" s="196">
        <v>24</v>
      </c>
      <c r="ED27" s="195">
        <v>35</v>
      </c>
      <c r="EE27" s="190">
        <v>0</v>
      </c>
      <c r="EF27" s="191">
        <v>0</v>
      </c>
      <c r="EG27" s="196">
        <v>0</v>
      </c>
      <c r="EH27" s="193">
        <v>0</v>
      </c>
      <c r="EI27" s="191">
        <v>1</v>
      </c>
      <c r="EJ27" s="191">
        <v>2</v>
      </c>
      <c r="EK27" s="191">
        <v>0</v>
      </c>
      <c r="EL27" s="191">
        <v>1</v>
      </c>
      <c r="EM27" s="191">
        <v>0</v>
      </c>
      <c r="EN27" s="196">
        <v>4</v>
      </c>
      <c r="EO27" s="195">
        <v>4</v>
      </c>
      <c r="EP27" s="190">
        <v>7</v>
      </c>
      <c r="EQ27" s="191">
        <v>11</v>
      </c>
      <c r="ER27" s="196">
        <v>18</v>
      </c>
      <c r="ES27" s="193">
        <v>0</v>
      </c>
      <c r="ET27" s="191">
        <v>10</v>
      </c>
      <c r="EU27" s="191">
        <v>11</v>
      </c>
      <c r="EV27" s="191">
        <v>10</v>
      </c>
      <c r="EW27" s="191">
        <v>5</v>
      </c>
      <c r="EX27" s="191">
        <v>4</v>
      </c>
      <c r="EY27" s="196">
        <v>40</v>
      </c>
      <c r="EZ27" s="195">
        <v>58</v>
      </c>
    </row>
    <row r="28" spans="2:156" ht="21" customHeight="1" x14ac:dyDescent="0.2">
      <c r="B28" s="106" t="s">
        <v>26</v>
      </c>
      <c r="C28" s="190">
        <v>0</v>
      </c>
      <c r="D28" s="191">
        <v>0</v>
      </c>
      <c r="E28" s="192">
        <v>0</v>
      </c>
      <c r="F28" s="193">
        <v>0</v>
      </c>
      <c r="G28" s="191">
        <v>3</v>
      </c>
      <c r="H28" s="191">
        <v>7</v>
      </c>
      <c r="I28" s="191">
        <v>2</v>
      </c>
      <c r="J28" s="191">
        <v>1</v>
      </c>
      <c r="K28" s="191">
        <v>3</v>
      </c>
      <c r="L28" s="194">
        <v>16</v>
      </c>
      <c r="M28" s="195">
        <v>16</v>
      </c>
      <c r="N28" s="190">
        <v>0</v>
      </c>
      <c r="O28" s="191">
        <v>0</v>
      </c>
      <c r="P28" s="196">
        <v>0</v>
      </c>
      <c r="Q28" s="193">
        <v>0</v>
      </c>
      <c r="R28" s="191">
        <v>0</v>
      </c>
      <c r="S28" s="191">
        <v>1</v>
      </c>
      <c r="T28" s="191">
        <v>0</v>
      </c>
      <c r="U28" s="191">
        <v>1</v>
      </c>
      <c r="V28" s="191">
        <v>0</v>
      </c>
      <c r="W28" s="196">
        <v>2</v>
      </c>
      <c r="X28" s="195">
        <v>2</v>
      </c>
      <c r="Y28" s="190">
        <v>1</v>
      </c>
      <c r="Z28" s="191">
        <v>0</v>
      </c>
      <c r="AA28" s="196">
        <v>1</v>
      </c>
      <c r="AB28" s="193">
        <v>0</v>
      </c>
      <c r="AC28" s="191">
        <v>5</v>
      </c>
      <c r="AD28" s="191">
        <v>5</v>
      </c>
      <c r="AE28" s="191">
        <v>3</v>
      </c>
      <c r="AF28" s="191">
        <v>1</v>
      </c>
      <c r="AG28" s="191">
        <v>2</v>
      </c>
      <c r="AH28" s="196">
        <v>16</v>
      </c>
      <c r="AI28" s="195">
        <v>17</v>
      </c>
      <c r="AJ28" s="190">
        <v>1</v>
      </c>
      <c r="AK28" s="191">
        <v>0</v>
      </c>
      <c r="AL28" s="196">
        <v>1</v>
      </c>
      <c r="AM28" s="193">
        <v>0</v>
      </c>
      <c r="AN28" s="191">
        <v>1</v>
      </c>
      <c r="AO28" s="191">
        <v>0</v>
      </c>
      <c r="AP28" s="191">
        <v>1</v>
      </c>
      <c r="AQ28" s="191">
        <v>0</v>
      </c>
      <c r="AR28" s="191">
        <v>0</v>
      </c>
      <c r="AS28" s="196">
        <v>2</v>
      </c>
      <c r="AT28" s="195">
        <v>3</v>
      </c>
      <c r="AU28" s="190">
        <v>0</v>
      </c>
      <c r="AV28" s="191">
        <v>0</v>
      </c>
      <c r="AW28" s="196">
        <v>0</v>
      </c>
      <c r="AX28" s="193">
        <v>0</v>
      </c>
      <c r="AY28" s="191">
        <v>7</v>
      </c>
      <c r="AZ28" s="191">
        <v>5</v>
      </c>
      <c r="BA28" s="191">
        <v>7</v>
      </c>
      <c r="BB28" s="191">
        <v>3</v>
      </c>
      <c r="BC28" s="191">
        <v>3</v>
      </c>
      <c r="BD28" s="194">
        <v>25</v>
      </c>
      <c r="BE28" s="195">
        <v>25</v>
      </c>
      <c r="BF28" s="190">
        <v>0</v>
      </c>
      <c r="BG28" s="191">
        <v>0</v>
      </c>
      <c r="BH28" s="196">
        <v>0</v>
      </c>
      <c r="BI28" s="193">
        <v>0</v>
      </c>
      <c r="BJ28" s="191">
        <v>8</v>
      </c>
      <c r="BK28" s="191">
        <v>4</v>
      </c>
      <c r="BL28" s="191">
        <v>2</v>
      </c>
      <c r="BM28" s="191">
        <v>1</v>
      </c>
      <c r="BN28" s="191">
        <v>2</v>
      </c>
      <c r="BO28" s="196">
        <v>17</v>
      </c>
      <c r="BP28" s="195">
        <v>17</v>
      </c>
      <c r="BQ28" s="190">
        <v>0</v>
      </c>
      <c r="BR28" s="191">
        <v>0</v>
      </c>
      <c r="BS28" s="196">
        <v>0</v>
      </c>
      <c r="BT28" s="193">
        <v>0</v>
      </c>
      <c r="BU28" s="191">
        <v>0</v>
      </c>
      <c r="BV28" s="191">
        <v>3</v>
      </c>
      <c r="BW28" s="191">
        <v>1</v>
      </c>
      <c r="BX28" s="191">
        <v>0</v>
      </c>
      <c r="BY28" s="191">
        <v>0</v>
      </c>
      <c r="BZ28" s="196">
        <v>4</v>
      </c>
      <c r="CA28" s="195">
        <v>4</v>
      </c>
      <c r="CB28" s="190">
        <v>0</v>
      </c>
      <c r="CC28" s="191">
        <v>0</v>
      </c>
      <c r="CD28" s="196">
        <v>0</v>
      </c>
      <c r="CE28" s="193">
        <v>0</v>
      </c>
      <c r="CF28" s="191">
        <v>1</v>
      </c>
      <c r="CG28" s="191">
        <v>2</v>
      </c>
      <c r="CH28" s="191">
        <v>0</v>
      </c>
      <c r="CI28" s="191">
        <v>1</v>
      </c>
      <c r="CJ28" s="191">
        <v>1</v>
      </c>
      <c r="CK28" s="196">
        <v>5</v>
      </c>
      <c r="CL28" s="195">
        <v>5</v>
      </c>
      <c r="CM28" s="190">
        <v>0</v>
      </c>
      <c r="CN28" s="191">
        <v>0</v>
      </c>
      <c r="CO28" s="196">
        <v>0</v>
      </c>
      <c r="CP28" s="193">
        <v>0</v>
      </c>
      <c r="CQ28" s="191">
        <v>0</v>
      </c>
      <c r="CR28" s="191">
        <v>0</v>
      </c>
      <c r="CS28" s="191">
        <v>0</v>
      </c>
      <c r="CT28" s="191">
        <v>0</v>
      </c>
      <c r="CU28" s="191">
        <v>1</v>
      </c>
      <c r="CV28" s="196">
        <v>1</v>
      </c>
      <c r="CW28" s="195">
        <v>1</v>
      </c>
      <c r="CX28" s="190">
        <v>0</v>
      </c>
      <c r="CY28" s="191">
        <v>0</v>
      </c>
      <c r="CZ28" s="196">
        <v>0</v>
      </c>
      <c r="DA28" s="193">
        <v>0</v>
      </c>
      <c r="DB28" s="191">
        <v>0</v>
      </c>
      <c r="DC28" s="191">
        <v>0</v>
      </c>
      <c r="DD28" s="191">
        <v>0</v>
      </c>
      <c r="DE28" s="191">
        <v>0</v>
      </c>
      <c r="DF28" s="191">
        <v>0</v>
      </c>
      <c r="DG28" s="196">
        <v>0</v>
      </c>
      <c r="DH28" s="195">
        <v>0</v>
      </c>
      <c r="DI28" s="190">
        <v>0</v>
      </c>
      <c r="DJ28" s="191">
        <v>0</v>
      </c>
      <c r="DK28" s="196">
        <v>0</v>
      </c>
      <c r="DL28" s="193">
        <v>0</v>
      </c>
      <c r="DM28" s="191">
        <v>0</v>
      </c>
      <c r="DN28" s="191">
        <v>0</v>
      </c>
      <c r="DO28" s="191">
        <v>0</v>
      </c>
      <c r="DP28" s="191">
        <v>0</v>
      </c>
      <c r="DQ28" s="191">
        <v>0</v>
      </c>
      <c r="DR28" s="196">
        <v>0</v>
      </c>
      <c r="DS28" s="195">
        <v>0</v>
      </c>
      <c r="DT28" s="190">
        <v>1</v>
      </c>
      <c r="DU28" s="191">
        <v>6</v>
      </c>
      <c r="DV28" s="196">
        <v>7</v>
      </c>
      <c r="DW28" s="193">
        <v>0</v>
      </c>
      <c r="DX28" s="191">
        <v>6</v>
      </c>
      <c r="DY28" s="191">
        <v>11</v>
      </c>
      <c r="DZ28" s="191">
        <v>4</v>
      </c>
      <c r="EA28" s="191">
        <v>2</v>
      </c>
      <c r="EB28" s="191">
        <v>4</v>
      </c>
      <c r="EC28" s="196">
        <v>27</v>
      </c>
      <c r="ED28" s="195">
        <v>34</v>
      </c>
      <c r="EE28" s="190">
        <v>0</v>
      </c>
      <c r="EF28" s="191">
        <v>1</v>
      </c>
      <c r="EG28" s="196">
        <v>1</v>
      </c>
      <c r="EH28" s="193">
        <v>0</v>
      </c>
      <c r="EI28" s="191">
        <v>6</v>
      </c>
      <c r="EJ28" s="191">
        <v>1</v>
      </c>
      <c r="EK28" s="191">
        <v>4</v>
      </c>
      <c r="EL28" s="191">
        <v>2</v>
      </c>
      <c r="EM28" s="191">
        <v>2</v>
      </c>
      <c r="EN28" s="196">
        <v>15</v>
      </c>
      <c r="EO28" s="195">
        <v>16</v>
      </c>
      <c r="EP28" s="190">
        <v>3</v>
      </c>
      <c r="EQ28" s="191">
        <v>7</v>
      </c>
      <c r="ER28" s="196">
        <v>10</v>
      </c>
      <c r="ES28" s="193">
        <v>0</v>
      </c>
      <c r="ET28" s="191">
        <v>15</v>
      </c>
      <c r="EU28" s="191">
        <v>16</v>
      </c>
      <c r="EV28" s="191">
        <v>6</v>
      </c>
      <c r="EW28" s="191">
        <v>3</v>
      </c>
      <c r="EX28" s="191">
        <v>5</v>
      </c>
      <c r="EY28" s="196">
        <v>45</v>
      </c>
      <c r="EZ28" s="195">
        <v>55</v>
      </c>
    </row>
    <row r="29" spans="2:156" ht="21" customHeight="1" x14ac:dyDescent="0.2">
      <c r="B29" s="106" t="s">
        <v>27</v>
      </c>
      <c r="C29" s="190">
        <v>0</v>
      </c>
      <c r="D29" s="191">
        <v>0</v>
      </c>
      <c r="E29" s="192">
        <v>0</v>
      </c>
      <c r="F29" s="193">
        <v>0</v>
      </c>
      <c r="G29" s="191">
        <v>1</v>
      </c>
      <c r="H29" s="191">
        <v>5</v>
      </c>
      <c r="I29" s="191">
        <v>3</v>
      </c>
      <c r="J29" s="191">
        <v>2</v>
      </c>
      <c r="K29" s="191">
        <v>0</v>
      </c>
      <c r="L29" s="194">
        <v>11</v>
      </c>
      <c r="M29" s="195">
        <v>11</v>
      </c>
      <c r="N29" s="190">
        <v>0</v>
      </c>
      <c r="O29" s="191">
        <v>0</v>
      </c>
      <c r="P29" s="196">
        <v>0</v>
      </c>
      <c r="Q29" s="193">
        <v>0</v>
      </c>
      <c r="R29" s="191">
        <v>0</v>
      </c>
      <c r="S29" s="191">
        <v>0</v>
      </c>
      <c r="T29" s="191">
        <v>0</v>
      </c>
      <c r="U29" s="191">
        <v>1</v>
      </c>
      <c r="V29" s="191">
        <v>0</v>
      </c>
      <c r="W29" s="196">
        <v>1</v>
      </c>
      <c r="X29" s="195">
        <v>1</v>
      </c>
      <c r="Y29" s="190">
        <v>1</v>
      </c>
      <c r="Z29" s="191">
        <v>3</v>
      </c>
      <c r="AA29" s="196">
        <v>4</v>
      </c>
      <c r="AB29" s="193">
        <v>0</v>
      </c>
      <c r="AC29" s="191">
        <v>1</v>
      </c>
      <c r="AD29" s="191">
        <v>3</v>
      </c>
      <c r="AE29" s="191">
        <v>4</v>
      </c>
      <c r="AF29" s="191">
        <v>3</v>
      </c>
      <c r="AG29" s="191">
        <v>0</v>
      </c>
      <c r="AH29" s="196">
        <v>11</v>
      </c>
      <c r="AI29" s="195">
        <v>15</v>
      </c>
      <c r="AJ29" s="190">
        <v>0</v>
      </c>
      <c r="AK29" s="191">
        <v>0</v>
      </c>
      <c r="AL29" s="196">
        <v>0</v>
      </c>
      <c r="AM29" s="193">
        <v>0</v>
      </c>
      <c r="AN29" s="191">
        <v>0</v>
      </c>
      <c r="AO29" s="191">
        <v>0</v>
      </c>
      <c r="AP29" s="191">
        <v>0</v>
      </c>
      <c r="AQ29" s="191">
        <v>0</v>
      </c>
      <c r="AR29" s="191">
        <v>0</v>
      </c>
      <c r="AS29" s="196">
        <v>0</v>
      </c>
      <c r="AT29" s="195">
        <v>0</v>
      </c>
      <c r="AU29" s="190">
        <v>0</v>
      </c>
      <c r="AV29" s="191">
        <v>0</v>
      </c>
      <c r="AW29" s="196">
        <v>0</v>
      </c>
      <c r="AX29" s="193">
        <v>0</v>
      </c>
      <c r="AY29" s="191">
        <v>2</v>
      </c>
      <c r="AZ29" s="191">
        <v>6</v>
      </c>
      <c r="BA29" s="191">
        <v>8</v>
      </c>
      <c r="BB29" s="191">
        <v>4</v>
      </c>
      <c r="BC29" s="191">
        <v>3</v>
      </c>
      <c r="BD29" s="194">
        <v>23</v>
      </c>
      <c r="BE29" s="195">
        <v>23</v>
      </c>
      <c r="BF29" s="190">
        <v>0</v>
      </c>
      <c r="BG29" s="191">
        <v>0</v>
      </c>
      <c r="BH29" s="196">
        <v>0</v>
      </c>
      <c r="BI29" s="193">
        <v>0</v>
      </c>
      <c r="BJ29" s="191">
        <v>3</v>
      </c>
      <c r="BK29" s="191">
        <v>2</v>
      </c>
      <c r="BL29" s="191">
        <v>3</v>
      </c>
      <c r="BM29" s="191">
        <v>3</v>
      </c>
      <c r="BN29" s="191">
        <v>0</v>
      </c>
      <c r="BO29" s="196">
        <v>11</v>
      </c>
      <c r="BP29" s="195">
        <v>11</v>
      </c>
      <c r="BQ29" s="190">
        <v>2</v>
      </c>
      <c r="BR29" s="191">
        <v>1</v>
      </c>
      <c r="BS29" s="196">
        <v>3</v>
      </c>
      <c r="BT29" s="193">
        <v>0</v>
      </c>
      <c r="BU29" s="191">
        <v>2</v>
      </c>
      <c r="BV29" s="191">
        <v>2</v>
      </c>
      <c r="BW29" s="191">
        <v>1</v>
      </c>
      <c r="BX29" s="191">
        <v>0</v>
      </c>
      <c r="BY29" s="191">
        <v>0</v>
      </c>
      <c r="BZ29" s="196">
        <v>5</v>
      </c>
      <c r="CA29" s="195">
        <v>8</v>
      </c>
      <c r="CB29" s="190">
        <v>0</v>
      </c>
      <c r="CC29" s="191">
        <v>0</v>
      </c>
      <c r="CD29" s="196">
        <v>0</v>
      </c>
      <c r="CE29" s="193">
        <v>0</v>
      </c>
      <c r="CF29" s="191">
        <v>1</v>
      </c>
      <c r="CG29" s="191">
        <v>0</v>
      </c>
      <c r="CH29" s="191">
        <v>1</v>
      </c>
      <c r="CI29" s="191">
        <v>2</v>
      </c>
      <c r="CJ29" s="191">
        <v>0</v>
      </c>
      <c r="CK29" s="196">
        <v>4</v>
      </c>
      <c r="CL29" s="195">
        <v>4</v>
      </c>
      <c r="CM29" s="190">
        <v>0</v>
      </c>
      <c r="CN29" s="191">
        <v>0</v>
      </c>
      <c r="CO29" s="196">
        <v>0</v>
      </c>
      <c r="CP29" s="193">
        <v>0</v>
      </c>
      <c r="CQ29" s="191">
        <v>1</v>
      </c>
      <c r="CR29" s="191">
        <v>0</v>
      </c>
      <c r="CS29" s="191">
        <v>1</v>
      </c>
      <c r="CT29" s="191">
        <v>0</v>
      </c>
      <c r="CU29" s="191">
        <v>0</v>
      </c>
      <c r="CV29" s="196">
        <v>2</v>
      </c>
      <c r="CW29" s="195">
        <v>2</v>
      </c>
      <c r="CX29" s="190">
        <v>0</v>
      </c>
      <c r="CY29" s="191">
        <v>0</v>
      </c>
      <c r="CZ29" s="196">
        <v>0</v>
      </c>
      <c r="DA29" s="193">
        <v>0</v>
      </c>
      <c r="DB29" s="191">
        <v>0</v>
      </c>
      <c r="DC29" s="191">
        <v>0</v>
      </c>
      <c r="DD29" s="191">
        <v>0</v>
      </c>
      <c r="DE29" s="191">
        <v>0</v>
      </c>
      <c r="DF29" s="191">
        <v>0</v>
      </c>
      <c r="DG29" s="196">
        <v>0</v>
      </c>
      <c r="DH29" s="195">
        <v>0</v>
      </c>
      <c r="DI29" s="190">
        <v>0</v>
      </c>
      <c r="DJ29" s="191">
        <v>0</v>
      </c>
      <c r="DK29" s="196">
        <v>0</v>
      </c>
      <c r="DL29" s="193">
        <v>0</v>
      </c>
      <c r="DM29" s="191">
        <v>0</v>
      </c>
      <c r="DN29" s="191">
        <v>0</v>
      </c>
      <c r="DO29" s="191">
        <v>0</v>
      </c>
      <c r="DP29" s="191">
        <v>0</v>
      </c>
      <c r="DQ29" s="191">
        <v>0</v>
      </c>
      <c r="DR29" s="196">
        <v>0</v>
      </c>
      <c r="DS29" s="195">
        <v>0</v>
      </c>
      <c r="DT29" s="190">
        <v>3</v>
      </c>
      <c r="DU29" s="191">
        <v>8</v>
      </c>
      <c r="DV29" s="196">
        <v>11</v>
      </c>
      <c r="DW29" s="193">
        <v>0</v>
      </c>
      <c r="DX29" s="191">
        <v>6</v>
      </c>
      <c r="DY29" s="191">
        <v>10</v>
      </c>
      <c r="DZ29" s="191">
        <v>7</v>
      </c>
      <c r="EA29" s="191">
        <v>4</v>
      </c>
      <c r="EB29" s="191">
        <v>0</v>
      </c>
      <c r="EC29" s="196">
        <v>27</v>
      </c>
      <c r="ED29" s="195">
        <v>38</v>
      </c>
      <c r="EE29" s="190">
        <v>0</v>
      </c>
      <c r="EF29" s="191">
        <v>1</v>
      </c>
      <c r="EG29" s="196">
        <v>1</v>
      </c>
      <c r="EH29" s="193">
        <v>0</v>
      </c>
      <c r="EI29" s="191">
        <v>2</v>
      </c>
      <c r="EJ29" s="191">
        <v>4</v>
      </c>
      <c r="EK29" s="191">
        <v>4</v>
      </c>
      <c r="EL29" s="191">
        <v>2</v>
      </c>
      <c r="EM29" s="191">
        <v>3</v>
      </c>
      <c r="EN29" s="196">
        <v>15</v>
      </c>
      <c r="EO29" s="195">
        <v>16</v>
      </c>
      <c r="EP29" s="190">
        <v>6</v>
      </c>
      <c r="EQ29" s="191">
        <v>13</v>
      </c>
      <c r="ER29" s="196">
        <v>19</v>
      </c>
      <c r="ES29" s="193">
        <v>0</v>
      </c>
      <c r="ET29" s="191">
        <v>11</v>
      </c>
      <c r="EU29" s="191">
        <v>13</v>
      </c>
      <c r="EV29" s="191">
        <v>7</v>
      </c>
      <c r="EW29" s="191">
        <v>4</v>
      </c>
      <c r="EX29" s="191">
        <v>0</v>
      </c>
      <c r="EY29" s="196">
        <v>35</v>
      </c>
      <c r="EZ29" s="195">
        <v>54</v>
      </c>
    </row>
    <row r="30" spans="2:156" ht="21" customHeight="1" x14ac:dyDescent="0.2">
      <c r="B30" s="106" t="s">
        <v>28</v>
      </c>
      <c r="C30" s="190">
        <v>0</v>
      </c>
      <c r="D30" s="191">
        <v>0</v>
      </c>
      <c r="E30" s="192">
        <v>0</v>
      </c>
      <c r="F30" s="193">
        <v>0</v>
      </c>
      <c r="G30" s="191">
        <v>1</v>
      </c>
      <c r="H30" s="191">
        <v>1</v>
      </c>
      <c r="I30" s="191">
        <v>0</v>
      </c>
      <c r="J30" s="191">
        <v>1</v>
      </c>
      <c r="K30" s="191">
        <v>0</v>
      </c>
      <c r="L30" s="194">
        <v>3</v>
      </c>
      <c r="M30" s="195">
        <v>3</v>
      </c>
      <c r="N30" s="190">
        <v>0</v>
      </c>
      <c r="O30" s="191">
        <v>0</v>
      </c>
      <c r="P30" s="196">
        <v>0</v>
      </c>
      <c r="Q30" s="193">
        <v>0</v>
      </c>
      <c r="R30" s="191">
        <v>0</v>
      </c>
      <c r="S30" s="191">
        <v>0</v>
      </c>
      <c r="T30" s="191">
        <v>0</v>
      </c>
      <c r="U30" s="191">
        <v>0</v>
      </c>
      <c r="V30" s="191">
        <v>0</v>
      </c>
      <c r="W30" s="196">
        <v>0</v>
      </c>
      <c r="X30" s="195">
        <v>0</v>
      </c>
      <c r="Y30" s="190">
        <v>0</v>
      </c>
      <c r="Z30" s="191">
        <v>1</v>
      </c>
      <c r="AA30" s="196">
        <v>1</v>
      </c>
      <c r="AB30" s="193">
        <v>0</v>
      </c>
      <c r="AC30" s="191">
        <v>0</v>
      </c>
      <c r="AD30" s="191">
        <v>1</v>
      </c>
      <c r="AE30" s="191">
        <v>1</v>
      </c>
      <c r="AF30" s="191">
        <v>0</v>
      </c>
      <c r="AG30" s="191">
        <v>0</v>
      </c>
      <c r="AH30" s="196">
        <v>2</v>
      </c>
      <c r="AI30" s="195">
        <v>3</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1</v>
      </c>
      <c r="AZ30" s="191">
        <v>2</v>
      </c>
      <c r="BA30" s="191">
        <v>1</v>
      </c>
      <c r="BB30" s="191">
        <v>1</v>
      </c>
      <c r="BC30" s="191">
        <v>2</v>
      </c>
      <c r="BD30" s="194">
        <v>7</v>
      </c>
      <c r="BE30" s="195">
        <v>7</v>
      </c>
      <c r="BF30" s="190">
        <v>0</v>
      </c>
      <c r="BG30" s="191">
        <v>0</v>
      </c>
      <c r="BH30" s="196">
        <v>0</v>
      </c>
      <c r="BI30" s="193">
        <v>0</v>
      </c>
      <c r="BJ30" s="191">
        <v>0</v>
      </c>
      <c r="BK30" s="191">
        <v>1</v>
      </c>
      <c r="BL30" s="191">
        <v>2</v>
      </c>
      <c r="BM30" s="191">
        <v>0</v>
      </c>
      <c r="BN30" s="191">
        <v>0</v>
      </c>
      <c r="BO30" s="196">
        <v>3</v>
      </c>
      <c r="BP30" s="195">
        <v>3</v>
      </c>
      <c r="BQ30" s="190">
        <v>0</v>
      </c>
      <c r="BR30" s="191">
        <v>0</v>
      </c>
      <c r="BS30" s="196">
        <v>0</v>
      </c>
      <c r="BT30" s="193">
        <v>0</v>
      </c>
      <c r="BU30" s="191">
        <v>0</v>
      </c>
      <c r="BV30" s="191">
        <v>0</v>
      </c>
      <c r="BW30" s="191">
        <v>1</v>
      </c>
      <c r="BX30" s="191">
        <v>0</v>
      </c>
      <c r="BY30" s="191">
        <v>0</v>
      </c>
      <c r="BZ30" s="196">
        <v>1</v>
      </c>
      <c r="CA30" s="195">
        <v>1</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1</v>
      </c>
      <c r="CR30" s="191">
        <v>0</v>
      </c>
      <c r="CS30" s="191">
        <v>0</v>
      </c>
      <c r="CT30" s="191">
        <v>0</v>
      </c>
      <c r="CU30" s="191">
        <v>0</v>
      </c>
      <c r="CV30" s="196">
        <v>1</v>
      </c>
      <c r="CW30" s="195">
        <v>1</v>
      </c>
      <c r="CX30" s="190">
        <v>0</v>
      </c>
      <c r="CY30" s="191">
        <v>0</v>
      </c>
      <c r="CZ30" s="196">
        <v>0</v>
      </c>
      <c r="DA30" s="193">
        <v>0</v>
      </c>
      <c r="DB30" s="191">
        <v>0</v>
      </c>
      <c r="DC30" s="191">
        <v>0</v>
      </c>
      <c r="DD30" s="191">
        <v>0</v>
      </c>
      <c r="DE30" s="191">
        <v>0</v>
      </c>
      <c r="DF30" s="191">
        <v>0</v>
      </c>
      <c r="DG30" s="196">
        <v>0</v>
      </c>
      <c r="DH30" s="195">
        <v>0</v>
      </c>
      <c r="DI30" s="190">
        <v>0</v>
      </c>
      <c r="DJ30" s="191">
        <v>0</v>
      </c>
      <c r="DK30" s="196">
        <v>0</v>
      </c>
      <c r="DL30" s="193">
        <v>0</v>
      </c>
      <c r="DM30" s="191">
        <v>0</v>
      </c>
      <c r="DN30" s="191">
        <v>0</v>
      </c>
      <c r="DO30" s="191">
        <v>0</v>
      </c>
      <c r="DP30" s="191">
        <v>0</v>
      </c>
      <c r="DQ30" s="191">
        <v>0</v>
      </c>
      <c r="DR30" s="196">
        <v>0</v>
      </c>
      <c r="DS30" s="195">
        <v>0</v>
      </c>
      <c r="DT30" s="190">
        <v>0</v>
      </c>
      <c r="DU30" s="191">
        <v>1</v>
      </c>
      <c r="DV30" s="196">
        <v>1</v>
      </c>
      <c r="DW30" s="193">
        <v>0</v>
      </c>
      <c r="DX30" s="191">
        <v>0</v>
      </c>
      <c r="DY30" s="191">
        <v>4</v>
      </c>
      <c r="DZ30" s="191">
        <v>2</v>
      </c>
      <c r="EA30" s="191">
        <v>1</v>
      </c>
      <c r="EB30" s="191">
        <v>0</v>
      </c>
      <c r="EC30" s="196">
        <v>7</v>
      </c>
      <c r="ED30" s="195">
        <v>8</v>
      </c>
      <c r="EE30" s="190">
        <v>0</v>
      </c>
      <c r="EF30" s="191">
        <v>0</v>
      </c>
      <c r="EG30" s="196">
        <v>0</v>
      </c>
      <c r="EH30" s="193">
        <v>0</v>
      </c>
      <c r="EI30" s="191">
        <v>0</v>
      </c>
      <c r="EJ30" s="191">
        <v>0</v>
      </c>
      <c r="EK30" s="191">
        <v>1</v>
      </c>
      <c r="EL30" s="191">
        <v>0</v>
      </c>
      <c r="EM30" s="191">
        <v>2</v>
      </c>
      <c r="EN30" s="196">
        <v>3</v>
      </c>
      <c r="EO30" s="195">
        <v>3</v>
      </c>
      <c r="EP30" s="190">
        <v>0</v>
      </c>
      <c r="EQ30" s="191">
        <v>2</v>
      </c>
      <c r="ER30" s="196">
        <v>2</v>
      </c>
      <c r="ES30" s="193">
        <v>0</v>
      </c>
      <c r="ET30" s="191">
        <v>6</v>
      </c>
      <c r="EU30" s="191">
        <v>5</v>
      </c>
      <c r="EV30" s="191">
        <v>3</v>
      </c>
      <c r="EW30" s="191">
        <v>1</v>
      </c>
      <c r="EX30" s="191">
        <v>0</v>
      </c>
      <c r="EY30" s="196">
        <v>15</v>
      </c>
      <c r="EZ30" s="195">
        <v>17</v>
      </c>
    </row>
    <row r="31" spans="2:156" ht="21" customHeight="1" x14ac:dyDescent="0.2">
      <c r="B31" s="106" t="s">
        <v>29</v>
      </c>
      <c r="C31" s="190">
        <v>0</v>
      </c>
      <c r="D31" s="191">
        <v>0</v>
      </c>
      <c r="E31" s="192">
        <v>0</v>
      </c>
      <c r="F31" s="193">
        <v>0</v>
      </c>
      <c r="G31" s="191">
        <v>2</v>
      </c>
      <c r="H31" s="191">
        <v>3</v>
      </c>
      <c r="I31" s="191">
        <v>0</v>
      </c>
      <c r="J31" s="191">
        <v>2</v>
      </c>
      <c r="K31" s="191">
        <v>0</v>
      </c>
      <c r="L31" s="194">
        <v>7</v>
      </c>
      <c r="M31" s="195">
        <v>7</v>
      </c>
      <c r="N31" s="190">
        <v>0</v>
      </c>
      <c r="O31" s="191">
        <v>0</v>
      </c>
      <c r="P31" s="196">
        <v>0</v>
      </c>
      <c r="Q31" s="193">
        <v>0</v>
      </c>
      <c r="R31" s="191">
        <v>0</v>
      </c>
      <c r="S31" s="191">
        <v>0</v>
      </c>
      <c r="T31" s="191">
        <v>0</v>
      </c>
      <c r="U31" s="191">
        <v>0</v>
      </c>
      <c r="V31" s="191">
        <v>0</v>
      </c>
      <c r="W31" s="196">
        <v>0</v>
      </c>
      <c r="X31" s="195">
        <v>0</v>
      </c>
      <c r="Y31" s="190">
        <v>1</v>
      </c>
      <c r="Z31" s="191">
        <v>1</v>
      </c>
      <c r="AA31" s="196">
        <v>2</v>
      </c>
      <c r="AB31" s="193">
        <v>0</v>
      </c>
      <c r="AC31" s="191">
        <v>3</v>
      </c>
      <c r="AD31" s="191">
        <v>4</v>
      </c>
      <c r="AE31" s="191">
        <v>2</v>
      </c>
      <c r="AF31" s="191">
        <v>1</v>
      </c>
      <c r="AG31" s="191">
        <v>0</v>
      </c>
      <c r="AH31" s="196">
        <v>10</v>
      </c>
      <c r="AI31" s="195">
        <v>12</v>
      </c>
      <c r="AJ31" s="190">
        <v>0</v>
      </c>
      <c r="AK31" s="191">
        <v>0</v>
      </c>
      <c r="AL31" s="196">
        <v>0</v>
      </c>
      <c r="AM31" s="193">
        <v>0</v>
      </c>
      <c r="AN31" s="191">
        <v>0</v>
      </c>
      <c r="AO31" s="191">
        <v>0</v>
      </c>
      <c r="AP31" s="191">
        <v>0</v>
      </c>
      <c r="AQ31" s="191">
        <v>1</v>
      </c>
      <c r="AR31" s="191">
        <v>0</v>
      </c>
      <c r="AS31" s="196">
        <v>1</v>
      </c>
      <c r="AT31" s="195">
        <v>1</v>
      </c>
      <c r="AU31" s="190">
        <v>0</v>
      </c>
      <c r="AV31" s="191">
        <v>0</v>
      </c>
      <c r="AW31" s="196">
        <v>0</v>
      </c>
      <c r="AX31" s="193">
        <v>0</v>
      </c>
      <c r="AY31" s="191">
        <v>2</v>
      </c>
      <c r="AZ31" s="191">
        <v>1</v>
      </c>
      <c r="BA31" s="191">
        <v>0</v>
      </c>
      <c r="BB31" s="191">
        <v>1</v>
      </c>
      <c r="BC31" s="191">
        <v>0</v>
      </c>
      <c r="BD31" s="194">
        <v>4</v>
      </c>
      <c r="BE31" s="195">
        <v>4</v>
      </c>
      <c r="BF31" s="190">
        <v>0</v>
      </c>
      <c r="BG31" s="191">
        <v>0</v>
      </c>
      <c r="BH31" s="196">
        <v>0</v>
      </c>
      <c r="BI31" s="193">
        <v>0</v>
      </c>
      <c r="BJ31" s="191">
        <v>3</v>
      </c>
      <c r="BK31" s="191">
        <v>0</v>
      </c>
      <c r="BL31" s="191">
        <v>0</v>
      </c>
      <c r="BM31" s="191">
        <v>0</v>
      </c>
      <c r="BN31" s="191">
        <v>0</v>
      </c>
      <c r="BO31" s="196">
        <v>3</v>
      </c>
      <c r="BP31" s="195">
        <v>3</v>
      </c>
      <c r="BQ31" s="190">
        <v>0</v>
      </c>
      <c r="BR31" s="191">
        <v>0</v>
      </c>
      <c r="BS31" s="196">
        <v>0</v>
      </c>
      <c r="BT31" s="193">
        <v>0</v>
      </c>
      <c r="BU31" s="191">
        <v>1</v>
      </c>
      <c r="BV31" s="191">
        <v>0</v>
      </c>
      <c r="BW31" s="191">
        <v>1</v>
      </c>
      <c r="BX31" s="191">
        <v>0</v>
      </c>
      <c r="BY31" s="191">
        <v>0</v>
      </c>
      <c r="BZ31" s="196">
        <v>2</v>
      </c>
      <c r="CA31" s="195">
        <v>2</v>
      </c>
      <c r="CB31" s="190">
        <v>0</v>
      </c>
      <c r="CC31" s="191">
        <v>0</v>
      </c>
      <c r="CD31" s="196">
        <v>0</v>
      </c>
      <c r="CE31" s="193">
        <v>0</v>
      </c>
      <c r="CF31" s="191">
        <v>0</v>
      </c>
      <c r="CG31" s="191">
        <v>0</v>
      </c>
      <c r="CH31" s="191">
        <v>0</v>
      </c>
      <c r="CI31" s="191">
        <v>0</v>
      </c>
      <c r="CJ31" s="191">
        <v>0</v>
      </c>
      <c r="CK31" s="196">
        <v>0</v>
      </c>
      <c r="CL31" s="195">
        <v>0</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c r="DI31" s="190">
        <v>0</v>
      </c>
      <c r="DJ31" s="191">
        <v>0</v>
      </c>
      <c r="DK31" s="196">
        <v>0</v>
      </c>
      <c r="DL31" s="193">
        <v>0</v>
      </c>
      <c r="DM31" s="191">
        <v>0</v>
      </c>
      <c r="DN31" s="191">
        <v>0</v>
      </c>
      <c r="DO31" s="191">
        <v>0</v>
      </c>
      <c r="DP31" s="191">
        <v>0</v>
      </c>
      <c r="DQ31" s="191">
        <v>0</v>
      </c>
      <c r="DR31" s="196">
        <v>0</v>
      </c>
      <c r="DS31" s="195">
        <v>0</v>
      </c>
      <c r="DT31" s="190">
        <v>1</v>
      </c>
      <c r="DU31" s="191">
        <v>3</v>
      </c>
      <c r="DV31" s="196">
        <v>4</v>
      </c>
      <c r="DW31" s="193">
        <v>0</v>
      </c>
      <c r="DX31" s="191">
        <v>1</v>
      </c>
      <c r="DY31" s="191">
        <v>5</v>
      </c>
      <c r="DZ31" s="191">
        <v>2</v>
      </c>
      <c r="EA31" s="191">
        <v>2</v>
      </c>
      <c r="EB31" s="191">
        <v>0</v>
      </c>
      <c r="EC31" s="196">
        <v>10</v>
      </c>
      <c r="ED31" s="195">
        <v>14</v>
      </c>
      <c r="EE31" s="190">
        <v>1</v>
      </c>
      <c r="EF31" s="191">
        <v>0</v>
      </c>
      <c r="EG31" s="196">
        <v>1</v>
      </c>
      <c r="EH31" s="193">
        <v>0</v>
      </c>
      <c r="EI31" s="191">
        <v>0</v>
      </c>
      <c r="EJ31" s="191">
        <v>1</v>
      </c>
      <c r="EK31" s="191">
        <v>0</v>
      </c>
      <c r="EL31" s="191">
        <v>1</v>
      </c>
      <c r="EM31" s="191">
        <v>1</v>
      </c>
      <c r="EN31" s="196">
        <v>3</v>
      </c>
      <c r="EO31" s="195">
        <v>4</v>
      </c>
      <c r="EP31" s="190">
        <v>2</v>
      </c>
      <c r="EQ31" s="191">
        <v>4</v>
      </c>
      <c r="ER31" s="196">
        <v>6</v>
      </c>
      <c r="ES31" s="193">
        <v>0</v>
      </c>
      <c r="ET31" s="191">
        <v>6</v>
      </c>
      <c r="EU31" s="191">
        <v>5</v>
      </c>
      <c r="EV31" s="191">
        <v>2</v>
      </c>
      <c r="EW31" s="191">
        <v>2</v>
      </c>
      <c r="EX31" s="191">
        <v>0</v>
      </c>
      <c r="EY31" s="196">
        <v>15</v>
      </c>
      <c r="EZ31" s="195">
        <v>21</v>
      </c>
    </row>
    <row r="32" spans="2:156" ht="21" customHeight="1" x14ac:dyDescent="0.2">
      <c r="B32" s="106" t="s">
        <v>30</v>
      </c>
      <c r="C32" s="190">
        <v>0</v>
      </c>
      <c r="D32" s="191">
        <v>0</v>
      </c>
      <c r="E32" s="192">
        <v>0</v>
      </c>
      <c r="F32" s="193">
        <v>0</v>
      </c>
      <c r="G32" s="191">
        <v>2</v>
      </c>
      <c r="H32" s="191">
        <v>1</v>
      </c>
      <c r="I32" s="191">
        <v>1</v>
      </c>
      <c r="J32" s="191">
        <v>0</v>
      </c>
      <c r="K32" s="191">
        <v>0</v>
      </c>
      <c r="L32" s="194">
        <v>4</v>
      </c>
      <c r="M32" s="195">
        <v>4</v>
      </c>
      <c r="N32" s="190">
        <v>0</v>
      </c>
      <c r="O32" s="191">
        <v>0</v>
      </c>
      <c r="P32" s="196">
        <v>0</v>
      </c>
      <c r="Q32" s="193">
        <v>0</v>
      </c>
      <c r="R32" s="191">
        <v>0</v>
      </c>
      <c r="S32" s="191">
        <v>0</v>
      </c>
      <c r="T32" s="191">
        <v>1</v>
      </c>
      <c r="U32" s="191">
        <v>0</v>
      </c>
      <c r="V32" s="191">
        <v>0</v>
      </c>
      <c r="W32" s="196">
        <v>1</v>
      </c>
      <c r="X32" s="195">
        <v>1</v>
      </c>
      <c r="Y32" s="190">
        <v>0</v>
      </c>
      <c r="Z32" s="191">
        <v>0</v>
      </c>
      <c r="AA32" s="196">
        <v>0</v>
      </c>
      <c r="AB32" s="193">
        <v>0</v>
      </c>
      <c r="AC32" s="191">
        <v>2</v>
      </c>
      <c r="AD32" s="191">
        <v>1</v>
      </c>
      <c r="AE32" s="191">
        <v>1</v>
      </c>
      <c r="AF32" s="191">
        <v>0</v>
      </c>
      <c r="AG32" s="191">
        <v>0</v>
      </c>
      <c r="AH32" s="196">
        <v>4</v>
      </c>
      <c r="AI32" s="195">
        <v>4</v>
      </c>
      <c r="AJ32" s="190">
        <v>0</v>
      </c>
      <c r="AK32" s="191">
        <v>0</v>
      </c>
      <c r="AL32" s="196">
        <v>0</v>
      </c>
      <c r="AM32" s="193">
        <v>0</v>
      </c>
      <c r="AN32" s="191">
        <v>0</v>
      </c>
      <c r="AO32" s="191">
        <v>0</v>
      </c>
      <c r="AP32" s="191">
        <v>0</v>
      </c>
      <c r="AQ32" s="191">
        <v>0</v>
      </c>
      <c r="AR32" s="191">
        <v>0</v>
      </c>
      <c r="AS32" s="196">
        <v>0</v>
      </c>
      <c r="AT32" s="195">
        <v>0</v>
      </c>
      <c r="AU32" s="190">
        <v>0</v>
      </c>
      <c r="AV32" s="191">
        <v>0</v>
      </c>
      <c r="AW32" s="196">
        <v>0</v>
      </c>
      <c r="AX32" s="193">
        <v>0</v>
      </c>
      <c r="AY32" s="191">
        <v>5</v>
      </c>
      <c r="AZ32" s="191">
        <v>1</v>
      </c>
      <c r="BA32" s="191">
        <v>1</v>
      </c>
      <c r="BB32" s="191">
        <v>0</v>
      </c>
      <c r="BC32" s="191">
        <v>0</v>
      </c>
      <c r="BD32" s="194">
        <v>7</v>
      </c>
      <c r="BE32" s="195">
        <v>7</v>
      </c>
      <c r="BF32" s="190">
        <v>0</v>
      </c>
      <c r="BG32" s="191">
        <v>0</v>
      </c>
      <c r="BH32" s="196">
        <v>0</v>
      </c>
      <c r="BI32" s="193">
        <v>0</v>
      </c>
      <c r="BJ32" s="191">
        <v>1</v>
      </c>
      <c r="BK32" s="191">
        <v>0</v>
      </c>
      <c r="BL32" s="191">
        <v>1</v>
      </c>
      <c r="BM32" s="191">
        <v>0</v>
      </c>
      <c r="BN32" s="191">
        <v>0</v>
      </c>
      <c r="BO32" s="196">
        <v>2</v>
      </c>
      <c r="BP32" s="195">
        <v>2</v>
      </c>
      <c r="BQ32" s="190">
        <v>0</v>
      </c>
      <c r="BR32" s="191">
        <v>0</v>
      </c>
      <c r="BS32" s="196">
        <v>0</v>
      </c>
      <c r="BT32" s="193">
        <v>0</v>
      </c>
      <c r="BU32" s="191">
        <v>1</v>
      </c>
      <c r="BV32" s="191">
        <v>0</v>
      </c>
      <c r="BW32" s="191">
        <v>0</v>
      </c>
      <c r="BX32" s="191">
        <v>1</v>
      </c>
      <c r="BY32" s="191">
        <v>0</v>
      </c>
      <c r="BZ32" s="196">
        <v>2</v>
      </c>
      <c r="CA32" s="195">
        <v>2</v>
      </c>
      <c r="CB32" s="190">
        <v>0</v>
      </c>
      <c r="CC32" s="191">
        <v>0</v>
      </c>
      <c r="CD32" s="196">
        <v>0</v>
      </c>
      <c r="CE32" s="193">
        <v>0</v>
      </c>
      <c r="CF32" s="191">
        <v>0</v>
      </c>
      <c r="CG32" s="191">
        <v>1</v>
      </c>
      <c r="CH32" s="191">
        <v>0</v>
      </c>
      <c r="CI32" s="191">
        <v>0</v>
      </c>
      <c r="CJ32" s="191">
        <v>0</v>
      </c>
      <c r="CK32" s="196">
        <v>1</v>
      </c>
      <c r="CL32" s="195">
        <v>1</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c r="DI32" s="190">
        <v>0</v>
      </c>
      <c r="DJ32" s="191">
        <v>0</v>
      </c>
      <c r="DK32" s="196">
        <v>0</v>
      </c>
      <c r="DL32" s="193">
        <v>0</v>
      </c>
      <c r="DM32" s="191">
        <v>0</v>
      </c>
      <c r="DN32" s="191">
        <v>0</v>
      </c>
      <c r="DO32" s="191">
        <v>0</v>
      </c>
      <c r="DP32" s="191">
        <v>0</v>
      </c>
      <c r="DQ32" s="191">
        <v>0</v>
      </c>
      <c r="DR32" s="196">
        <v>0</v>
      </c>
      <c r="DS32" s="195">
        <v>0</v>
      </c>
      <c r="DT32" s="190">
        <v>4</v>
      </c>
      <c r="DU32" s="191">
        <v>0</v>
      </c>
      <c r="DV32" s="196">
        <v>4</v>
      </c>
      <c r="DW32" s="193">
        <v>0</v>
      </c>
      <c r="DX32" s="191">
        <v>2</v>
      </c>
      <c r="DY32" s="191">
        <v>2</v>
      </c>
      <c r="DZ32" s="191">
        <v>2</v>
      </c>
      <c r="EA32" s="191">
        <v>2</v>
      </c>
      <c r="EB32" s="191">
        <v>0</v>
      </c>
      <c r="EC32" s="196">
        <v>8</v>
      </c>
      <c r="ED32" s="195">
        <v>12</v>
      </c>
      <c r="EE32" s="190">
        <v>0</v>
      </c>
      <c r="EF32" s="191">
        <v>0</v>
      </c>
      <c r="EG32" s="196">
        <v>0</v>
      </c>
      <c r="EH32" s="193">
        <v>0</v>
      </c>
      <c r="EI32" s="191">
        <v>2</v>
      </c>
      <c r="EJ32" s="191">
        <v>1</v>
      </c>
      <c r="EK32" s="191">
        <v>1</v>
      </c>
      <c r="EL32" s="191">
        <v>0</v>
      </c>
      <c r="EM32" s="191">
        <v>0</v>
      </c>
      <c r="EN32" s="196">
        <v>4</v>
      </c>
      <c r="EO32" s="195">
        <v>4</v>
      </c>
      <c r="EP32" s="190">
        <v>4</v>
      </c>
      <c r="EQ32" s="191">
        <v>0</v>
      </c>
      <c r="ER32" s="196">
        <v>4</v>
      </c>
      <c r="ES32" s="193">
        <v>0</v>
      </c>
      <c r="ET32" s="191">
        <v>5</v>
      </c>
      <c r="EU32" s="191">
        <v>2</v>
      </c>
      <c r="EV32" s="191">
        <v>2</v>
      </c>
      <c r="EW32" s="191">
        <v>2</v>
      </c>
      <c r="EX32" s="191">
        <v>0</v>
      </c>
      <c r="EY32" s="196">
        <v>11</v>
      </c>
      <c r="EZ32" s="195">
        <v>15</v>
      </c>
    </row>
    <row r="33" spans="2:156" ht="21" customHeight="1" x14ac:dyDescent="0.2">
      <c r="B33" s="106" t="s">
        <v>31</v>
      </c>
      <c r="C33" s="190">
        <v>0</v>
      </c>
      <c r="D33" s="191">
        <v>0</v>
      </c>
      <c r="E33" s="192">
        <v>0</v>
      </c>
      <c r="F33" s="193">
        <v>0</v>
      </c>
      <c r="G33" s="191">
        <v>2</v>
      </c>
      <c r="H33" s="191">
        <v>0</v>
      </c>
      <c r="I33" s="191">
        <v>0</v>
      </c>
      <c r="J33" s="191">
        <v>0</v>
      </c>
      <c r="K33" s="191">
        <v>0</v>
      </c>
      <c r="L33" s="194">
        <v>2</v>
      </c>
      <c r="M33" s="195">
        <v>2</v>
      </c>
      <c r="N33" s="190">
        <v>0</v>
      </c>
      <c r="O33" s="191">
        <v>0</v>
      </c>
      <c r="P33" s="196">
        <v>0</v>
      </c>
      <c r="Q33" s="193">
        <v>0</v>
      </c>
      <c r="R33" s="191">
        <v>0</v>
      </c>
      <c r="S33" s="191">
        <v>0</v>
      </c>
      <c r="T33" s="191">
        <v>0</v>
      </c>
      <c r="U33" s="191">
        <v>0</v>
      </c>
      <c r="V33" s="191">
        <v>1</v>
      </c>
      <c r="W33" s="196">
        <v>1</v>
      </c>
      <c r="X33" s="195">
        <v>1</v>
      </c>
      <c r="Y33" s="190">
        <v>0</v>
      </c>
      <c r="Z33" s="191">
        <v>1</v>
      </c>
      <c r="AA33" s="196">
        <v>1</v>
      </c>
      <c r="AB33" s="193">
        <v>0</v>
      </c>
      <c r="AC33" s="191">
        <v>1</v>
      </c>
      <c r="AD33" s="191">
        <v>0</v>
      </c>
      <c r="AE33" s="191">
        <v>2</v>
      </c>
      <c r="AF33" s="191">
        <v>1</v>
      </c>
      <c r="AG33" s="191">
        <v>1</v>
      </c>
      <c r="AH33" s="196">
        <v>5</v>
      </c>
      <c r="AI33" s="195">
        <v>6</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0</v>
      </c>
      <c r="AZ33" s="191">
        <v>0</v>
      </c>
      <c r="BA33" s="191">
        <v>0</v>
      </c>
      <c r="BB33" s="191">
        <v>0</v>
      </c>
      <c r="BC33" s="191">
        <v>0</v>
      </c>
      <c r="BD33" s="194">
        <v>0</v>
      </c>
      <c r="BE33" s="195">
        <v>0</v>
      </c>
      <c r="BF33" s="190">
        <v>0</v>
      </c>
      <c r="BG33" s="191">
        <v>0</v>
      </c>
      <c r="BH33" s="196">
        <v>0</v>
      </c>
      <c r="BI33" s="193">
        <v>0</v>
      </c>
      <c r="BJ33" s="191">
        <v>2</v>
      </c>
      <c r="BK33" s="191">
        <v>1</v>
      </c>
      <c r="BL33" s="191">
        <v>2</v>
      </c>
      <c r="BM33" s="191">
        <v>0</v>
      </c>
      <c r="BN33" s="191">
        <v>0</v>
      </c>
      <c r="BO33" s="196">
        <v>5</v>
      </c>
      <c r="BP33" s="195">
        <v>5</v>
      </c>
      <c r="BQ33" s="190">
        <v>0</v>
      </c>
      <c r="BR33" s="191">
        <v>0</v>
      </c>
      <c r="BS33" s="196">
        <v>0</v>
      </c>
      <c r="BT33" s="193">
        <v>0</v>
      </c>
      <c r="BU33" s="191">
        <v>1</v>
      </c>
      <c r="BV33" s="191">
        <v>0</v>
      </c>
      <c r="BW33" s="191">
        <v>1</v>
      </c>
      <c r="BX33" s="191">
        <v>0</v>
      </c>
      <c r="BY33" s="191">
        <v>0</v>
      </c>
      <c r="BZ33" s="196">
        <v>2</v>
      </c>
      <c r="CA33" s="195">
        <v>2</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c r="DI33" s="190">
        <v>0</v>
      </c>
      <c r="DJ33" s="191">
        <v>0</v>
      </c>
      <c r="DK33" s="196">
        <v>0</v>
      </c>
      <c r="DL33" s="193">
        <v>0</v>
      </c>
      <c r="DM33" s="191">
        <v>0</v>
      </c>
      <c r="DN33" s="191">
        <v>0</v>
      </c>
      <c r="DO33" s="191">
        <v>0</v>
      </c>
      <c r="DP33" s="191">
        <v>0</v>
      </c>
      <c r="DQ33" s="191">
        <v>0</v>
      </c>
      <c r="DR33" s="196">
        <v>0</v>
      </c>
      <c r="DS33" s="195">
        <v>0</v>
      </c>
      <c r="DT33" s="190">
        <v>1</v>
      </c>
      <c r="DU33" s="191">
        <v>0</v>
      </c>
      <c r="DV33" s="196">
        <v>1</v>
      </c>
      <c r="DW33" s="193">
        <v>0</v>
      </c>
      <c r="DX33" s="191">
        <v>4</v>
      </c>
      <c r="DY33" s="191">
        <v>0</v>
      </c>
      <c r="DZ33" s="191">
        <v>4</v>
      </c>
      <c r="EA33" s="191">
        <v>1</v>
      </c>
      <c r="EB33" s="191">
        <v>1</v>
      </c>
      <c r="EC33" s="196">
        <v>10</v>
      </c>
      <c r="ED33" s="195">
        <v>11</v>
      </c>
      <c r="EE33" s="190">
        <v>0</v>
      </c>
      <c r="EF33" s="191">
        <v>0</v>
      </c>
      <c r="EG33" s="196">
        <v>0</v>
      </c>
      <c r="EH33" s="193">
        <v>0</v>
      </c>
      <c r="EI33" s="191">
        <v>0</v>
      </c>
      <c r="EJ33" s="191">
        <v>0</v>
      </c>
      <c r="EK33" s="191">
        <v>0</v>
      </c>
      <c r="EL33" s="191">
        <v>0</v>
      </c>
      <c r="EM33" s="191">
        <v>0</v>
      </c>
      <c r="EN33" s="196">
        <v>0</v>
      </c>
      <c r="EO33" s="195">
        <v>0</v>
      </c>
      <c r="EP33" s="190">
        <v>1</v>
      </c>
      <c r="EQ33" s="191">
        <v>1</v>
      </c>
      <c r="ER33" s="196">
        <v>2</v>
      </c>
      <c r="ES33" s="193">
        <v>0</v>
      </c>
      <c r="ET33" s="191">
        <v>7</v>
      </c>
      <c r="EU33" s="191">
        <v>1</v>
      </c>
      <c r="EV33" s="191">
        <v>4</v>
      </c>
      <c r="EW33" s="191">
        <v>1</v>
      </c>
      <c r="EX33" s="191">
        <v>1</v>
      </c>
      <c r="EY33" s="196">
        <v>14</v>
      </c>
      <c r="EZ33" s="195">
        <v>16</v>
      </c>
    </row>
    <row r="34" spans="2:156" ht="21" customHeight="1" x14ac:dyDescent="0.2">
      <c r="B34" s="106" t="s">
        <v>32</v>
      </c>
      <c r="C34" s="190">
        <v>0</v>
      </c>
      <c r="D34" s="191">
        <v>0</v>
      </c>
      <c r="E34" s="192">
        <v>0</v>
      </c>
      <c r="F34" s="193">
        <v>0</v>
      </c>
      <c r="G34" s="191">
        <v>0</v>
      </c>
      <c r="H34" s="191">
        <v>2</v>
      </c>
      <c r="I34" s="191">
        <v>0</v>
      </c>
      <c r="J34" s="191">
        <v>0</v>
      </c>
      <c r="K34" s="191">
        <v>0</v>
      </c>
      <c r="L34" s="194">
        <v>2</v>
      </c>
      <c r="M34" s="195">
        <v>2</v>
      </c>
      <c r="N34" s="190">
        <v>0</v>
      </c>
      <c r="O34" s="191">
        <v>0</v>
      </c>
      <c r="P34" s="196">
        <v>0</v>
      </c>
      <c r="Q34" s="193">
        <v>0</v>
      </c>
      <c r="R34" s="191">
        <v>0</v>
      </c>
      <c r="S34" s="191">
        <v>0</v>
      </c>
      <c r="T34" s="191">
        <v>0</v>
      </c>
      <c r="U34" s="191">
        <v>0</v>
      </c>
      <c r="V34" s="191">
        <v>0</v>
      </c>
      <c r="W34" s="196">
        <v>0</v>
      </c>
      <c r="X34" s="195">
        <v>0</v>
      </c>
      <c r="Y34" s="190">
        <v>1</v>
      </c>
      <c r="Z34" s="191">
        <v>2</v>
      </c>
      <c r="AA34" s="196">
        <v>3</v>
      </c>
      <c r="AB34" s="193">
        <v>0</v>
      </c>
      <c r="AC34" s="191">
        <v>3</v>
      </c>
      <c r="AD34" s="191">
        <v>2</v>
      </c>
      <c r="AE34" s="191">
        <v>1</v>
      </c>
      <c r="AF34" s="191">
        <v>0</v>
      </c>
      <c r="AG34" s="191">
        <v>0</v>
      </c>
      <c r="AH34" s="196">
        <v>6</v>
      </c>
      <c r="AI34" s="195">
        <v>9</v>
      </c>
      <c r="AJ34" s="190">
        <v>0</v>
      </c>
      <c r="AK34" s="191">
        <v>0</v>
      </c>
      <c r="AL34" s="196">
        <v>0</v>
      </c>
      <c r="AM34" s="193">
        <v>0</v>
      </c>
      <c r="AN34" s="191">
        <v>0</v>
      </c>
      <c r="AO34" s="191">
        <v>0</v>
      </c>
      <c r="AP34" s="191">
        <v>0</v>
      </c>
      <c r="AQ34" s="191">
        <v>1</v>
      </c>
      <c r="AR34" s="191">
        <v>0</v>
      </c>
      <c r="AS34" s="196">
        <v>1</v>
      </c>
      <c r="AT34" s="195">
        <v>1</v>
      </c>
      <c r="AU34" s="190">
        <v>0</v>
      </c>
      <c r="AV34" s="191">
        <v>0</v>
      </c>
      <c r="AW34" s="196">
        <v>0</v>
      </c>
      <c r="AX34" s="193">
        <v>0</v>
      </c>
      <c r="AY34" s="191">
        <v>0</v>
      </c>
      <c r="AZ34" s="191">
        <v>4</v>
      </c>
      <c r="BA34" s="191">
        <v>1</v>
      </c>
      <c r="BB34" s="191">
        <v>2</v>
      </c>
      <c r="BC34" s="191">
        <v>2</v>
      </c>
      <c r="BD34" s="194">
        <v>9</v>
      </c>
      <c r="BE34" s="195">
        <v>9</v>
      </c>
      <c r="BF34" s="190">
        <v>0</v>
      </c>
      <c r="BG34" s="191">
        <v>0</v>
      </c>
      <c r="BH34" s="196">
        <v>0</v>
      </c>
      <c r="BI34" s="193">
        <v>0</v>
      </c>
      <c r="BJ34" s="191">
        <v>8</v>
      </c>
      <c r="BK34" s="191">
        <v>3</v>
      </c>
      <c r="BL34" s="191">
        <v>0</v>
      </c>
      <c r="BM34" s="191">
        <v>1</v>
      </c>
      <c r="BN34" s="191">
        <v>0</v>
      </c>
      <c r="BO34" s="196">
        <v>12</v>
      </c>
      <c r="BP34" s="195">
        <v>12</v>
      </c>
      <c r="BQ34" s="190">
        <v>0</v>
      </c>
      <c r="BR34" s="191">
        <v>1</v>
      </c>
      <c r="BS34" s="196">
        <v>1</v>
      </c>
      <c r="BT34" s="193">
        <v>0</v>
      </c>
      <c r="BU34" s="191">
        <v>0</v>
      </c>
      <c r="BV34" s="191">
        <v>1</v>
      </c>
      <c r="BW34" s="191">
        <v>0</v>
      </c>
      <c r="BX34" s="191">
        <v>1</v>
      </c>
      <c r="BY34" s="191">
        <v>0</v>
      </c>
      <c r="BZ34" s="196">
        <v>2</v>
      </c>
      <c r="CA34" s="195">
        <v>3</v>
      </c>
      <c r="CB34" s="190">
        <v>0</v>
      </c>
      <c r="CC34" s="191">
        <v>0</v>
      </c>
      <c r="CD34" s="196">
        <v>0</v>
      </c>
      <c r="CE34" s="193">
        <v>0</v>
      </c>
      <c r="CF34" s="191">
        <v>0</v>
      </c>
      <c r="CG34" s="191">
        <v>0</v>
      </c>
      <c r="CH34" s="191">
        <v>0</v>
      </c>
      <c r="CI34" s="191">
        <v>0</v>
      </c>
      <c r="CJ34" s="191">
        <v>0</v>
      </c>
      <c r="CK34" s="196">
        <v>0</v>
      </c>
      <c r="CL34" s="195">
        <v>0</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c r="DI34" s="190">
        <v>0</v>
      </c>
      <c r="DJ34" s="191">
        <v>0</v>
      </c>
      <c r="DK34" s="196">
        <v>0</v>
      </c>
      <c r="DL34" s="193">
        <v>0</v>
      </c>
      <c r="DM34" s="191">
        <v>0</v>
      </c>
      <c r="DN34" s="191">
        <v>0</v>
      </c>
      <c r="DO34" s="191">
        <v>0</v>
      </c>
      <c r="DP34" s="191">
        <v>0</v>
      </c>
      <c r="DQ34" s="191">
        <v>0</v>
      </c>
      <c r="DR34" s="196">
        <v>0</v>
      </c>
      <c r="DS34" s="195">
        <v>0</v>
      </c>
      <c r="DT34" s="190">
        <v>2</v>
      </c>
      <c r="DU34" s="191">
        <v>2</v>
      </c>
      <c r="DV34" s="196">
        <v>4</v>
      </c>
      <c r="DW34" s="193">
        <v>0</v>
      </c>
      <c r="DX34" s="191">
        <v>5</v>
      </c>
      <c r="DY34" s="191">
        <v>6</v>
      </c>
      <c r="DZ34" s="191">
        <v>1</v>
      </c>
      <c r="EA34" s="191">
        <v>1</v>
      </c>
      <c r="EB34" s="191">
        <v>0</v>
      </c>
      <c r="EC34" s="196">
        <v>13</v>
      </c>
      <c r="ED34" s="195">
        <v>17</v>
      </c>
      <c r="EE34" s="190">
        <v>0</v>
      </c>
      <c r="EF34" s="191">
        <v>0</v>
      </c>
      <c r="EG34" s="196">
        <v>0</v>
      </c>
      <c r="EH34" s="193">
        <v>0</v>
      </c>
      <c r="EI34" s="191">
        <v>0</v>
      </c>
      <c r="EJ34" s="191">
        <v>0</v>
      </c>
      <c r="EK34" s="191">
        <v>0</v>
      </c>
      <c r="EL34" s="191">
        <v>1</v>
      </c>
      <c r="EM34" s="191">
        <v>3</v>
      </c>
      <c r="EN34" s="196">
        <v>4</v>
      </c>
      <c r="EO34" s="195">
        <v>4</v>
      </c>
      <c r="EP34" s="190">
        <v>2</v>
      </c>
      <c r="EQ34" s="191">
        <v>3</v>
      </c>
      <c r="ER34" s="196">
        <v>5</v>
      </c>
      <c r="ES34" s="193">
        <v>0</v>
      </c>
      <c r="ET34" s="191">
        <v>13</v>
      </c>
      <c r="EU34" s="191">
        <v>8</v>
      </c>
      <c r="EV34" s="191">
        <v>2</v>
      </c>
      <c r="EW34" s="191">
        <v>1</v>
      </c>
      <c r="EX34" s="191">
        <v>0</v>
      </c>
      <c r="EY34" s="196">
        <v>24</v>
      </c>
      <c r="EZ34" s="195">
        <v>29</v>
      </c>
    </row>
    <row r="35" spans="2:156" ht="21" customHeight="1" x14ac:dyDescent="0.2">
      <c r="B35" s="106" t="s">
        <v>33</v>
      </c>
      <c r="C35" s="190">
        <v>0</v>
      </c>
      <c r="D35" s="191">
        <v>0</v>
      </c>
      <c r="E35" s="192">
        <v>0</v>
      </c>
      <c r="F35" s="193">
        <v>0</v>
      </c>
      <c r="G35" s="191">
        <v>1</v>
      </c>
      <c r="H35" s="191">
        <v>0</v>
      </c>
      <c r="I35" s="191">
        <v>1</v>
      </c>
      <c r="J35" s="191">
        <v>0</v>
      </c>
      <c r="K35" s="191">
        <v>0</v>
      </c>
      <c r="L35" s="194">
        <v>2</v>
      </c>
      <c r="M35" s="195">
        <v>2</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2</v>
      </c>
      <c r="AD35" s="191">
        <v>2</v>
      </c>
      <c r="AE35" s="191">
        <v>0</v>
      </c>
      <c r="AF35" s="191">
        <v>0</v>
      </c>
      <c r="AG35" s="191">
        <v>0</v>
      </c>
      <c r="AH35" s="196">
        <v>4</v>
      </c>
      <c r="AI35" s="195">
        <v>4</v>
      </c>
      <c r="AJ35" s="190">
        <v>0</v>
      </c>
      <c r="AK35" s="191">
        <v>0</v>
      </c>
      <c r="AL35" s="196">
        <v>0</v>
      </c>
      <c r="AM35" s="193">
        <v>0</v>
      </c>
      <c r="AN35" s="191">
        <v>2</v>
      </c>
      <c r="AO35" s="191">
        <v>1</v>
      </c>
      <c r="AP35" s="191">
        <v>2</v>
      </c>
      <c r="AQ35" s="191">
        <v>1</v>
      </c>
      <c r="AR35" s="191">
        <v>0</v>
      </c>
      <c r="AS35" s="196">
        <v>6</v>
      </c>
      <c r="AT35" s="195">
        <v>6</v>
      </c>
      <c r="AU35" s="190">
        <v>0</v>
      </c>
      <c r="AV35" s="191">
        <v>1</v>
      </c>
      <c r="AW35" s="196">
        <v>1</v>
      </c>
      <c r="AX35" s="193">
        <v>0</v>
      </c>
      <c r="AY35" s="191">
        <v>2</v>
      </c>
      <c r="AZ35" s="191">
        <v>2</v>
      </c>
      <c r="BA35" s="191">
        <v>4</v>
      </c>
      <c r="BB35" s="191">
        <v>2</v>
      </c>
      <c r="BC35" s="191">
        <v>1</v>
      </c>
      <c r="BD35" s="194">
        <v>11</v>
      </c>
      <c r="BE35" s="195">
        <v>12</v>
      </c>
      <c r="BF35" s="190">
        <v>0</v>
      </c>
      <c r="BG35" s="191">
        <v>0</v>
      </c>
      <c r="BH35" s="196">
        <v>0</v>
      </c>
      <c r="BI35" s="193">
        <v>0</v>
      </c>
      <c r="BJ35" s="191">
        <v>2</v>
      </c>
      <c r="BK35" s="191">
        <v>0</v>
      </c>
      <c r="BL35" s="191">
        <v>0</v>
      </c>
      <c r="BM35" s="191">
        <v>0</v>
      </c>
      <c r="BN35" s="191">
        <v>0</v>
      </c>
      <c r="BO35" s="196">
        <v>2</v>
      </c>
      <c r="BP35" s="195">
        <v>2</v>
      </c>
      <c r="BQ35" s="190">
        <v>1</v>
      </c>
      <c r="BR35" s="191">
        <v>0</v>
      </c>
      <c r="BS35" s="196">
        <v>1</v>
      </c>
      <c r="BT35" s="193">
        <v>0</v>
      </c>
      <c r="BU35" s="191">
        <v>2</v>
      </c>
      <c r="BV35" s="191">
        <v>0</v>
      </c>
      <c r="BW35" s="191">
        <v>0</v>
      </c>
      <c r="BX35" s="191">
        <v>0</v>
      </c>
      <c r="BY35" s="191">
        <v>0</v>
      </c>
      <c r="BZ35" s="196">
        <v>2</v>
      </c>
      <c r="CA35" s="195">
        <v>3</v>
      </c>
      <c r="CB35" s="190">
        <v>0</v>
      </c>
      <c r="CC35" s="191">
        <v>0</v>
      </c>
      <c r="CD35" s="196">
        <v>0</v>
      </c>
      <c r="CE35" s="193">
        <v>0</v>
      </c>
      <c r="CF35" s="191">
        <v>0</v>
      </c>
      <c r="CG35" s="191">
        <v>0</v>
      </c>
      <c r="CH35" s="191">
        <v>0</v>
      </c>
      <c r="CI35" s="191">
        <v>1</v>
      </c>
      <c r="CJ35" s="191">
        <v>0</v>
      </c>
      <c r="CK35" s="196">
        <v>1</v>
      </c>
      <c r="CL35" s="195">
        <v>1</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0</v>
      </c>
      <c r="DC35" s="191">
        <v>0</v>
      </c>
      <c r="DD35" s="191">
        <v>0</v>
      </c>
      <c r="DE35" s="191">
        <v>0</v>
      </c>
      <c r="DF35" s="191">
        <v>0</v>
      </c>
      <c r="DG35" s="196">
        <v>0</v>
      </c>
      <c r="DH35" s="195">
        <v>0</v>
      </c>
      <c r="DI35" s="190">
        <v>0</v>
      </c>
      <c r="DJ35" s="191">
        <v>0</v>
      </c>
      <c r="DK35" s="196">
        <v>0</v>
      </c>
      <c r="DL35" s="193">
        <v>0</v>
      </c>
      <c r="DM35" s="191">
        <v>1</v>
      </c>
      <c r="DN35" s="191">
        <v>0</v>
      </c>
      <c r="DO35" s="191">
        <v>0</v>
      </c>
      <c r="DP35" s="191">
        <v>0</v>
      </c>
      <c r="DQ35" s="191">
        <v>0</v>
      </c>
      <c r="DR35" s="196">
        <v>1</v>
      </c>
      <c r="DS35" s="195">
        <v>1</v>
      </c>
      <c r="DT35" s="190">
        <v>0</v>
      </c>
      <c r="DU35" s="191">
        <v>1</v>
      </c>
      <c r="DV35" s="196">
        <v>1</v>
      </c>
      <c r="DW35" s="193">
        <v>0</v>
      </c>
      <c r="DX35" s="191">
        <v>5</v>
      </c>
      <c r="DY35" s="191">
        <v>3</v>
      </c>
      <c r="DZ35" s="191">
        <v>2</v>
      </c>
      <c r="EA35" s="191">
        <v>1</v>
      </c>
      <c r="EB35" s="191">
        <v>0</v>
      </c>
      <c r="EC35" s="196">
        <v>11</v>
      </c>
      <c r="ED35" s="195">
        <v>12</v>
      </c>
      <c r="EE35" s="190">
        <v>0</v>
      </c>
      <c r="EF35" s="191">
        <v>1</v>
      </c>
      <c r="EG35" s="196">
        <v>1</v>
      </c>
      <c r="EH35" s="193">
        <v>0</v>
      </c>
      <c r="EI35" s="191">
        <v>1</v>
      </c>
      <c r="EJ35" s="191">
        <v>1</v>
      </c>
      <c r="EK35" s="191">
        <v>3</v>
      </c>
      <c r="EL35" s="191">
        <v>1</v>
      </c>
      <c r="EM35" s="191">
        <v>2</v>
      </c>
      <c r="EN35" s="196">
        <v>8</v>
      </c>
      <c r="EO35" s="195">
        <v>9</v>
      </c>
      <c r="EP35" s="190">
        <v>2</v>
      </c>
      <c r="EQ35" s="191">
        <v>1</v>
      </c>
      <c r="ER35" s="196">
        <v>3</v>
      </c>
      <c r="ES35" s="193">
        <v>0</v>
      </c>
      <c r="ET35" s="191">
        <v>10</v>
      </c>
      <c r="EU35" s="191">
        <v>4</v>
      </c>
      <c r="EV35" s="191">
        <v>1</v>
      </c>
      <c r="EW35" s="191">
        <v>2</v>
      </c>
      <c r="EX35" s="191">
        <v>0</v>
      </c>
      <c r="EY35" s="196">
        <v>17</v>
      </c>
      <c r="EZ35" s="195">
        <v>20</v>
      </c>
    </row>
    <row r="36" spans="2:156" ht="21" customHeight="1" x14ac:dyDescent="0.2">
      <c r="B36" s="106" t="s">
        <v>34</v>
      </c>
      <c r="C36" s="190">
        <v>0</v>
      </c>
      <c r="D36" s="191">
        <v>0</v>
      </c>
      <c r="E36" s="192">
        <v>0</v>
      </c>
      <c r="F36" s="193">
        <v>0</v>
      </c>
      <c r="G36" s="191">
        <v>1</v>
      </c>
      <c r="H36" s="191">
        <v>1</v>
      </c>
      <c r="I36" s="191">
        <v>0</v>
      </c>
      <c r="J36" s="191">
        <v>0</v>
      </c>
      <c r="K36" s="191">
        <v>0</v>
      </c>
      <c r="L36" s="194">
        <v>2</v>
      </c>
      <c r="M36" s="195">
        <v>2</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1</v>
      </c>
      <c r="AD36" s="191">
        <v>1</v>
      </c>
      <c r="AE36" s="191">
        <v>0</v>
      </c>
      <c r="AF36" s="191">
        <v>0</v>
      </c>
      <c r="AG36" s="191">
        <v>0</v>
      </c>
      <c r="AH36" s="196">
        <v>2</v>
      </c>
      <c r="AI36" s="195">
        <v>2</v>
      </c>
      <c r="AJ36" s="190">
        <v>0</v>
      </c>
      <c r="AK36" s="191">
        <v>0</v>
      </c>
      <c r="AL36" s="196">
        <v>0</v>
      </c>
      <c r="AM36" s="193">
        <v>0</v>
      </c>
      <c r="AN36" s="191">
        <v>0</v>
      </c>
      <c r="AO36" s="191">
        <v>1</v>
      </c>
      <c r="AP36" s="191">
        <v>0</v>
      </c>
      <c r="AQ36" s="191">
        <v>0</v>
      </c>
      <c r="AR36" s="191">
        <v>0</v>
      </c>
      <c r="AS36" s="196">
        <v>1</v>
      </c>
      <c r="AT36" s="195">
        <v>1</v>
      </c>
      <c r="AU36" s="190">
        <v>0</v>
      </c>
      <c r="AV36" s="191">
        <v>0</v>
      </c>
      <c r="AW36" s="196">
        <v>0</v>
      </c>
      <c r="AX36" s="193">
        <v>0</v>
      </c>
      <c r="AY36" s="191">
        <v>2</v>
      </c>
      <c r="AZ36" s="191">
        <v>2</v>
      </c>
      <c r="BA36" s="191">
        <v>1</v>
      </c>
      <c r="BB36" s="191">
        <v>0</v>
      </c>
      <c r="BC36" s="191">
        <v>0</v>
      </c>
      <c r="BD36" s="194">
        <v>5</v>
      </c>
      <c r="BE36" s="195">
        <v>5</v>
      </c>
      <c r="BF36" s="190">
        <v>0</v>
      </c>
      <c r="BG36" s="191">
        <v>0</v>
      </c>
      <c r="BH36" s="196">
        <v>0</v>
      </c>
      <c r="BI36" s="193">
        <v>0</v>
      </c>
      <c r="BJ36" s="191">
        <v>0</v>
      </c>
      <c r="BK36" s="191">
        <v>0</v>
      </c>
      <c r="BL36" s="191">
        <v>1</v>
      </c>
      <c r="BM36" s="191">
        <v>1</v>
      </c>
      <c r="BN36" s="191">
        <v>0</v>
      </c>
      <c r="BO36" s="196">
        <v>2</v>
      </c>
      <c r="BP36" s="195">
        <v>2</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1</v>
      </c>
      <c r="CI36" s="191">
        <v>0</v>
      </c>
      <c r="CJ36" s="191">
        <v>0</v>
      </c>
      <c r="CK36" s="196">
        <v>1</v>
      </c>
      <c r="CL36" s="195">
        <v>1</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c r="DI36" s="190">
        <v>0</v>
      </c>
      <c r="DJ36" s="191">
        <v>0</v>
      </c>
      <c r="DK36" s="196">
        <v>0</v>
      </c>
      <c r="DL36" s="193">
        <v>0</v>
      </c>
      <c r="DM36" s="191">
        <v>0</v>
      </c>
      <c r="DN36" s="191">
        <v>0</v>
      </c>
      <c r="DO36" s="191">
        <v>0</v>
      </c>
      <c r="DP36" s="191">
        <v>0</v>
      </c>
      <c r="DQ36" s="191">
        <v>0</v>
      </c>
      <c r="DR36" s="196">
        <v>0</v>
      </c>
      <c r="DS36" s="195">
        <v>0</v>
      </c>
      <c r="DT36" s="190">
        <v>1</v>
      </c>
      <c r="DU36" s="191">
        <v>0</v>
      </c>
      <c r="DV36" s="196">
        <v>1</v>
      </c>
      <c r="DW36" s="193">
        <v>0</v>
      </c>
      <c r="DX36" s="191">
        <v>1</v>
      </c>
      <c r="DY36" s="191">
        <v>2</v>
      </c>
      <c r="DZ36" s="191">
        <v>0</v>
      </c>
      <c r="EA36" s="191">
        <v>1</v>
      </c>
      <c r="EB36" s="191">
        <v>0</v>
      </c>
      <c r="EC36" s="196">
        <v>4</v>
      </c>
      <c r="ED36" s="195">
        <v>5</v>
      </c>
      <c r="EE36" s="190">
        <v>0</v>
      </c>
      <c r="EF36" s="191">
        <v>0</v>
      </c>
      <c r="EG36" s="196">
        <v>0</v>
      </c>
      <c r="EH36" s="193">
        <v>0</v>
      </c>
      <c r="EI36" s="191">
        <v>0</v>
      </c>
      <c r="EJ36" s="191">
        <v>2</v>
      </c>
      <c r="EK36" s="191">
        <v>2</v>
      </c>
      <c r="EL36" s="191">
        <v>0</v>
      </c>
      <c r="EM36" s="191">
        <v>0</v>
      </c>
      <c r="EN36" s="196">
        <v>4</v>
      </c>
      <c r="EO36" s="195">
        <v>4</v>
      </c>
      <c r="EP36" s="190">
        <v>1</v>
      </c>
      <c r="EQ36" s="191">
        <v>0</v>
      </c>
      <c r="ER36" s="196">
        <v>1</v>
      </c>
      <c r="ES36" s="193">
        <v>0</v>
      </c>
      <c r="ET36" s="191">
        <v>2</v>
      </c>
      <c r="EU36" s="191">
        <v>2</v>
      </c>
      <c r="EV36" s="191">
        <v>1</v>
      </c>
      <c r="EW36" s="191">
        <v>1</v>
      </c>
      <c r="EX36" s="191">
        <v>0</v>
      </c>
      <c r="EY36" s="196">
        <v>6</v>
      </c>
      <c r="EZ36" s="195">
        <v>7</v>
      </c>
    </row>
    <row r="37" spans="2:156" ht="21" customHeight="1" x14ac:dyDescent="0.2">
      <c r="B37" s="106" t="s">
        <v>35</v>
      </c>
      <c r="C37" s="190">
        <v>0</v>
      </c>
      <c r="D37" s="191">
        <v>0</v>
      </c>
      <c r="E37" s="192">
        <v>0</v>
      </c>
      <c r="F37" s="193">
        <v>0</v>
      </c>
      <c r="G37" s="191">
        <v>2</v>
      </c>
      <c r="H37" s="191">
        <v>4</v>
      </c>
      <c r="I37" s="191">
        <v>1</v>
      </c>
      <c r="J37" s="191">
        <v>0</v>
      </c>
      <c r="K37" s="191">
        <v>0</v>
      </c>
      <c r="L37" s="194">
        <v>7</v>
      </c>
      <c r="M37" s="195">
        <v>7</v>
      </c>
      <c r="N37" s="190">
        <v>0</v>
      </c>
      <c r="O37" s="191">
        <v>0</v>
      </c>
      <c r="P37" s="196">
        <v>0</v>
      </c>
      <c r="Q37" s="193">
        <v>0</v>
      </c>
      <c r="R37" s="191">
        <v>0</v>
      </c>
      <c r="S37" s="191">
        <v>0</v>
      </c>
      <c r="T37" s="191">
        <v>1</v>
      </c>
      <c r="U37" s="191">
        <v>0</v>
      </c>
      <c r="V37" s="191">
        <v>0</v>
      </c>
      <c r="W37" s="196">
        <v>1</v>
      </c>
      <c r="X37" s="195">
        <v>1</v>
      </c>
      <c r="Y37" s="190">
        <v>1</v>
      </c>
      <c r="Z37" s="191">
        <v>2</v>
      </c>
      <c r="AA37" s="196">
        <v>3</v>
      </c>
      <c r="AB37" s="193">
        <v>0</v>
      </c>
      <c r="AC37" s="191">
        <v>4</v>
      </c>
      <c r="AD37" s="191">
        <v>3</v>
      </c>
      <c r="AE37" s="191">
        <v>2</v>
      </c>
      <c r="AF37" s="191">
        <v>0</v>
      </c>
      <c r="AG37" s="191">
        <v>1</v>
      </c>
      <c r="AH37" s="196">
        <v>10</v>
      </c>
      <c r="AI37" s="195">
        <v>13</v>
      </c>
      <c r="AJ37" s="190">
        <v>1</v>
      </c>
      <c r="AK37" s="191">
        <v>2</v>
      </c>
      <c r="AL37" s="196">
        <v>3</v>
      </c>
      <c r="AM37" s="193">
        <v>0</v>
      </c>
      <c r="AN37" s="191">
        <v>0</v>
      </c>
      <c r="AO37" s="191">
        <v>1</v>
      </c>
      <c r="AP37" s="191">
        <v>0</v>
      </c>
      <c r="AQ37" s="191">
        <v>0</v>
      </c>
      <c r="AR37" s="191">
        <v>1</v>
      </c>
      <c r="AS37" s="196">
        <v>2</v>
      </c>
      <c r="AT37" s="195">
        <v>5</v>
      </c>
      <c r="AU37" s="190">
        <v>2</v>
      </c>
      <c r="AV37" s="191">
        <v>3</v>
      </c>
      <c r="AW37" s="196">
        <v>5</v>
      </c>
      <c r="AX37" s="193">
        <v>0</v>
      </c>
      <c r="AY37" s="191">
        <v>6</v>
      </c>
      <c r="AZ37" s="191">
        <v>4</v>
      </c>
      <c r="BA37" s="191">
        <v>6</v>
      </c>
      <c r="BB37" s="191">
        <v>2</v>
      </c>
      <c r="BC37" s="191">
        <v>2</v>
      </c>
      <c r="BD37" s="194">
        <v>20</v>
      </c>
      <c r="BE37" s="195">
        <v>25</v>
      </c>
      <c r="BF37" s="190">
        <v>0</v>
      </c>
      <c r="BG37" s="191">
        <v>0</v>
      </c>
      <c r="BH37" s="196">
        <v>0</v>
      </c>
      <c r="BI37" s="193">
        <v>0</v>
      </c>
      <c r="BJ37" s="191">
        <v>2</v>
      </c>
      <c r="BK37" s="191">
        <v>2</v>
      </c>
      <c r="BL37" s="191">
        <v>2</v>
      </c>
      <c r="BM37" s="191">
        <v>0</v>
      </c>
      <c r="BN37" s="191">
        <v>1</v>
      </c>
      <c r="BO37" s="196">
        <v>7</v>
      </c>
      <c r="BP37" s="195">
        <v>7</v>
      </c>
      <c r="BQ37" s="190">
        <v>1</v>
      </c>
      <c r="BR37" s="191">
        <v>2</v>
      </c>
      <c r="BS37" s="196">
        <v>3</v>
      </c>
      <c r="BT37" s="193">
        <v>0</v>
      </c>
      <c r="BU37" s="191">
        <v>1</v>
      </c>
      <c r="BV37" s="191">
        <v>1</v>
      </c>
      <c r="BW37" s="191">
        <v>4</v>
      </c>
      <c r="BX37" s="191">
        <v>0</v>
      </c>
      <c r="BY37" s="191">
        <v>0</v>
      </c>
      <c r="BZ37" s="196">
        <v>6</v>
      </c>
      <c r="CA37" s="195">
        <v>9</v>
      </c>
      <c r="CB37" s="190">
        <v>0</v>
      </c>
      <c r="CC37" s="191">
        <v>0</v>
      </c>
      <c r="CD37" s="196">
        <v>0</v>
      </c>
      <c r="CE37" s="193">
        <v>0</v>
      </c>
      <c r="CF37" s="191">
        <v>0</v>
      </c>
      <c r="CG37" s="191">
        <v>1</v>
      </c>
      <c r="CH37" s="191">
        <v>1</v>
      </c>
      <c r="CI37" s="191">
        <v>0</v>
      </c>
      <c r="CJ37" s="191">
        <v>1</v>
      </c>
      <c r="CK37" s="196">
        <v>3</v>
      </c>
      <c r="CL37" s="195">
        <v>3</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c r="DI37" s="190">
        <v>0</v>
      </c>
      <c r="DJ37" s="191">
        <v>0</v>
      </c>
      <c r="DK37" s="196">
        <v>0</v>
      </c>
      <c r="DL37" s="193">
        <v>0</v>
      </c>
      <c r="DM37" s="191">
        <v>0</v>
      </c>
      <c r="DN37" s="191">
        <v>0</v>
      </c>
      <c r="DO37" s="191">
        <v>0</v>
      </c>
      <c r="DP37" s="191">
        <v>0</v>
      </c>
      <c r="DQ37" s="191">
        <v>0</v>
      </c>
      <c r="DR37" s="196">
        <v>0</v>
      </c>
      <c r="DS37" s="195">
        <v>0</v>
      </c>
      <c r="DT37" s="190">
        <v>3</v>
      </c>
      <c r="DU37" s="191">
        <v>6</v>
      </c>
      <c r="DV37" s="196">
        <v>9</v>
      </c>
      <c r="DW37" s="193">
        <v>0</v>
      </c>
      <c r="DX37" s="191">
        <v>4</v>
      </c>
      <c r="DY37" s="191">
        <v>9</v>
      </c>
      <c r="DZ37" s="191">
        <v>4</v>
      </c>
      <c r="EA37" s="191">
        <v>0</v>
      </c>
      <c r="EB37" s="191">
        <v>2</v>
      </c>
      <c r="EC37" s="196">
        <v>19</v>
      </c>
      <c r="ED37" s="195">
        <v>28</v>
      </c>
      <c r="EE37" s="190">
        <v>3</v>
      </c>
      <c r="EF37" s="191">
        <v>1</v>
      </c>
      <c r="EG37" s="196">
        <v>4</v>
      </c>
      <c r="EH37" s="193">
        <v>0</v>
      </c>
      <c r="EI37" s="191">
        <v>4</v>
      </c>
      <c r="EJ37" s="191">
        <v>2</v>
      </c>
      <c r="EK37" s="191">
        <v>2</v>
      </c>
      <c r="EL37" s="191">
        <v>2</v>
      </c>
      <c r="EM37" s="191">
        <v>1</v>
      </c>
      <c r="EN37" s="196">
        <v>11</v>
      </c>
      <c r="EO37" s="195">
        <v>15</v>
      </c>
      <c r="EP37" s="190">
        <v>5</v>
      </c>
      <c r="EQ37" s="191">
        <v>9</v>
      </c>
      <c r="ER37" s="196">
        <v>14</v>
      </c>
      <c r="ES37" s="193">
        <v>0</v>
      </c>
      <c r="ET37" s="191">
        <v>9</v>
      </c>
      <c r="EU37" s="191">
        <v>10</v>
      </c>
      <c r="EV37" s="191">
        <v>6</v>
      </c>
      <c r="EW37" s="191">
        <v>0</v>
      </c>
      <c r="EX37" s="191">
        <v>2</v>
      </c>
      <c r="EY37" s="196">
        <v>27</v>
      </c>
      <c r="EZ37" s="195">
        <v>41</v>
      </c>
    </row>
    <row r="38" spans="2:156" ht="21" customHeight="1" x14ac:dyDescent="0.2">
      <c r="B38" s="106" t="s">
        <v>36</v>
      </c>
      <c r="C38" s="190">
        <v>0</v>
      </c>
      <c r="D38" s="191">
        <v>0</v>
      </c>
      <c r="E38" s="192">
        <v>0</v>
      </c>
      <c r="F38" s="193">
        <v>0</v>
      </c>
      <c r="G38" s="191">
        <v>2</v>
      </c>
      <c r="H38" s="191">
        <v>2</v>
      </c>
      <c r="I38" s="191">
        <v>1</v>
      </c>
      <c r="J38" s="191">
        <v>0</v>
      </c>
      <c r="K38" s="191">
        <v>0</v>
      </c>
      <c r="L38" s="194">
        <v>5</v>
      </c>
      <c r="M38" s="195">
        <v>5</v>
      </c>
      <c r="N38" s="190">
        <v>0</v>
      </c>
      <c r="O38" s="191">
        <v>0</v>
      </c>
      <c r="P38" s="196">
        <v>0</v>
      </c>
      <c r="Q38" s="193">
        <v>0</v>
      </c>
      <c r="R38" s="191">
        <v>0</v>
      </c>
      <c r="S38" s="191">
        <v>0</v>
      </c>
      <c r="T38" s="191">
        <v>0</v>
      </c>
      <c r="U38" s="191">
        <v>0</v>
      </c>
      <c r="V38" s="191">
        <v>0</v>
      </c>
      <c r="W38" s="196">
        <v>0</v>
      </c>
      <c r="X38" s="195">
        <v>0</v>
      </c>
      <c r="Y38" s="190">
        <v>0</v>
      </c>
      <c r="Z38" s="191">
        <v>2</v>
      </c>
      <c r="AA38" s="196">
        <v>2</v>
      </c>
      <c r="AB38" s="193">
        <v>0</v>
      </c>
      <c r="AC38" s="191">
        <v>0</v>
      </c>
      <c r="AD38" s="191">
        <v>4</v>
      </c>
      <c r="AE38" s="191">
        <v>0</v>
      </c>
      <c r="AF38" s="191">
        <v>2</v>
      </c>
      <c r="AG38" s="191">
        <v>0</v>
      </c>
      <c r="AH38" s="196">
        <v>6</v>
      </c>
      <c r="AI38" s="195">
        <v>8</v>
      </c>
      <c r="AJ38" s="190">
        <v>0</v>
      </c>
      <c r="AK38" s="191">
        <v>0</v>
      </c>
      <c r="AL38" s="196">
        <v>0</v>
      </c>
      <c r="AM38" s="193">
        <v>0</v>
      </c>
      <c r="AN38" s="191">
        <v>1</v>
      </c>
      <c r="AO38" s="191">
        <v>0</v>
      </c>
      <c r="AP38" s="191">
        <v>0</v>
      </c>
      <c r="AQ38" s="191">
        <v>0</v>
      </c>
      <c r="AR38" s="191">
        <v>0</v>
      </c>
      <c r="AS38" s="196">
        <v>1</v>
      </c>
      <c r="AT38" s="195">
        <v>1</v>
      </c>
      <c r="AU38" s="190">
        <v>0</v>
      </c>
      <c r="AV38" s="191">
        <v>0</v>
      </c>
      <c r="AW38" s="196">
        <v>0</v>
      </c>
      <c r="AX38" s="193">
        <v>0</v>
      </c>
      <c r="AY38" s="191">
        <v>3</v>
      </c>
      <c r="AZ38" s="191">
        <v>7</v>
      </c>
      <c r="BA38" s="191">
        <v>3</v>
      </c>
      <c r="BB38" s="191">
        <v>4</v>
      </c>
      <c r="BC38" s="191">
        <v>0</v>
      </c>
      <c r="BD38" s="194">
        <v>17</v>
      </c>
      <c r="BE38" s="195">
        <v>17</v>
      </c>
      <c r="BF38" s="190">
        <v>0</v>
      </c>
      <c r="BG38" s="191">
        <v>0</v>
      </c>
      <c r="BH38" s="196">
        <v>0</v>
      </c>
      <c r="BI38" s="193">
        <v>0</v>
      </c>
      <c r="BJ38" s="191">
        <v>1</v>
      </c>
      <c r="BK38" s="191">
        <v>5</v>
      </c>
      <c r="BL38" s="191">
        <v>0</v>
      </c>
      <c r="BM38" s="191">
        <v>2</v>
      </c>
      <c r="BN38" s="191">
        <v>0</v>
      </c>
      <c r="BO38" s="196">
        <v>8</v>
      </c>
      <c r="BP38" s="195">
        <v>8</v>
      </c>
      <c r="BQ38" s="190">
        <v>0</v>
      </c>
      <c r="BR38" s="191">
        <v>0</v>
      </c>
      <c r="BS38" s="196">
        <v>0</v>
      </c>
      <c r="BT38" s="193">
        <v>0</v>
      </c>
      <c r="BU38" s="191">
        <v>0</v>
      </c>
      <c r="BV38" s="191">
        <v>0</v>
      </c>
      <c r="BW38" s="191">
        <v>1</v>
      </c>
      <c r="BX38" s="191">
        <v>0</v>
      </c>
      <c r="BY38" s="191">
        <v>0</v>
      </c>
      <c r="BZ38" s="196">
        <v>1</v>
      </c>
      <c r="CA38" s="195">
        <v>1</v>
      </c>
      <c r="CB38" s="190">
        <v>0</v>
      </c>
      <c r="CC38" s="191">
        <v>0</v>
      </c>
      <c r="CD38" s="196">
        <v>0</v>
      </c>
      <c r="CE38" s="193">
        <v>0</v>
      </c>
      <c r="CF38" s="191">
        <v>0</v>
      </c>
      <c r="CG38" s="191">
        <v>2</v>
      </c>
      <c r="CH38" s="191">
        <v>0</v>
      </c>
      <c r="CI38" s="191">
        <v>2</v>
      </c>
      <c r="CJ38" s="191">
        <v>0</v>
      </c>
      <c r="CK38" s="196">
        <v>4</v>
      </c>
      <c r="CL38" s="195">
        <v>4</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c r="DI38" s="190">
        <v>0</v>
      </c>
      <c r="DJ38" s="191">
        <v>0</v>
      </c>
      <c r="DK38" s="196">
        <v>0</v>
      </c>
      <c r="DL38" s="193">
        <v>0</v>
      </c>
      <c r="DM38" s="191">
        <v>0</v>
      </c>
      <c r="DN38" s="191">
        <v>0</v>
      </c>
      <c r="DO38" s="191">
        <v>0</v>
      </c>
      <c r="DP38" s="191">
        <v>0</v>
      </c>
      <c r="DQ38" s="191">
        <v>0</v>
      </c>
      <c r="DR38" s="196">
        <v>0</v>
      </c>
      <c r="DS38" s="195">
        <v>0</v>
      </c>
      <c r="DT38" s="190">
        <v>0</v>
      </c>
      <c r="DU38" s="191">
        <v>2</v>
      </c>
      <c r="DV38" s="196">
        <v>2</v>
      </c>
      <c r="DW38" s="193">
        <v>0</v>
      </c>
      <c r="DX38" s="191">
        <v>3</v>
      </c>
      <c r="DY38" s="191">
        <v>11</v>
      </c>
      <c r="DZ38" s="191">
        <v>3</v>
      </c>
      <c r="EA38" s="191">
        <v>2</v>
      </c>
      <c r="EB38" s="191">
        <v>0</v>
      </c>
      <c r="EC38" s="196">
        <v>19</v>
      </c>
      <c r="ED38" s="195">
        <v>21</v>
      </c>
      <c r="EE38" s="190">
        <v>0</v>
      </c>
      <c r="EF38" s="191">
        <v>0</v>
      </c>
      <c r="EG38" s="196">
        <v>0</v>
      </c>
      <c r="EH38" s="193">
        <v>0</v>
      </c>
      <c r="EI38" s="191">
        <v>2</v>
      </c>
      <c r="EJ38" s="191">
        <v>2</v>
      </c>
      <c r="EK38" s="191">
        <v>1</v>
      </c>
      <c r="EL38" s="191">
        <v>2</v>
      </c>
      <c r="EM38" s="191">
        <v>0</v>
      </c>
      <c r="EN38" s="196">
        <v>7</v>
      </c>
      <c r="EO38" s="195">
        <v>7</v>
      </c>
      <c r="EP38" s="190">
        <v>1</v>
      </c>
      <c r="EQ38" s="191">
        <v>4</v>
      </c>
      <c r="ER38" s="196">
        <v>5</v>
      </c>
      <c r="ES38" s="193">
        <v>0</v>
      </c>
      <c r="ET38" s="191">
        <v>5</v>
      </c>
      <c r="EU38" s="191">
        <v>13</v>
      </c>
      <c r="EV38" s="191">
        <v>3</v>
      </c>
      <c r="EW38" s="191">
        <v>2</v>
      </c>
      <c r="EX38" s="191">
        <v>0</v>
      </c>
      <c r="EY38" s="196">
        <v>23</v>
      </c>
      <c r="EZ38" s="195">
        <v>28</v>
      </c>
    </row>
    <row r="39" spans="2:156" ht="21" customHeight="1" thickBot="1" x14ac:dyDescent="0.25">
      <c r="B39" s="108" t="s">
        <v>37</v>
      </c>
      <c r="C39" s="197">
        <v>0</v>
      </c>
      <c r="D39" s="198">
        <v>0</v>
      </c>
      <c r="E39" s="199">
        <v>0</v>
      </c>
      <c r="F39" s="200">
        <v>0</v>
      </c>
      <c r="G39" s="198">
        <v>0</v>
      </c>
      <c r="H39" s="198">
        <v>0</v>
      </c>
      <c r="I39" s="198">
        <v>0</v>
      </c>
      <c r="J39" s="198">
        <v>0</v>
      </c>
      <c r="K39" s="198">
        <v>1</v>
      </c>
      <c r="L39" s="201">
        <v>1</v>
      </c>
      <c r="M39" s="202">
        <v>1</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1</v>
      </c>
      <c r="AE39" s="198">
        <v>0</v>
      </c>
      <c r="AF39" s="198">
        <v>0</v>
      </c>
      <c r="AG39" s="198">
        <v>1</v>
      </c>
      <c r="AH39" s="203">
        <v>2</v>
      </c>
      <c r="AI39" s="202">
        <v>2</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1</v>
      </c>
      <c r="BD39" s="201">
        <v>1</v>
      </c>
      <c r="BE39" s="202">
        <v>1</v>
      </c>
      <c r="BF39" s="197">
        <v>0</v>
      </c>
      <c r="BG39" s="198">
        <v>0</v>
      </c>
      <c r="BH39" s="203">
        <v>0</v>
      </c>
      <c r="BI39" s="200">
        <v>0</v>
      </c>
      <c r="BJ39" s="198">
        <v>0</v>
      </c>
      <c r="BK39" s="198">
        <v>1</v>
      </c>
      <c r="BL39" s="198">
        <v>0</v>
      </c>
      <c r="BM39" s="198">
        <v>0</v>
      </c>
      <c r="BN39" s="198">
        <v>0</v>
      </c>
      <c r="BO39" s="203">
        <v>1</v>
      </c>
      <c r="BP39" s="202">
        <v>1</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1</v>
      </c>
      <c r="CV39" s="203">
        <v>1</v>
      </c>
      <c r="CW39" s="202">
        <v>1</v>
      </c>
      <c r="CX39" s="197">
        <v>0</v>
      </c>
      <c r="CY39" s="198">
        <v>0</v>
      </c>
      <c r="CZ39" s="203">
        <v>0</v>
      </c>
      <c r="DA39" s="200">
        <v>0</v>
      </c>
      <c r="DB39" s="198">
        <v>0</v>
      </c>
      <c r="DC39" s="198">
        <v>0</v>
      </c>
      <c r="DD39" s="198">
        <v>0</v>
      </c>
      <c r="DE39" s="198">
        <v>0</v>
      </c>
      <c r="DF39" s="198">
        <v>0</v>
      </c>
      <c r="DG39" s="203">
        <v>0</v>
      </c>
      <c r="DH39" s="202">
        <v>0</v>
      </c>
      <c r="DI39" s="197">
        <v>0</v>
      </c>
      <c r="DJ39" s="198">
        <v>0</v>
      </c>
      <c r="DK39" s="203">
        <v>0</v>
      </c>
      <c r="DL39" s="200">
        <v>0</v>
      </c>
      <c r="DM39" s="198">
        <v>0</v>
      </c>
      <c r="DN39" s="198">
        <v>0</v>
      </c>
      <c r="DO39" s="198">
        <v>0</v>
      </c>
      <c r="DP39" s="198">
        <v>0</v>
      </c>
      <c r="DQ39" s="198">
        <v>0</v>
      </c>
      <c r="DR39" s="203">
        <v>0</v>
      </c>
      <c r="DS39" s="202">
        <v>0</v>
      </c>
      <c r="DT39" s="197">
        <v>0</v>
      </c>
      <c r="DU39" s="198">
        <v>0</v>
      </c>
      <c r="DV39" s="203">
        <v>0</v>
      </c>
      <c r="DW39" s="200">
        <v>0</v>
      </c>
      <c r="DX39" s="198">
        <v>0</v>
      </c>
      <c r="DY39" s="198">
        <v>1</v>
      </c>
      <c r="DZ39" s="198">
        <v>0</v>
      </c>
      <c r="EA39" s="198">
        <v>0</v>
      </c>
      <c r="EB39" s="198">
        <v>1</v>
      </c>
      <c r="EC39" s="203">
        <v>2</v>
      </c>
      <c r="ED39" s="202">
        <v>2</v>
      </c>
      <c r="EE39" s="197">
        <v>0</v>
      </c>
      <c r="EF39" s="198">
        <v>0</v>
      </c>
      <c r="EG39" s="203">
        <v>0</v>
      </c>
      <c r="EH39" s="200">
        <v>0</v>
      </c>
      <c r="EI39" s="198">
        <v>0</v>
      </c>
      <c r="EJ39" s="198">
        <v>0</v>
      </c>
      <c r="EK39" s="198">
        <v>0</v>
      </c>
      <c r="EL39" s="198">
        <v>0</v>
      </c>
      <c r="EM39" s="198">
        <v>0</v>
      </c>
      <c r="EN39" s="203">
        <v>0</v>
      </c>
      <c r="EO39" s="202">
        <v>0</v>
      </c>
      <c r="EP39" s="197">
        <v>0</v>
      </c>
      <c r="EQ39" s="198">
        <v>0</v>
      </c>
      <c r="ER39" s="203">
        <v>0</v>
      </c>
      <c r="ES39" s="200">
        <v>0</v>
      </c>
      <c r="ET39" s="198">
        <v>0</v>
      </c>
      <c r="EU39" s="198">
        <v>1</v>
      </c>
      <c r="EV39" s="198">
        <v>0</v>
      </c>
      <c r="EW39" s="198">
        <v>0</v>
      </c>
      <c r="EX39" s="198">
        <v>1</v>
      </c>
      <c r="EY39" s="203">
        <v>2</v>
      </c>
      <c r="EZ39" s="202">
        <v>2</v>
      </c>
    </row>
  </sheetData>
  <mergeCells count="59">
    <mergeCell ref="EP4:ER4"/>
    <mergeCell ref="ES4:EY4"/>
    <mergeCell ref="EZ4:EZ5"/>
    <mergeCell ref="DT4:DV4"/>
    <mergeCell ref="DW4:EC4"/>
    <mergeCell ref="ED4:ED5"/>
    <mergeCell ref="EE4:EG4"/>
    <mergeCell ref="EH4:EN4"/>
    <mergeCell ref="EO4:EO5"/>
    <mergeCell ref="DS4:DS5"/>
    <mergeCell ref="CB4:CD4"/>
    <mergeCell ref="CE4:CK4"/>
    <mergeCell ref="CL4:CL5"/>
    <mergeCell ref="CM4:CO4"/>
    <mergeCell ref="CP4:CV4"/>
    <mergeCell ref="CW4:CW5"/>
    <mergeCell ref="CX4:CZ4"/>
    <mergeCell ref="DA4:DG4"/>
    <mergeCell ref="DH4:DH5"/>
    <mergeCell ref="DI4:DK4"/>
    <mergeCell ref="DL4:DR4"/>
    <mergeCell ref="CA4:CA5"/>
    <mergeCell ref="AJ4:AL4"/>
    <mergeCell ref="AM4:AS4"/>
    <mergeCell ref="AT4:AT5"/>
    <mergeCell ref="AU4:AW4"/>
    <mergeCell ref="AX4:BD4"/>
    <mergeCell ref="BE4:BE5"/>
    <mergeCell ref="BF4:BH4"/>
    <mergeCell ref="BI4:BO4"/>
    <mergeCell ref="BP4:BP5"/>
    <mergeCell ref="BQ4:BS4"/>
    <mergeCell ref="BT4:BZ4"/>
    <mergeCell ref="CX3:DH3"/>
    <mergeCell ref="DI3:DS3"/>
    <mergeCell ref="DT3:ED3"/>
    <mergeCell ref="EE3:EO3"/>
    <mergeCell ref="EP3:EZ3"/>
    <mergeCell ref="C4:E4"/>
    <mergeCell ref="F4:L4"/>
    <mergeCell ref="M4:M5"/>
    <mergeCell ref="N4:P4"/>
    <mergeCell ref="Q4:W4"/>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77734375" style="175" customWidth="1"/>
    <col min="18" max="27" width="9" style="175"/>
    <col min="28" max="28" width="6.88671875" style="175" customWidth="1"/>
    <col min="29" max="38" width="9" style="175"/>
    <col min="39" max="39" width="7.21875" style="175" customWidth="1"/>
    <col min="40" max="49" width="9" style="175"/>
    <col min="50" max="50" width="7.44140625" style="175" customWidth="1"/>
    <col min="51" max="60" width="9" style="175"/>
    <col min="61" max="61" width="7.6640625" style="175" customWidth="1"/>
    <col min="62" max="71" width="9" style="175"/>
    <col min="72" max="72" width="7.88671875" style="175" customWidth="1"/>
    <col min="73" max="82" width="9" style="175"/>
    <col min="83" max="83" width="7" style="175" customWidth="1"/>
    <col min="84" max="93" width="9" style="175"/>
    <col min="94" max="94" width="7.6640625" style="175" customWidth="1"/>
    <col min="95" max="16384" width="9" style="175"/>
  </cols>
  <sheetData>
    <row r="1" spans="2:112" ht="24" customHeight="1" x14ac:dyDescent="0.2">
      <c r="B1" s="142" t="s">
        <v>121</v>
      </c>
      <c r="J1" s="442">
        <f>第１表!F2</f>
        <v>6</v>
      </c>
      <c r="K1" s="442"/>
      <c r="L1" s="18">
        <f>第１表!G2</f>
        <v>10</v>
      </c>
      <c r="M1" s="446">
        <f>IF(L1&lt;3,L1+12-2,L1-2)</f>
        <v>8</v>
      </c>
      <c r="N1" s="446"/>
    </row>
    <row r="2" spans="2:112" ht="24" customHeight="1" thickBot="1" x14ac:dyDescent="0.25">
      <c r="B2" s="142" t="s">
        <v>136</v>
      </c>
    </row>
    <row r="3" spans="2:112" ht="21" customHeight="1" thickBot="1" x14ac:dyDescent="0.25">
      <c r="B3" s="483"/>
      <c r="C3" s="486" t="s">
        <v>111</v>
      </c>
      <c r="D3" s="486"/>
      <c r="E3" s="486"/>
      <c r="F3" s="486"/>
      <c r="G3" s="486"/>
      <c r="H3" s="486"/>
      <c r="I3" s="486"/>
      <c r="J3" s="486"/>
      <c r="K3" s="486"/>
      <c r="L3" s="486"/>
      <c r="M3" s="487"/>
      <c r="N3" s="481" t="s">
        <v>110</v>
      </c>
      <c r="O3" s="481"/>
      <c r="P3" s="481"/>
      <c r="Q3" s="481"/>
      <c r="R3" s="481"/>
      <c r="S3" s="481"/>
      <c r="T3" s="481"/>
      <c r="U3" s="481"/>
      <c r="V3" s="481"/>
      <c r="W3" s="481"/>
      <c r="X3" s="482"/>
      <c r="Y3" s="480" t="s">
        <v>109</v>
      </c>
      <c r="Z3" s="481"/>
      <c r="AA3" s="481"/>
      <c r="AB3" s="481"/>
      <c r="AC3" s="481"/>
      <c r="AD3" s="481"/>
      <c r="AE3" s="481"/>
      <c r="AF3" s="481"/>
      <c r="AG3" s="481"/>
      <c r="AH3" s="481"/>
      <c r="AI3" s="482"/>
      <c r="AJ3" s="480" t="s">
        <v>108</v>
      </c>
      <c r="AK3" s="481"/>
      <c r="AL3" s="481"/>
      <c r="AM3" s="481"/>
      <c r="AN3" s="481"/>
      <c r="AO3" s="481"/>
      <c r="AP3" s="481"/>
      <c r="AQ3" s="481"/>
      <c r="AR3" s="481"/>
      <c r="AS3" s="481"/>
      <c r="AT3" s="482"/>
      <c r="AU3" s="480" t="s">
        <v>107</v>
      </c>
      <c r="AV3" s="481"/>
      <c r="AW3" s="481"/>
      <c r="AX3" s="481"/>
      <c r="AY3" s="481"/>
      <c r="AZ3" s="481"/>
      <c r="BA3" s="481"/>
      <c r="BB3" s="481"/>
      <c r="BC3" s="481"/>
      <c r="BD3" s="481"/>
      <c r="BE3" s="482"/>
      <c r="BF3" s="480" t="s">
        <v>106</v>
      </c>
      <c r="BG3" s="481"/>
      <c r="BH3" s="481"/>
      <c r="BI3" s="481"/>
      <c r="BJ3" s="481"/>
      <c r="BK3" s="481"/>
      <c r="BL3" s="481"/>
      <c r="BM3" s="481"/>
      <c r="BN3" s="481"/>
      <c r="BO3" s="481"/>
      <c r="BP3" s="482"/>
      <c r="BQ3" s="480" t="s">
        <v>105</v>
      </c>
      <c r="BR3" s="481"/>
      <c r="BS3" s="481"/>
      <c r="BT3" s="481"/>
      <c r="BU3" s="481"/>
      <c r="BV3" s="481"/>
      <c r="BW3" s="481"/>
      <c r="BX3" s="481"/>
      <c r="BY3" s="481"/>
      <c r="BZ3" s="481"/>
      <c r="CA3" s="482"/>
      <c r="CB3" s="480" t="s">
        <v>125</v>
      </c>
      <c r="CC3" s="481"/>
      <c r="CD3" s="481"/>
      <c r="CE3" s="481"/>
      <c r="CF3" s="481"/>
      <c r="CG3" s="481"/>
      <c r="CH3" s="481"/>
      <c r="CI3" s="481"/>
      <c r="CJ3" s="481"/>
      <c r="CK3" s="481"/>
      <c r="CL3" s="482"/>
      <c r="CM3" s="480" t="s">
        <v>104</v>
      </c>
      <c r="CN3" s="481"/>
      <c r="CO3" s="481"/>
      <c r="CP3" s="481"/>
      <c r="CQ3" s="481"/>
      <c r="CR3" s="481"/>
      <c r="CS3" s="481"/>
      <c r="CT3" s="481"/>
      <c r="CU3" s="481"/>
      <c r="CV3" s="481"/>
      <c r="CW3" s="482"/>
      <c r="CX3" s="480" t="s">
        <v>157</v>
      </c>
      <c r="CY3" s="481"/>
      <c r="CZ3" s="481"/>
      <c r="DA3" s="481"/>
      <c r="DB3" s="481"/>
      <c r="DC3" s="481"/>
      <c r="DD3" s="481"/>
      <c r="DE3" s="481"/>
      <c r="DF3" s="481"/>
      <c r="DG3" s="481"/>
      <c r="DH3" s="482"/>
    </row>
    <row r="4" spans="2:112" ht="21" customHeight="1" x14ac:dyDescent="0.2">
      <c r="B4" s="484"/>
      <c r="C4" s="488" t="s">
        <v>61</v>
      </c>
      <c r="D4" s="473"/>
      <c r="E4" s="474"/>
      <c r="F4" s="475" t="s">
        <v>62</v>
      </c>
      <c r="G4" s="473"/>
      <c r="H4" s="473"/>
      <c r="I4" s="473"/>
      <c r="J4" s="473"/>
      <c r="K4" s="473"/>
      <c r="L4" s="476"/>
      <c r="M4" s="470" t="s">
        <v>52</v>
      </c>
      <c r="N4" s="488" t="s">
        <v>61</v>
      </c>
      <c r="O4" s="473"/>
      <c r="P4" s="474"/>
      <c r="Q4" s="475" t="s">
        <v>62</v>
      </c>
      <c r="R4" s="473"/>
      <c r="S4" s="473"/>
      <c r="T4" s="473"/>
      <c r="U4" s="473"/>
      <c r="V4" s="473"/>
      <c r="W4" s="474"/>
      <c r="X4" s="470" t="s">
        <v>52</v>
      </c>
      <c r="Y4" s="472" t="s">
        <v>61</v>
      </c>
      <c r="Z4" s="473"/>
      <c r="AA4" s="476"/>
      <c r="AB4" s="475" t="s">
        <v>62</v>
      </c>
      <c r="AC4" s="473"/>
      <c r="AD4" s="473"/>
      <c r="AE4" s="473"/>
      <c r="AF4" s="473"/>
      <c r="AG4" s="473"/>
      <c r="AH4" s="474"/>
      <c r="AI4" s="470" t="s">
        <v>52</v>
      </c>
      <c r="AJ4" s="472" t="s">
        <v>61</v>
      </c>
      <c r="AK4" s="473"/>
      <c r="AL4" s="474"/>
      <c r="AM4" s="475" t="s">
        <v>62</v>
      </c>
      <c r="AN4" s="473"/>
      <c r="AO4" s="473"/>
      <c r="AP4" s="473"/>
      <c r="AQ4" s="473"/>
      <c r="AR4" s="473"/>
      <c r="AS4" s="474"/>
      <c r="AT4" s="470" t="s">
        <v>52</v>
      </c>
      <c r="AU4" s="472" t="s">
        <v>61</v>
      </c>
      <c r="AV4" s="473"/>
      <c r="AW4" s="476"/>
      <c r="AX4" s="475" t="s">
        <v>62</v>
      </c>
      <c r="AY4" s="473"/>
      <c r="AZ4" s="473"/>
      <c r="BA4" s="473"/>
      <c r="BB4" s="473"/>
      <c r="BC4" s="473"/>
      <c r="BD4" s="476"/>
      <c r="BE4" s="470" t="s">
        <v>52</v>
      </c>
      <c r="BF4" s="472" t="s">
        <v>61</v>
      </c>
      <c r="BG4" s="473"/>
      <c r="BH4" s="474"/>
      <c r="BI4" s="475" t="s">
        <v>62</v>
      </c>
      <c r="BJ4" s="473"/>
      <c r="BK4" s="473"/>
      <c r="BL4" s="473"/>
      <c r="BM4" s="473"/>
      <c r="BN4" s="473"/>
      <c r="BO4" s="474"/>
      <c r="BP4" s="470" t="s">
        <v>52</v>
      </c>
      <c r="BQ4" s="472" t="s">
        <v>61</v>
      </c>
      <c r="BR4" s="473"/>
      <c r="BS4" s="474"/>
      <c r="BT4" s="475" t="s">
        <v>62</v>
      </c>
      <c r="BU4" s="473"/>
      <c r="BV4" s="473"/>
      <c r="BW4" s="473"/>
      <c r="BX4" s="473"/>
      <c r="BY4" s="473"/>
      <c r="BZ4" s="474"/>
      <c r="CA4" s="470" t="s">
        <v>52</v>
      </c>
      <c r="CB4" s="472" t="s">
        <v>61</v>
      </c>
      <c r="CC4" s="473"/>
      <c r="CD4" s="474"/>
      <c r="CE4" s="475" t="s">
        <v>62</v>
      </c>
      <c r="CF4" s="473"/>
      <c r="CG4" s="473"/>
      <c r="CH4" s="473"/>
      <c r="CI4" s="473"/>
      <c r="CJ4" s="473"/>
      <c r="CK4" s="474"/>
      <c r="CL4" s="470" t="s">
        <v>52</v>
      </c>
      <c r="CM4" s="472" t="s">
        <v>61</v>
      </c>
      <c r="CN4" s="473"/>
      <c r="CO4" s="474"/>
      <c r="CP4" s="475" t="s">
        <v>62</v>
      </c>
      <c r="CQ4" s="473"/>
      <c r="CR4" s="473"/>
      <c r="CS4" s="473"/>
      <c r="CT4" s="473"/>
      <c r="CU4" s="473"/>
      <c r="CV4" s="474"/>
      <c r="CW4" s="470" t="s">
        <v>52</v>
      </c>
      <c r="CX4" s="472" t="s">
        <v>61</v>
      </c>
      <c r="CY4" s="473"/>
      <c r="CZ4" s="474"/>
      <c r="DA4" s="475" t="s">
        <v>62</v>
      </c>
      <c r="DB4" s="473"/>
      <c r="DC4" s="473"/>
      <c r="DD4" s="473"/>
      <c r="DE4" s="473"/>
      <c r="DF4" s="473"/>
      <c r="DG4" s="474"/>
      <c r="DH4" s="470" t="s">
        <v>52</v>
      </c>
    </row>
    <row r="5" spans="2:112" ht="30" customHeight="1" thickBot="1" x14ac:dyDescent="0.25">
      <c r="B5" s="485"/>
      <c r="C5" s="204" t="s">
        <v>43</v>
      </c>
      <c r="D5" s="178" t="s">
        <v>44</v>
      </c>
      <c r="E5" s="179" t="s">
        <v>45</v>
      </c>
      <c r="F5" s="180" t="s">
        <v>83</v>
      </c>
      <c r="G5" s="178" t="s">
        <v>47</v>
      </c>
      <c r="H5" s="178" t="s">
        <v>48</v>
      </c>
      <c r="I5" s="178" t="s">
        <v>49</v>
      </c>
      <c r="J5" s="178" t="s">
        <v>50</v>
      </c>
      <c r="K5" s="178" t="s">
        <v>51</v>
      </c>
      <c r="L5" s="181" t="s">
        <v>45</v>
      </c>
      <c r="M5" s="471"/>
      <c r="N5" s="204" t="s">
        <v>43</v>
      </c>
      <c r="O5" s="178" t="s">
        <v>44</v>
      </c>
      <c r="P5" s="182" t="s">
        <v>45</v>
      </c>
      <c r="Q5" s="180" t="s">
        <v>83</v>
      </c>
      <c r="R5" s="178" t="s">
        <v>47</v>
      </c>
      <c r="S5" s="178" t="s">
        <v>48</v>
      </c>
      <c r="T5" s="178" t="s">
        <v>49</v>
      </c>
      <c r="U5" s="178" t="s">
        <v>50</v>
      </c>
      <c r="V5" s="178" t="s">
        <v>51</v>
      </c>
      <c r="W5" s="182" t="s">
        <v>45</v>
      </c>
      <c r="X5" s="471"/>
      <c r="Y5" s="177" t="s">
        <v>43</v>
      </c>
      <c r="Z5" s="178" t="s">
        <v>44</v>
      </c>
      <c r="AA5" s="181" t="s">
        <v>45</v>
      </c>
      <c r="AB5" s="180" t="s">
        <v>83</v>
      </c>
      <c r="AC5" s="178" t="s">
        <v>47</v>
      </c>
      <c r="AD5" s="178" t="s">
        <v>48</v>
      </c>
      <c r="AE5" s="178" t="s">
        <v>49</v>
      </c>
      <c r="AF5" s="178" t="s">
        <v>50</v>
      </c>
      <c r="AG5" s="178" t="s">
        <v>51</v>
      </c>
      <c r="AH5" s="182" t="s">
        <v>45</v>
      </c>
      <c r="AI5" s="471"/>
      <c r="AJ5" s="177" t="s">
        <v>43</v>
      </c>
      <c r="AK5" s="178" t="s">
        <v>44</v>
      </c>
      <c r="AL5" s="182" t="s">
        <v>45</v>
      </c>
      <c r="AM5" s="180" t="s">
        <v>83</v>
      </c>
      <c r="AN5" s="178" t="s">
        <v>47</v>
      </c>
      <c r="AO5" s="178" t="s">
        <v>48</v>
      </c>
      <c r="AP5" s="178" t="s">
        <v>49</v>
      </c>
      <c r="AQ5" s="178" t="s">
        <v>50</v>
      </c>
      <c r="AR5" s="178" t="s">
        <v>51</v>
      </c>
      <c r="AS5" s="182" t="s">
        <v>45</v>
      </c>
      <c r="AT5" s="471"/>
      <c r="AU5" s="177" t="s">
        <v>43</v>
      </c>
      <c r="AV5" s="178" t="s">
        <v>44</v>
      </c>
      <c r="AW5" s="181" t="s">
        <v>45</v>
      </c>
      <c r="AX5" s="180" t="s">
        <v>83</v>
      </c>
      <c r="AY5" s="178" t="s">
        <v>47</v>
      </c>
      <c r="AZ5" s="178" t="s">
        <v>48</v>
      </c>
      <c r="BA5" s="178" t="s">
        <v>49</v>
      </c>
      <c r="BB5" s="178" t="s">
        <v>50</v>
      </c>
      <c r="BC5" s="178" t="s">
        <v>51</v>
      </c>
      <c r="BD5" s="181" t="s">
        <v>45</v>
      </c>
      <c r="BE5" s="471"/>
      <c r="BF5" s="177" t="s">
        <v>43</v>
      </c>
      <c r="BG5" s="178" t="s">
        <v>44</v>
      </c>
      <c r="BH5" s="182" t="s">
        <v>45</v>
      </c>
      <c r="BI5" s="180" t="s">
        <v>83</v>
      </c>
      <c r="BJ5" s="178" t="s">
        <v>47</v>
      </c>
      <c r="BK5" s="178" t="s">
        <v>48</v>
      </c>
      <c r="BL5" s="178" t="s">
        <v>49</v>
      </c>
      <c r="BM5" s="178" t="s">
        <v>50</v>
      </c>
      <c r="BN5" s="178" t="s">
        <v>51</v>
      </c>
      <c r="BO5" s="182" t="s">
        <v>45</v>
      </c>
      <c r="BP5" s="471"/>
      <c r="BQ5" s="177" t="s">
        <v>43</v>
      </c>
      <c r="BR5" s="178" t="s">
        <v>44</v>
      </c>
      <c r="BS5" s="182" t="s">
        <v>45</v>
      </c>
      <c r="BT5" s="180" t="s">
        <v>83</v>
      </c>
      <c r="BU5" s="178" t="s">
        <v>47</v>
      </c>
      <c r="BV5" s="178" t="s">
        <v>48</v>
      </c>
      <c r="BW5" s="178" t="s">
        <v>49</v>
      </c>
      <c r="BX5" s="178" t="s">
        <v>50</v>
      </c>
      <c r="BY5" s="178" t="s">
        <v>51</v>
      </c>
      <c r="BZ5" s="182" t="s">
        <v>45</v>
      </c>
      <c r="CA5" s="471"/>
      <c r="CB5" s="177" t="s">
        <v>43</v>
      </c>
      <c r="CC5" s="178" t="s">
        <v>44</v>
      </c>
      <c r="CD5" s="182" t="s">
        <v>45</v>
      </c>
      <c r="CE5" s="180" t="s">
        <v>83</v>
      </c>
      <c r="CF5" s="178" t="s">
        <v>47</v>
      </c>
      <c r="CG5" s="178" t="s">
        <v>48</v>
      </c>
      <c r="CH5" s="178" t="s">
        <v>49</v>
      </c>
      <c r="CI5" s="178" t="s">
        <v>50</v>
      </c>
      <c r="CJ5" s="178" t="s">
        <v>51</v>
      </c>
      <c r="CK5" s="182" t="s">
        <v>45</v>
      </c>
      <c r="CL5" s="471"/>
      <c r="CM5" s="177" t="s">
        <v>43</v>
      </c>
      <c r="CN5" s="178" t="s">
        <v>44</v>
      </c>
      <c r="CO5" s="182" t="s">
        <v>45</v>
      </c>
      <c r="CP5" s="180" t="s">
        <v>83</v>
      </c>
      <c r="CQ5" s="178" t="s">
        <v>47</v>
      </c>
      <c r="CR5" s="178" t="s">
        <v>48</v>
      </c>
      <c r="CS5" s="178" t="s">
        <v>49</v>
      </c>
      <c r="CT5" s="178" t="s">
        <v>50</v>
      </c>
      <c r="CU5" s="178" t="s">
        <v>51</v>
      </c>
      <c r="CV5" s="182" t="s">
        <v>45</v>
      </c>
      <c r="CW5" s="471"/>
      <c r="CX5" s="177" t="s">
        <v>43</v>
      </c>
      <c r="CY5" s="178" t="s">
        <v>44</v>
      </c>
      <c r="CZ5" s="182" t="s">
        <v>45</v>
      </c>
      <c r="DA5" s="180" t="s">
        <v>83</v>
      </c>
      <c r="DB5" s="178" t="s">
        <v>47</v>
      </c>
      <c r="DC5" s="178" t="s">
        <v>48</v>
      </c>
      <c r="DD5" s="178" t="s">
        <v>49</v>
      </c>
      <c r="DE5" s="178" t="s">
        <v>50</v>
      </c>
      <c r="DF5" s="178" t="s">
        <v>51</v>
      </c>
      <c r="DG5" s="182" t="s">
        <v>45</v>
      </c>
      <c r="DH5" s="471"/>
    </row>
    <row r="6" spans="2:112" ht="21" customHeight="1" x14ac:dyDescent="0.2">
      <c r="B6" s="84" t="s">
        <v>4</v>
      </c>
      <c r="C6" s="183">
        <v>0</v>
      </c>
      <c r="D6" s="184">
        <v>0</v>
      </c>
      <c r="E6" s="185">
        <v>0</v>
      </c>
      <c r="F6" s="186">
        <v>0</v>
      </c>
      <c r="G6" s="184">
        <v>214742</v>
      </c>
      <c r="H6" s="184">
        <v>369768</v>
      </c>
      <c r="I6" s="184">
        <v>391969</v>
      </c>
      <c r="J6" s="184">
        <v>488161</v>
      </c>
      <c r="K6" s="184">
        <v>451070</v>
      </c>
      <c r="L6" s="187">
        <v>1915710</v>
      </c>
      <c r="M6" s="188">
        <v>1915710</v>
      </c>
      <c r="N6" s="183">
        <v>10</v>
      </c>
      <c r="O6" s="184">
        <v>94</v>
      </c>
      <c r="P6" s="189">
        <v>104</v>
      </c>
      <c r="Q6" s="186">
        <v>0</v>
      </c>
      <c r="R6" s="184">
        <v>366</v>
      </c>
      <c r="S6" s="184">
        <v>1737</v>
      </c>
      <c r="T6" s="184">
        <v>3649</v>
      </c>
      <c r="U6" s="184">
        <v>9981</v>
      </c>
      <c r="V6" s="184">
        <v>19023</v>
      </c>
      <c r="W6" s="189">
        <v>34756</v>
      </c>
      <c r="X6" s="188">
        <v>34860</v>
      </c>
      <c r="Y6" s="183">
        <v>14652</v>
      </c>
      <c r="Z6" s="184">
        <v>48846</v>
      </c>
      <c r="AA6" s="189">
        <v>63498</v>
      </c>
      <c r="AB6" s="186">
        <v>0</v>
      </c>
      <c r="AC6" s="184">
        <v>118532</v>
      </c>
      <c r="AD6" s="184">
        <v>200670</v>
      </c>
      <c r="AE6" s="184">
        <v>122006</v>
      </c>
      <c r="AF6" s="184">
        <v>101813</v>
      </c>
      <c r="AG6" s="184">
        <v>82854</v>
      </c>
      <c r="AH6" s="189">
        <v>625875</v>
      </c>
      <c r="AI6" s="188">
        <v>689373</v>
      </c>
      <c r="AJ6" s="183">
        <v>2411</v>
      </c>
      <c r="AK6" s="184">
        <v>9272</v>
      </c>
      <c r="AL6" s="189">
        <v>11683</v>
      </c>
      <c r="AM6" s="186">
        <v>0</v>
      </c>
      <c r="AN6" s="184">
        <v>13190</v>
      </c>
      <c r="AO6" s="184">
        <v>21866</v>
      </c>
      <c r="AP6" s="184">
        <v>13384</v>
      </c>
      <c r="AQ6" s="184">
        <v>11246</v>
      </c>
      <c r="AR6" s="184">
        <v>7739</v>
      </c>
      <c r="AS6" s="189">
        <v>67425</v>
      </c>
      <c r="AT6" s="188">
        <v>79108</v>
      </c>
      <c r="AU6" s="183">
        <v>3</v>
      </c>
      <c r="AV6" s="184">
        <v>0</v>
      </c>
      <c r="AW6" s="189">
        <v>3</v>
      </c>
      <c r="AX6" s="186">
        <v>0</v>
      </c>
      <c r="AY6" s="184">
        <v>193371</v>
      </c>
      <c r="AZ6" s="184">
        <v>202294</v>
      </c>
      <c r="BA6" s="184">
        <v>121291</v>
      </c>
      <c r="BB6" s="184">
        <v>69636</v>
      </c>
      <c r="BC6" s="184">
        <v>32503</v>
      </c>
      <c r="BD6" s="187">
        <v>619095</v>
      </c>
      <c r="BE6" s="188">
        <v>619098</v>
      </c>
      <c r="BF6" s="183">
        <v>0</v>
      </c>
      <c r="BG6" s="184">
        <v>0</v>
      </c>
      <c r="BH6" s="189">
        <v>0</v>
      </c>
      <c r="BI6" s="186">
        <v>0</v>
      </c>
      <c r="BJ6" s="184">
        <v>31689</v>
      </c>
      <c r="BK6" s="184">
        <v>47818</v>
      </c>
      <c r="BL6" s="184">
        <v>28659</v>
      </c>
      <c r="BM6" s="184">
        <v>17388</v>
      </c>
      <c r="BN6" s="184">
        <v>6213</v>
      </c>
      <c r="BO6" s="189">
        <v>131767</v>
      </c>
      <c r="BP6" s="188">
        <v>131767</v>
      </c>
      <c r="BQ6" s="183">
        <v>509</v>
      </c>
      <c r="BR6" s="184">
        <v>1427</v>
      </c>
      <c r="BS6" s="189">
        <v>1936</v>
      </c>
      <c r="BT6" s="186">
        <v>0</v>
      </c>
      <c r="BU6" s="184">
        <v>17482</v>
      </c>
      <c r="BV6" s="184">
        <v>33517</v>
      </c>
      <c r="BW6" s="184">
        <v>53983</v>
      </c>
      <c r="BX6" s="184">
        <v>40862</v>
      </c>
      <c r="BY6" s="184">
        <v>20654</v>
      </c>
      <c r="BZ6" s="189">
        <v>166498</v>
      </c>
      <c r="CA6" s="188">
        <v>168434</v>
      </c>
      <c r="CB6" s="183">
        <v>22</v>
      </c>
      <c r="CC6" s="184">
        <v>100</v>
      </c>
      <c r="CD6" s="189">
        <v>122</v>
      </c>
      <c r="CE6" s="186">
        <v>0</v>
      </c>
      <c r="CF6" s="184">
        <v>1273</v>
      </c>
      <c r="CG6" s="184">
        <v>3187</v>
      </c>
      <c r="CH6" s="184">
        <v>4107</v>
      </c>
      <c r="CI6" s="184">
        <v>4395</v>
      </c>
      <c r="CJ6" s="184">
        <v>2636</v>
      </c>
      <c r="CK6" s="189">
        <v>15598</v>
      </c>
      <c r="CL6" s="188">
        <v>15720</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8</v>
      </c>
      <c r="DC6" s="184">
        <v>0</v>
      </c>
      <c r="DD6" s="184">
        <v>0</v>
      </c>
      <c r="DE6" s="184">
        <v>0</v>
      </c>
      <c r="DF6" s="184">
        <v>0</v>
      </c>
      <c r="DG6" s="189">
        <v>8</v>
      </c>
      <c r="DH6" s="188">
        <v>8</v>
      </c>
    </row>
    <row r="7" spans="2:112" ht="21" customHeight="1" x14ac:dyDescent="0.2">
      <c r="B7" s="95" t="s">
        <v>5</v>
      </c>
      <c r="C7" s="190">
        <v>0</v>
      </c>
      <c r="D7" s="191">
        <v>0</v>
      </c>
      <c r="E7" s="192">
        <v>0</v>
      </c>
      <c r="F7" s="193">
        <v>0</v>
      </c>
      <c r="G7" s="191">
        <v>70472</v>
      </c>
      <c r="H7" s="191">
        <v>155999</v>
      </c>
      <c r="I7" s="191">
        <v>140922</v>
      </c>
      <c r="J7" s="191">
        <v>170506</v>
      </c>
      <c r="K7" s="191">
        <v>164244</v>
      </c>
      <c r="L7" s="194">
        <v>702143</v>
      </c>
      <c r="M7" s="195">
        <v>702143</v>
      </c>
      <c r="N7" s="190">
        <v>4</v>
      </c>
      <c r="O7" s="191">
        <v>54</v>
      </c>
      <c r="P7" s="196">
        <v>58</v>
      </c>
      <c r="Q7" s="193">
        <v>0</v>
      </c>
      <c r="R7" s="191">
        <v>85</v>
      </c>
      <c r="S7" s="191">
        <v>592</v>
      </c>
      <c r="T7" s="191">
        <v>1414</v>
      </c>
      <c r="U7" s="191">
        <v>4014</v>
      </c>
      <c r="V7" s="191">
        <v>8442</v>
      </c>
      <c r="W7" s="196">
        <v>14547</v>
      </c>
      <c r="X7" s="195">
        <v>14605</v>
      </c>
      <c r="Y7" s="190">
        <v>5946</v>
      </c>
      <c r="Z7" s="191">
        <v>26116</v>
      </c>
      <c r="AA7" s="196">
        <v>32062</v>
      </c>
      <c r="AB7" s="193">
        <v>0</v>
      </c>
      <c r="AC7" s="191">
        <v>41909</v>
      </c>
      <c r="AD7" s="191">
        <v>107517</v>
      </c>
      <c r="AE7" s="191">
        <v>61496</v>
      </c>
      <c r="AF7" s="191">
        <v>48323</v>
      </c>
      <c r="AG7" s="191">
        <v>38419</v>
      </c>
      <c r="AH7" s="196">
        <v>297664</v>
      </c>
      <c r="AI7" s="195">
        <v>329726</v>
      </c>
      <c r="AJ7" s="190">
        <v>872</v>
      </c>
      <c r="AK7" s="191">
        <v>4732</v>
      </c>
      <c r="AL7" s="196">
        <v>5604</v>
      </c>
      <c r="AM7" s="193">
        <v>0</v>
      </c>
      <c r="AN7" s="191">
        <v>3293</v>
      </c>
      <c r="AO7" s="191">
        <v>9153</v>
      </c>
      <c r="AP7" s="191">
        <v>6052</v>
      </c>
      <c r="AQ7" s="191">
        <v>4590</v>
      </c>
      <c r="AR7" s="191">
        <v>3330</v>
      </c>
      <c r="AS7" s="196">
        <v>26418</v>
      </c>
      <c r="AT7" s="195">
        <v>32022</v>
      </c>
      <c r="AU7" s="190">
        <v>0</v>
      </c>
      <c r="AV7" s="191">
        <v>0</v>
      </c>
      <c r="AW7" s="196">
        <v>0</v>
      </c>
      <c r="AX7" s="193">
        <v>0</v>
      </c>
      <c r="AY7" s="191">
        <v>60088</v>
      </c>
      <c r="AZ7" s="191">
        <v>81556</v>
      </c>
      <c r="BA7" s="191">
        <v>42279</v>
      </c>
      <c r="BB7" s="191">
        <v>22804</v>
      </c>
      <c r="BC7" s="191">
        <v>10615</v>
      </c>
      <c r="BD7" s="194">
        <v>217342</v>
      </c>
      <c r="BE7" s="195">
        <v>217342</v>
      </c>
      <c r="BF7" s="190">
        <v>0</v>
      </c>
      <c r="BG7" s="191">
        <v>0</v>
      </c>
      <c r="BH7" s="196">
        <v>0</v>
      </c>
      <c r="BI7" s="193">
        <v>0</v>
      </c>
      <c r="BJ7" s="191">
        <v>9126</v>
      </c>
      <c r="BK7" s="191">
        <v>21199</v>
      </c>
      <c r="BL7" s="191">
        <v>12727</v>
      </c>
      <c r="BM7" s="191">
        <v>7550</v>
      </c>
      <c r="BN7" s="191">
        <v>2561</v>
      </c>
      <c r="BO7" s="196">
        <v>53163</v>
      </c>
      <c r="BP7" s="195">
        <v>53163</v>
      </c>
      <c r="BQ7" s="190">
        <v>142</v>
      </c>
      <c r="BR7" s="191">
        <v>567</v>
      </c>
      <c r="BS7" s="196">
        <v>709</v>
      </c>
      <c r="BT7" s="193">
        <v>0</v>
      </c>
      <c r="BU7" s="191">
        <v>5227</v>
      </c>
      <c r="BV7" s="191">
        <v>12829</v>
      </c>
      <c r="BW7" s="191">
        <v>20832</v>
      </c>
      <c r="BX7" s="191">
        <v>14453</v>
      </c>
      <c r="BY7" s="191">
        <v>8009</v>
      </c>
      <c r="BZ7" s="196">
        <v>61350</v>
      </c>
      <c r="CA7" s="195">
        <v>62059</v>
      </c>
      <c r="CB7" s="190">
        <v>8</v>
      </c>
      <c r="CC7" s="191">
        <v>39</v>
      </c>
      <c r="CD7" s="196">
        <v>47</v>
      </c>
      <c r="CE7" s="193">
        <v>0</v>
      </c>
      <c r="CF7" s="191">
        <v>526</v>
      </c>
      <c r="CG7" s="191">
        <v>1764</v>
      </c>
      <c r="CH7" s="191">
        <v>2473</v>
      </c>
      <c r="CI7" s="191">
        <v>2498</v>
      </c>
      <c r="CJ7" s="191">
        <v>1579</v>
      </c>
      <c r="CK7" s="196">
        <v>8840</v>
      </c>
      <c r="CL7" s="195">
        <v>8887</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0</v>
      </c>
      <c r="D8" s="191">
        <v>0</v>
      </c>
      <c r="E8" s="192">
        <v>0</v>
      </c>
      <c r="F8" s="193">
        <v>0</v>
      </c>
      <c r="G8" s="191">
        <v>37382</v>
      </c>
      <c r="H8" s="191">
        <v>54356</v>
      </c>
      <c r="I8" s="191">
        <v>58651</v>
      </c>
      <c r="J8" s="191">
        <v>76028</v>
      </c>
      <c r="K8" s="191">
        <v>73690</v>
      </c>
      <c r="L8" s="194">
        <v>300107</v>
      </c>
      <c r="M8" s="195">
        <v>300107</v>
      </c>
      <c r="N8" s="190">
        <v>6</v>
      </c>
      <c r="O8" s="191">
        <v>5</v>
      </c>
      <c r="P8" s="196">
        <v>11</v>
      </c>
      <c r="Q8" s="193">
        <v>0</v>
      </c>
      <c r="R8" s="191">
        <v>58</v>
      </c>
      <c r="S8" s="191">
        <v>184</v>
      </c>
      <c r="T8" s="191">
        <v>540</v>
      </c>
      <c r="U8" s="191">
        <v>1351</v>
      </c>
      <c r="V8" s="191">
        <v>2700</v>
      </c>
      <c r="W8" s="196">
        <v>4833</v>
      </c>
      <c r="X8" s="195">
        <v>4844</v>
      </c>
      <c r="Y8" s="190">
        <v>2790</v>
      </c>
      <c r="Z8" s="191">
        <v>6655</v>
      </c>
      <c r="AA8" s="196">
        <v>9445</v>
      </c>
      <c r="AB8" s="193">
        <v>0</v>
      </c>
      <c r="AC8" s="191">
        <v>25804</v>
      </c>
      <c r="AD8" s="191">
        <v>29955</v>
      </c>
      <c r="AE8" s="191">
        <v>17963</v>
      </c>
      <c r="AF8" s="191">
        <v>14604</v>
      </c>
      <c r="AG8" s="191">
        <v>12876</v>
      </c>
      <c r="AH8" s="196">
        <v>101202</v>
      </c>
      <c r="AI8" s="195">
        <v>110647</v>
      </c>
      <c r="AJ8" s="190">
        <v>218</v>
      </c>
      <c r="AK8" s="191">
        <v>716</v>
      </c>
      <c r="AL8" s="196">
        <v>934</v>
      </c>
      <c r="AM8" s="193">
        <v>0</v>
      </c>
      <c r="AN8" s="191">
        <v>2339</v>
      </c>
      <c r="AO8" s="191">
        <v>2516</v>
      </c>
      <c r="AP8" s="191">
        <v>1330</v>
      </c>
      <c r="AQ8" s="191">
        <v>1603</v>
      </c>
      <c r="AR8" s="191">
        <v>950</v>
      </c>
      <c r="AS8" s="196">
        <v>8738</v>
      </c>
      <c r="AT8" s="195">
        <v>9672</v>
      </c>
      <c r="AU8" s="190">
        <v>3</v>
      </c>
      <c r="AV8" s="191">
        <v>0</v>
      </c>
      <c r="AW8" s="196">
        <v>3</v>
      </c>
      <c r="AX8" s="193">
        <v>0</v>
      </c>
      <c r="AY8" s="191">
        <v>31776</v>
      </c>
      <c r="AZ8" s="191">
        <v>28631</v>
      </c>
      <c r="BA8" s="191">
        <v>16906</v>
      </c>
      <c r="BB8" s="191">
        <v>10407</v>
      </c>
      <c r="BC8" s="191">
        <v>4658</v>
      </c>
      <c r="BD8" s="194">
        <v>92378</v>
      </c>
      <c r="BE8" s="195">
        <v>92381</v>
      </c>
      <c r="BF8" s="190">
        <v>0</v>
      </c>
      <c r="BG8" s="191">
        <v>0</v>
      </c>
      <c r="BH8" s="196">
        <v>0</v>
      </c>
      <c r="BI8" s="193">
        <v>0</v>
      </c>
      <c r="BJ8" s="191">
        <v>4967</v>
      </c>
      <c r="BK8" s="191">
        <v>5432</v>
      </c>
      <c r="BL8" s="191">
        <v>3638</v>
      </c>
      <c r="BM8" s="191">
        <v>2183</v>
      </c>
      <c r="BN8" s="191">
        <v>849</v>
      </c>
      <c r="BO8" s="196">
        <v>17069</v>
      </c>
      <c r="BP8" s="195">
        <v>17069</v>
      </c>
      <c r="BQ8" s="190">
        <v>28</v>
      </c>
      <c r="BR8" s="191">
        <v>128</v>
      </c>
      <c r="BS8" s="196">
        <v>156</v>
      </c>
      <c r="BT8" s="193">
        <v>0</v>
      </c>
      <c r="BU8" s="191">
        <v>1866</v>
      </c>
      <c r="BV8" s="191">
        <v>3783</v>
      </c>
      <c r="BW8" s="191">
        <v>6249</v>
      </c>
      <c r="BX8" s="191">
        <v>4653</v>
      </c>
      <c r="BY8" s="191">
        <v>2528</v>
      </c>
      <c r="BZ8" s="196">
        <v>19079</v>
      </c>
      <c r="CA8" s="195">
        <v>19235</v>
      </c>
      <c r="CB8" s="190">
        <v>7</v>
      </c>
      <c r="CC8" s="191">
        <v>12</v>
      </c>
      <c r="CD8" s="196">
        <v>19</v>
      </c>
      <c r="CE8" s="193">
        <v>0</v>
      </c>
      <c r="CF8" s="191">
        <v>236</v>
      </c>
      <c r="CG8" s="191">
        <v>490</v>
      </c>
      <c r="CH8" s="191">
        <v>506</v>
      </c>
      <c r="CI8" s="191">
        <v>653</v>
      </c>
      <c r="CJ8" s="191">
        <v>352</v>
      </c>
      <c r="CK8" s="196">
        <v>2237</v>
      </c>
      <c r="CL8" s="195">
        <v>2256</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1">
        <v>0</v>
      </c>
      <c r="E9" s="192">
        <v>0</v>
      </c>
      <c r="F9" s="193">
        <v>0</v>
      </c>
      <c r="G9" s="191">
        <v>14404</v>
      </c>
      <c r="H9" s="191">
        <v>28528</v>
      </c>
      <c r="I9" s="191">
        <v>32388</v>
      </c>
      <c r="J9" s="191">
        <v>38142</v>
      </c>
      <c r="K9" s="191">
        <v>29805</v>
      </c>
      <c r="L9" s="194">
        <v>143267</v>
      </c>
      <c r="M9" s="195">
        <v>143267</v>
      </c>
      <c r="N9" s="190">
        <v>0</v>
      </c>
      <c r="O9" s="191">
        <v>3</v>
      </c>
      <c r="P9" s="196">
        <v>3</v>
      </c>
      <c r="Q9" s="193">
        <v>0</v>
      </c>
      <c r="R9" s="191">
        <v>1</v>
      </c>
      <c r="S9" s="191">
        <v>82</v>
      </c>
      <c r="T9" s="191">
        <v>215</v>
      </c>
      <c r="U9" s="191">
        <v>684</v>
      </c>
      <c r="V9" s="191">
        <v>1168</v>
      </c>
      <c r="W9" s="196">
        <v>2150</v>
      </c>
      <c r="X9" s="195">
        <v>2153</v>
      </c>
      <c r="Y9" s="190">
        <v>614</v>
      </c>
      <c r="Z9" s="191">
        <v>3195</v>
      </c>
      <c r="AA9" s="196">
        <v>3809</v>
      </c>
      <c r="AB9" s="193">
        <v>0</v>
      </c>
      <c r="AC9" s="191">
        <v>6356</v>
      </c>
      <c r="AD9" s="191">
        <v>12911</v>
      </c>
      <c r="AE9" s="191">
        <v>9816</v>
      </c>
      <c r="AF9" s="191">
        <v>7545</v>
      </c>
      <c r="AG9" s="191">
        <v>5643</v>
      </c>
      <c r="AH9" s="196">
        <v>42271</v>
      </c>
      <c r="AI9" s="195">
        <v>46080</v>
      </c>
      <c r="AJ9" s="190">
        <v>64</v>
      </c>
      <c r="AK9" s="191">
        <v>373</v>
      </c>
      <c r="AL9" s="196">
        <v>437</v>
      </c>
      <c r="AM9" s="193">
        <v>0</v>
      </c>
      <c r="AN9" s="191">
        <v>218</v>
      </c>
      <c r="AO9" s="191">
        <v>822</v>
      </c>
      <c r="AP9" s="191">
        <v>374</v>
      </c>
      <c r="AQ9" s="191">
        <v>522</v>
      </c>
      <c r="AR9" s="191">
        <v>210</v>
      </c>
      <c r="AS9" s="196">
        <v>2146</v>
      </c>
      <c r="AT9" s="195">
        <v>2583</v>
      </c>
      <c r="AU9" s="190">
        <v>0</v>
      </c>
      <c r="AV9" s="191">
        <v>0</v>
      </c>
      <c r="AW9" s="196">
        <v>0</v>
      </c>
      <c r="AX9" s="193">
        <v>0</v>
      </c>
      <c r="AY9" s="191">
        <v>14935</v>
      </c>
      <c r="AZ9" s="191">
        <v>18669</v>
      </c>
      <c r="BA9" s="191">
        <v>13043</v>
      </c>
      <c r="BB9" s="191">
        <v>6550</v>
      </c>
      <c r="BC9" s="191">
        <v>3096</v>
      </c>
      <c r="BD9" s="194">
        <v>56293</v>
      </c>
      <c r="BE9" s="195">
        <v>56293</v>
      </c>
      <c r="BF9" s="190">
        <v>0</v>
      </c>
      <c r="BG9" s="191">
        <v>0</v>
      </c>
      <c r="BH9" s="196">
        <v>0</v>
      </c>
      <c r="BI9" s="193">
        <v>0</v>
      </c>
      <c r="BJ9" s="191">
        <v>963</v>
      </c>
      <c r="BK9" s="191">
        <v>2923</v>
      </c>
      <c r="BL9" s="191">
        <v>1822</v>
      </c>
      <c r="BM9" s="191">
        <v>1118</v>
      </c>
      <c r="BN9" s="191">
        <v>422</v>
      </c>
      <c r="BO9" s="196">
        <v>7248</v>
      </c>
      <c r="BP9" s="195">
        <v>7248</v>
      </c>
      <c r="BQ9" s="190">
        <v>14</v>
      </c>
      <c r="BR9" s="191">
        <v>82</v>
      </c>
      <c r="BS9" s="196">
        <v>96</v>
      </c>
      <c r="BT9" s="193">
        <v>0</v>
      </c>
      <c r="BU9" s="191">
        <v>1223</v>
      </c>
      <c r="BV9" s="191">
        <v>2583</v>
      </c>
      <c r="BW9" s="191">
        <v>5592</v>
      </c>
      <c r="BX9" s="191">
        <v>4614</v>
      </c>
      <c r="BY9" s="191">
        <v>1774</v>
      </c>
      <c r="BZ9" s="196">
        <v>15786</v>
      </c>
      <c r="CA9" s="195">
        <v>15882</v>
      </c>
      <c r="CB9" s="190">
        <v>0</v>
      </c>
      <c r="CC9" s="191">
        <v>14</v>
      </c>
      <c r="CD9" s="196">
        <v>14</v>
      </c>
      <c r="CE9" s="193">
        <v>0</v>
      </c>
      <c r="CF9" s="191">
        <v>10</v>
      </c>
      <c r="CG9" s="191">
        <v>42</v>
      </c>
      <c r="CH9" s="191">
        <v>85</v>
      </c>
      <c r="CI9" s="191">
        <v>62</v>
      </c>
      <c r="CJ9" s="191">
        <v>56</v>
      </c>
      <c r="CK9" s="196">
        <v>255</v>
      </c>
      <c r="CL9" s="195">
        <v>269</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1">
        <v>0</v>
      </c>
      <c r="E10" s="192">
        <v>0</v>
      </c>
      <c r="F10" s="193">
        <v>0</v>
      </c>
      <c r="G10" s="191">
        <v>17275</v>
      </c>
      <c r="H10" s="191">
        <v>19731</v>
      </c>
      <c r="I10" s="191">
        <v>23277</v>
      </c>
      <c r="J10" s="191">
        <v>29689</v>
      </c>
      <c r="K10" s="191">
        <v>22877</v>
      </c>
      <c r="L10" s="194">
        <v>112849</v>
      </c>
      <c r="M10" s="195">
        <v>112849</v>
      </c>
      <c r="N10" s="190">
        <v>0</v>
      </c>
      <c r="O10" s="191">
        <v>0</v>
      </c>
      <c r="P10" s="196">
        <v>0</v>
      </c>
      <c r="Q10" s="193">
        <v>0</v>
      </c>
      <c r="R10" s="191">
        <v>52</v>
      </c>
      <c r="S10" s="191">
        <v>167</v>
      </c>
      <c r="T10" s="191">
        <v>210</v>
      </c>
      <c r="U10" s="191">
        <v>764</v>
      </c>
      <c r="V10" s="191">
        <v>1079</v>
      </c>
      <c r="W10" s="196">
        <v>2272</v>
      </c>
      <c r="X10" s="195">
        <v>2272</v>
      </c>
      <c r="Y10" s="190">
        <v>147</v>
      </c>
      <c r="Z10" s="191">
        <v>292</v>
      </c>
      <c r="AA10" s="196">
        <v>439</v>
      </c>
      <c r="AB10" s="193">
        <v>0</v>
      </c>
      <c r="AC10" s="191">
        <v>5060</v>
      </c>
      <c r="AD10" s="191">
        <v>4875</v>
      </c>
      <c r="AE10" s="191">
        <v>2962</v>
      </c>
      <c r="AF10" s="191">
        <v>3335</v>
      </c>
      <c r="AG10" s="191">
        <v>3076</v>
      </c>
      <c r="AH10" s="196">
        <v>19308</v>
      </c>
      <c r="AI10" s="195">
        <v>19747</v>
      </c>
      <c r="AJ10" s="190">
        <v>24</v>
      </c>
      <c r="AK10" s="191">
        <v>120</v>
      </c>
      <c r="AL10" s="196">
        <v>144</v>
      </c>
      <c r="AM10" s="193">
        <v>0</v>
      </c>
      <c r="AN10" s="191">
        <v>711</v>
      </c>
      <c r="AO10" s="191">
        <v>875</v>
      </c>
      <c r="AP10" s="191">
        <v>522</v>
      </c>
      <c r="AQ10" s="191">
        <v>548</v>
      </c>
      <c r="AR10" s="191">
        <v>335</v>
      </c>
      <c r="AS10" s="196">
        <v>2991</v>
      </c>
      <c r="AT10" s="195">
        <v>3135</v>
      </c>
      <c r="AU10" s="190">
        <v>0</v>
      </c>
      <c r="AV10" s="191">
        <v>0</v>
      </c>
      <c r="AW10" s="196">
        <v>0</v>
      </c>
      <c r="AX10" s="193">
        <v>0</v>
      </c>
      <c r="AY10" s="191">
        <v>13801</v>
      </c>
      <c r="AZ10" s="191">
        <v>9253</v>
      </c>
      <c r="BA10" s="191">
        <v>5234</v>
      </c>
      <c r="BB10" s="191">
        <v>2959</v>
      </c>
      <c r="BC10" s="191">
        <v>1334</v>
      </c>
      <c r="BD10" s="194">
        <v>32581</v>
      </c>
      <c r="BE10" s="195">
        <v>32581</v>
      </c>
      <c r="BF10" s="190">
        <v>0</v>
      </c>
      <c r="BG10" s="191">
        <v>0</v>
      </c>
      <c r="BH10" s="196">
        <v>0</v>
      </c>
      <c r="BI10" s="193">
        <v>0</v>
      </c>
      <c r="BJ10" s="191">
        <v>2218</v>
      </c>
      <c r="BK10" s="191">
        <v>1680</v>
      </c>
      <c r="BL10" s="191">
        <v>928</v>
      </c>
      <c r="BM10" s="191">
        <v>631</v>
      </c>
      <c r="BN10" s="191">
        <v>225</v>
      </c>
      <c r="BO10" s="196">
        <v>5682</v>
      </c>
      <c r="BP10" s="195">
        <v>5682</v>
      </c>
      <c r="BQ10" s="190">
        <v>48</v>
      </c>
      <c r="BR10" s="191">
        <v>13</v>
      </c>
      <c r="BS10" s="196">
        <v>61</v>
      </c>
      <c r="BT10" s="193">
        <v>0</v>
      </c>
      <c r="BU10" s="191">
        <v>2192</v>
      </c>
      <c r="BV10" s="191">
        <v>2378</v>
      </c>
      <c r="BW10" s="191">
        <v>2919</v>
      </c>
      <c r="BX10" s="191">
        <v>2345</v>
      </c>
      <c r="BY10" s="191">
        <v>1025</v>
      </c>
      <c r="BZ10" s="196">
        <v>10859</v>
      </c>
      <c r="CA10" s="195">
        <v>10920</v>
      </c>
      <c r="CB10" s="190">
        <v>0</v>
      </c>
      <c r="CC10" s="191">
        <v>0</v>
      </c>
      <c r="CD10" s="196">
        <v>0</v>
      </c>
      <c r="CE10" s="193">
        <v>0</v>
      </c>
      <c r="CF10" s="191">
        <v>85</v>
      </c>
      <c r="CG10" s="191">
        <v>86</v>
      </c>
      <c r="CH10" s="191">
        <v>89</v>
      </c>
      <c r="CI10" s="191">
        <v>169</v>
      </c>
      <c r="CJ10" s="191">
        <v>48</v>
      </c>
      <c r="CK10" s="196">
        <v>477</v>
      </c>
      <c r="CL10" s="195">
        <v>477</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1">
        <v>0</v>
      </c>
      <c r="E11" s="192">
        <v>0</v>
      </c>
      <c r="F11" s="193">
        <v>0</v>
      </c>
      <c r="G11" s="191">
        <v>6200</v>
      </c>
      <c r="H11" s="191">
        <v>12719</v>
      </c>
      <c r="I11" s="191">
        <v>14733</v>
      </c>
      <c r="J11" s="191">
        <v>16028</v>
      </c>
      <c r="K11" s="191">
        <v>19064</v>
      </c>
      <c r="L11" s="194">
        <v>68744</v>
      </c>
      <c r="M11" s="195">
        <v>68744</v>
      </c>
      <c r="N11" s="190">
        <v>0</v>
      </c>
      <c r="O11" s="191">
        <v>0</v>
      </c>
      <c r="P11" s="196">
        <v>0</v>
      </c>
      <c r="Q11" s="193">
        <v>0</v>
      </c>
      <c r="R11" s="191">
        <v>20</v>
      </c>
      <c r="S11" s="191">
        <v>69</v>
      </c>
      <c r="T11" s="191">
        <v>119</v>
      </c>
      <c r="U11" s="191">
        <v>255</v>
      </c>
      <c r="V11" s="191">
        <v>508</v>
      </c>
      <c r="W11" s="196">
        <v>971</v>
      </c>
      <c r="X11" s="195">
        <v>971</v>
      </c>
      <c r="Y11" s="190">
        <v>266</v>
      </c>
      <c r="Z11" s="191">
        <v>551</v>
      </c>
      <c r="AA11" s="196">
        <v>817</v>
      </c>
      <c r="AB11" s="193">
        <v>0</v>
      </c>
      <c r="AC11" s="191">
        <v>2056</v>
      </c>
      <c r="AD11" s="191">
        <v>3050</v>
      </c>
      <c r="AE11" s="191">
        <v>2051</v>
      </c>
      <c r="AF11" s="191">
        <v>2092</v>
      </c>
      <c r="AG11" s="191">
        <v>1829</v>
      </c>
      <c r="AH11" s="196">
        <v>11078</v>
      </c>
      <c r="AI11" s="195">
        <v>11895</v>
      </c>
      <c r="AJ11" s="190">
        <v>112</v>
      </c>
      <c r="AK11" s="191">
        <v>293</v>
      </c>
      <c r="AL11" s="196">
        <v>405</v>
      </c>
      <c r="AM11" s="193">
        <v>0</v>
      </c>
      <c r="AN11" s="191">
        <v>635</v>
      </c>
      <c r="AO11" s="191">
        <v>1073</v>
      </c>
      <c r="AP11" s="191">
        <v>481</v>
      </c>
      <c r="AQ11" s="191">
        <v>422</v>
      </c>
      <c r="AR11" s="191">
        <v>262</v>
      </c>
      <c r="AS11" s="196">
        <v>2873</v>
      </c>
      <c r="AT11" s="195">
        <v>3278</v>
      </c>
      <c r="AU11" s="190">
        <v>0</v>
      </c>
      <c r="AV11" s="191">
        <v>0</v>
      </c>
      <c r="AW11" s="196">
        <v>0</v>
      </c>
      <c r="AX11" s="193">
        <v>0</v>
      </c>
      <c r="AY11" s="191">
        <v>5375</v>
      </c>
      <c r="AZ11" s="191">
        <v>6089</v>
      </c>
      <c r="BA11" s="191">
        <v>4047</v>
      </c>
      <c r="BB11" s="191">
        <v>2677</v>
      </c>
      <c r="BC11" s="191">
        <v>1390</v>
      </c>
      <c r="BD11" s="194">
        <v>19578</v>
      </c>
      <c r="BE11" s="195">
        <v>19578</v>
      </c>
      <c r="BF11" s="190">
        <v>0</v>
      </c>
      <c r="BG11" s="191">
        <v>0</v>
      </c>
      <c r="BH11" s="196">
        <v>0</v>
      </c>
      <c r="BI11" s="193">
        <v>0</v>
      </c>
      <c r="BJ11" s="191">
        <v>1026</v>
      </c>
      <c r="BK11" s="191">
        <v>1230</v>
      </c>
      <c r="BL11" s="191">
        <v>833</v>
      </c>
      <c r="BM11" s="191">
        <v>483</v>
      </c>
      <c r="BN11" s="191">
        <v>142</v>
      </c>
      <c r="BO11" s="196">
        <v>3714</v>
      </c>
      <c r="BP11" s="195">
        <v>3714</v>
      </c>
      <c r="BQ11" s="190">
        <v>27</v>
      </c>
      <c r="BR11" s="191">
        <v>75</v>
      </c>
      <c r="BS11" s="196">
        <v>102</v>
      </c>
      <c r="BT11" s="193">
        <v>0</v>
      </c>
      <c r="BU11" s="191">
        <v>688</v>
      </c>
      <c r="BV11" s="191">
        <v>1528</v>
      </c>
      <c r="BW11" s="191">
        <v>2386</v>
      </c>
      <c r="BX11" s="191">
        <v>1960</v>
      </c>
      <c r="BY11" s="191">
        <v>867</v>
      </c>
      <c r="BZ11" s="196">
        <v>7429</v>
      </c>
      <c r="CA11" s="195">
        <v>7531</v>
      </c>
      <c r="CB11" s="190">
        <v>5</v>
      </c>
      <c r="CC11" s="191">
        <v>0</v>
      </c>
      <c r="CD11" s="196">
        <v>5</v>
      </c>
      <c r="CE11" s="193">
        <v>0</v>
      </c>
      <c r="CF11" s="191">
        <v>5</v>
      </c>
      <c r="CG11" s="191">
        <v>40</v>
      </c>
      <c r="CH11" s="191">
        <v>40</v>
      </c>
      <c r="CI11" s="191">
        <v>60</v>
      </c>
      <c r="CJ11" s="191">
        <v>7</v>
      </c>
      <c r="CK11" s="196">
        <v>152</v>
      </c>
      <c r="CL11" s="195">
        <v>157</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1">
        <v>0</v>
      </c>
      <c r="E12" s="192">
        <v>0</v>
      </c>
      <c r="F12" s="193">
        <v>0</v>
      </c>
      <c r="G12" s="191">
        <v>6130</v>
      </c>
      <c r="H12" s="191">
        <v>8716</v>
      </c>
      <c r="I12" s="191">
        <v>12809</v>
      </c>
      <c r="J12" s="191">
        <v>16593</v>
      </c>
      <c r="K12" s="191">
        <v>14535</v>
      </c>
      <c r="L12" s="194">
        <v>58783</v>
      </c>
      <c r="M12" s="195">
        <v>58783</v>
      </c>
      <c r="N12" s="190">
        <v>0</v>
      </c>
      <c r="O12" s="191">
        <v>0</v>
      </c>
      <c r="P12" s="196">
        <v>0</v>
      </c>
      <c r="Q12" s="193">
        <v>0</v>
      </c>
      <c r="R12" s="191">
        <v>5</v>
      </c>
      <c r="S12" s="191">
        <v>31</v>
      </c>
      <c r="T12" s="191">
        <v>85</v>
      </c>
      <c r="U12" s="191">
        <v>242</v>
      </c>
      <c r="V12" s="191">
        <v>509</v>
      </c>
      <c r="W12" s="196">
        <v>872</v>
      </c>
      <c r="X12" s="195">
        <v>872</v>
      </c>
      <c r="Y12" s="190">
        <v>441</v>
      </c>
      <c r="Z12" s="191">
        <v>734</v>
      </c>
      <c r="AA12" s="196">
        <v>1175</v>
      </c>
      <c r="AB12" s="193">
        <v>0</v>
      </c>
      <c r="AC12" s="191">
        <v>3520</v>
      </c>
      <c r="AD12" s="191">
        <v>3807</v>
      </c>
      <c r="AE12" s="191">
        <v>2559</v>
      </c>
      <c r="AF12" s="191">
        <v>2929</v>
      </c>
      <c r="AG12" s="191">
        <v>2662</v>
      </c>
      <c r="AH12" s="196">
        <v>15477</v>
      </c>
      <c r="AI12" s="195">
        <v>16652</v>
      </c>
      <c r="AJ12" s="190">
        <v>8</v>
      </c>
      <c r="AK12" s="191">
        <v>92</v>
      </c>
      <c r="AL12" s="196">
        <v>100</v>
      </c>
      <c r="AM12" s="193">
        <v>0</v>
      </c>
      <c r="AN12" s="191">
        <v>401</v>
      </c>
      <c r="AO12" s="191">
        <v>587</v>
      </c>
      <c r="AP12" s="191">
        <v>321</v>
      </c>
      <c r="AQ12" s="191">
        <v>353</v>
      </c>
      <c r="AR12" s="191">
        <v>347</v>
      </c>
      <c r="AS12" s="196">
        <v>2009</v>
      </c>
      <c r="AT12" s="195">
        <v>2109</v>
      </c>
      <c r="AU12" s="190">
        <v>0</v>
      </c>
      <c r="AV12" s="191">
        <v>0</v>
      </c>
      <c r="AW12" s="196">
        <v>0</v>
      </c>
      <c r="AX12" s="193">
        <v>0</v>
      </c>
      <c r="AY12" s="191">
        <v>4427</v>
      </c>
      <c r="AZ12" s="191">
        <v>3386</v>
      </c>
      <c r="BA12" s="191">
        <v>2659</v>
      </c>
      <c r="BB12" s="191">
        <v>1424</v>
      </c>
      <c r="BC12" s="191">
        <v>570</v>
      </c>
      <c r="BD12" s="194">
        <v>12466</v>
      </c>
      <c r="BE12" s="195">
        <v>12466</v>
      </c>
      <c r="BF12" s="190">
        <v>0</v>
      </c>
      <c r="BG12" s="191">
        <v>0</v>
      </c>
      <c r="BH12" s="196">
        <v>0</v>
      </c>
      <c r="BI12" s="193">
        <v>0</v>
      </c>
      <c r="BJ12" s="191">
        <v>990</v>
      </c>
      <c r="BK12" s="191">
        <v>908</v>
      </c>
      <c r="BL12" s="191">
        <v>691</v>
      </c>
      <c r="BM12" s="191">
        <v>522</v>
      </c>
      <c r="BN12" s="191">
        <v>137</v>
      </c>
      <c r="BO12" s="196">
        <v>3248</v>
      </c>
      <c r="BP12" s="195">
        <v>3248</v>
      </c>
      <c r="BQ12" s="190">
        <v>27</v>
      </c>
      <c r="BR12" s="191">
        <v>13</v>
      </c>
      <c r="BS12" s="196">
        <v>40</v>
      </c>
      <c r="BT12" s="193">
        <v>0</v>
      </c>
      <c r="BU12" s="191">
        <v>465</v>
      </c>
      <c r="BV12" s="191">
        <v>949</v>
      </c>
      <c r="BW12" s="191">
        <v>1270</v>
      </c>
      <c r="BX12" s="191">
        <v>1187</v>
      </c>
      <c r="BY12" s="191">
        <v>544</v>
      </c>
      <c r="BZ12" s="196">
        <v>4415</v>
      </c>
      <c r="CA12" s="195">
        <v>4455</v>
      </c>
      <c r="CB12" s="190">
        <v>0</v>
      </c>
      <c r="CC12" s="191">
        <v>0</v>
      </c>
      <c r="CD12" s="196">
        <v>0</v>
      </c>
      <c r="CE12" s="193">
        <v>0</v>
      </c>
      <c r="CF12" s="191">
        <v>64</v>
      </c>
      <c r="CG12" s="191">
        <v>105</v>
      </c>
      <c r="CH12" s="191">
        <v>177</v>
      </c>
      <c r="CI12" s="191">
        <v>97</v>
      </c>
      <c r="CJ12" s="191">
        <v>107</v>
      </c>
      <c r="CK12" s="196">
        <v>550</v>
      </c>
      <c r="CL12" s="195">
        <v>550</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1">
        <v>0</v>
      </c>
      <c r="E13" s="192">
        <v>0</v>
      </c>
      <c r="F13" s="193">
        <v>0</v>
      </c>
      <c r="G13" s="191">
        <v>16785</v>
      </c>
      <c r="H13" s="191">
        <v>18161</v>
      </c>
      <c r="I13" s="191">
        <v>23952</v>
      </c>
      <c r="J13" s="191">
        <v>33726</v>
      </c>
      <c r="K13" s="191">
        <v>25423</v>
      </c>
      <c r="L13" s="194">
        <v>118047</v>
      </c>
      <c r="M13" s="195">
        <v>118047</v>
      </c>
      <c r="N13" s="190">
        <v>0</v>
      </c>
      <c r="O13" s="191">
        <v>1</v>
      </c>
      <c r="P13" s="196">
        <v>1</v>
      </c>
      <c r="Q13" s="193">
        <v>0</v>
      </c>
      <c r="R13" s="191">
        <v>14</v>
      </c>
      <c r="S13" s="191">
        <v>130</v>
      </c>
      <c r="T13" s="191">
        <v>213</v>
      </c>
      <c r="U13" s="191">
        <v>366</v>
      </c>
      <c r="V13" s="191">
        <v>960</v>
      </c>
      <c r="W13" s="196">
        <v>1683</v>
      </c>
      <c r="X13" s="195">
        <v>1684</v>
      </c>
      <c r="Y13" s="190">
        <v>1105</v>
      </c>
      <c r="Z13" s="191">
        <v>2221</v>
      </c>
      <c r="AA13" s="196">
        <v>3326</v>
      </c>
      <c r="AB13" s="193">
        <v>0</v>
      </c>
      <c r="AC13" s="191">
        <v>8994</v>
      </c>
      <c r="AD13" s="191">
        <v>6377</v>
      </c>
      <c r="AE13" s="191">
        <v>3760</v>
      </c>
      <c r="AF13" s="191">
        <v>4346</v>
      </c>
      <c r="AG13" s="191">
        <v>3377</v>
      </c>
      <c r="AH13" s="196">
        <v>26854</v>
      </c>
      <c r="AI13" s="195">
        <v>30180</v>
      </c>
      <c r="AJ13" s="190">
        <v>183</v>
      </c>
      <c r="AK13" s="191">
        <v>496</v>
      </c>
      <c r="AL13" s="196">
        <v>679</v>
      </c>
      <c r="AM13" s="193">
        <v>0</v>
      </c>
      <c r="AN13" s="191">
        <v>1116</v>
      </c>
      <c r="AO13" s="191">
        <v>1074</v>
      </c>
      <c r="AP13" s="191">
        <v>733</v>
      </c>
      <c r="AQ13" s="191">
        <v>393</v>
      </c>
      <c r="AR13" s="191">
        <v>554</v>
      </c>
      <c r="AS13" s="196">
        <v>3870</v>
      </c>
      <c r="AT13" s="195">
        <v>4549</v>
      </c>
      <c r="AU13" s="190">
        <v>0</v>
      </c>
      <c r="AV13" s="191">
        <v>0</v>
      </c>
      <c r="AW13" s="196">
        <v>0</v>
      </c>
      <c r="AX13" s="193">
        <v>0</v>
      </c>
      <c r="AY13" s="191">
        <v>15198</v>
      </c>
      <c r="AZ13" s="191">
        <v>8310</v>
      </c>
      <c r="BA13" s="191">
        <v>5107</v>
      </c>
      <c r="BB13" s="191">
        <v>2959</v>
      </c>
      <c r="BC13" s="191">
        <v>1588</v>
      </c>
      <c r="BD13" s="194">
        <v>33162</v>
      </c>
      <c r="BE13" s="195">
        <v>33162</v>
      </c>
      <c r="BF13" s="190">
        <v>0</v>
      </c>
      <c r="BG13" s="191">
        <v>0</v>
      </c>
      <c r="BH13" s="196">
        <v>0</v>
      </c>
      <c r="BI13" s="193">
        <v>0</v>
      </c>
      <c r="BJ13" s="191">
        <v>1728</v>
      </c>
      <c r="BK13" s="191">
        <v>1423</v>
      </c>
      <c r="BL13" s="191">
        <v>927</v>
      </c>
      <c r="BM13" s="191">
        <v>432</v>
      </c>
      <c r="BN13" s="191">
        <v>221</v>
      </c>
      <c r="BO13" s="196">
        <v>4731</v>
      </c>
      <c r="BP13" s="195">
        <v>4731</v>
      </c>
      <c r="BQ13" s="190">
        <v>49</v>
      </c>
      <c r="BR13" s="191">
        <v>120</v>
      </c>
      <c r="BS13" s="196">
        <v>169</v>
      </c>
      <c r="BT13" s="193">
        <v>0</v>
      </c>
      <c r="BU13" s="191">
        <v>1363</v>
      </c>
      <c r="BV13" s="191">
        <v>1554</v>
      </c>
      <c r="BW13" s="191">
        <v>2088</v>
      </c>
      <c r="BX13" s="191">
        <v>1663</v>
      </c>
      <c r="BY13" s="191">
        <v>814</v>
      </c>
      <c r="BZ13" s="196">
        <v>7482</v>
      </c>
      <c r="CA13" s="195">
        <v>7651</v>
      </c>
      <c r="CB13" s="190">
        <v>0</v>
      </c>
      <c r="CC13" s="191">
        <v>0</v>
      </c>
      <c r="CD13" s="196">
        <v>0</v>
      </c>
      <c r="CE13" s="193">
        <v>0</v>
      </c>
      <c r="CF13" s="191">
        <v>12</v>
      </c>
      <c r="CG13" s="191">
        <v>76</v>
      </c>
      <c r="CH13" s="191">
        <v>123</v>
      </c>
      <c r="CI13" s="191">
        <v>149</v>
      </c>
      <c r="CJ13" s="191">
        <v>42</v>
      </c>
      <c r="CK13" s="196">
        <v>402</v>
      </c>
      <c r="CL13" s="195">
        <v>402</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1">
        <v>0</v>
      </c>
      <c r="E14" s="192">
        <v>0</v>
      </c>
      <c r="F14" s="193">
        <v>0</v>
      </c>
      <c r="G14" s="191">
        <v>5988</v>
      </c>
      <c r="H14" s="191">
        <v>7124</v>
      </c>
      <c r="I14" s="191">
        <v>9439</v>
      </c>
      <c r="J14" s="191">
        <v>10555</v>
      </c>
      <c r="K14" s="191">
        <v>11491</v>
      </c>
      <c r="L14" s="194">
        <v>44597</v>
      </c>
      <c r="M14" s="195">
        <v>44597</v>
      </c>
      <c r="N14" s="190">
        <v>0</v>
      </c>
      <c r="O14" s="191">
        <v>0</v>
      </c>
      <c r="P14" s="196">
        <v>0</v>
      </c>
      <c r="Q14" s="193">
        <v>0</v>
      </c>
      <c r="R14" s="191">
        <v>13</v>
      </c>
      <c r="S14" s="191">
        <v>45</v>
      </c>
      <c r="T14" s="191">
        <v>115</v>
      </c>
      <c r="U14" s="191">
        <v>274</v>
      </c>
      <c r="V14" s="191">
        <v>447</v>
      </c>
      <c r="W14" s="196">
        <v>894</v>
      </c>
      <c r="X14" s="195">
        <v>894</v>
      </c>
      <c r="Y14" s="190">
        <v>230</v>
      </c>
      <c r="Z14" s="191">
        <v>449</v>
      </c>
      <c r="AA14" s="196">
        <v>679</v>
      </c>
      <c r="AB14" s="193">
        <v>0</v>
      </c>
      <c r="AC14" s="191">
        <v>3016</v>
      </c>
      <c r="AD14" s="191">
        <v>2162</v>
      </c>
      <c r="AE14" s="191">
        <v>2050</v>
      </c>
      <c r="AF14" s="191">
        <v>2001</v>
      </c>
      <c r="AG14" s="191">
        <v>1739</v>
      </c>
      <c r="AH14" s="196">
        <v>10968</v>
      </c>
      <c r="AI14" s="195">
        <v>11647</v>
      </c>
      <c r="AJ14" s="190">
        <v>38</v>
      </c>
      <c r="AK14" s="191">
        <v>64</v>
      </c>
      <c r="AL14" s="196">
        <v>102</v>
      </c>
      <c r="AM14" s="193">
        <v>0</v>
      </c>
      <c r="AN14" s="191">
        <v>321</v>
      </c>
      <c r="AO14" s="191">
        <v>246</v>
      </c>
      <c r="AP14" s="191">
        <v>284</v>
      </c>
      <c r="AQ14" s="191">
        <v>287</v>
      </c>
      <c r="AR14" s="191">
        <v>125</v>
      </c>
      <c r="AS14" s="196">
        <v>1263</v>
      </c>
      <c r="AT14" s="195">
        <v>1365</v>
      </c>
      <c r="AU14" s="190">
        <v>0</v>
      </c>
      <c r="AV14" s="191">
        <v>0</v>
      </c>
      <c r="AW14" s="196">
        <v>0</v>
      </c>
      <c r="AX14" s="193">
        <v>0</v>
      </c>
      <c r="AY14" s="191">
        <v>6029</v>
      </c>
      <c r="AZ14" s="191">
        <v>4266</v>
      </c>
      <c r="BA14" s="191">
        <v>3172</v>
      </c>
      <c r="BB14" s="191">
        <v>2323</v>
      </c>
      <c r="BC14" s="191">
        <v>924</v>
      </c>
      <c r="BD14" s="194">
        <v>16714</v>
      </c>
      <c r="BE14" s="195">
        <v>16714</v>
      </c>
      <c r="BF14" s="190">
        <v>0</v>
      </c>
      <c r="BG14" s="191">
        <v>0</v>
      </c>
      <c r="BH14" s="196">
        <v>0</v>
      </c>
      <c r="BI14" s="193">
        <v>0</v>
      </c>
      <c r="BJ14" s="191">
        <v>1379</v>
      </c>
      <c r="BK14" s="191">
        <v>987</v>
      </c>
      <c r="BL14" s="191">
        <v>665</v>
      </c>
      <c r="BM14" s="191">
        <v>513</v>
      </c>
      <c r="BN14" s="191">
        <v>177</v>
      </c>
      <c r="BO14" s="196">
        <v>3721</v>
      </c>
      <c r="BP14" s="195">
        <v>3721</v>
      </c>
      <c r="BQ14" s="190">
        <v>38</v>
      </c>
      <c r="BR14" s="191">
        <v>60</v>
      </c>
      <c r="BS14" s="196">
        <v>98</v>
      </c>
      <c r="BT14" s="193">
        <v>0</v>
      </c>
      <c r="BU14" s="191">
        <v>627</v>
      </c>
      <c r="BV14" s="191">
        <v>697</v>
      </c>
      <c r="BW14" s="191">
        <v>1156</v>
      </c>
      <c r="BX14" s="191">
        <v>973</v>
      </c>
      <c r="BY14" s="191">
        <v>451</v>
      </c>
      <c r="BZ14" s="196">
        <v>3904</v>
      </c>
      <c r="CA14" s="195">
        <v>4002</v>
      </c>
      <c r="CB14" s="190">
        <v>0</v>
      </c>
      <c r="CC14" s="191">
        <v>8</v>
      </c>
      <c r="CD14" s="196">
        <v>8</v>
      </c>
      <c r="CE14" s="193">
        <v>0</v>
      </c>
      <c r="CF14" s="191">
        <v>40</v>
      </c>
      <c r="CG14" s="191">
        <v>29</v>
      </c>
      <c r="CH14" s="191">
        <v>65</v>
      </c>
      <c r="CI14" s="191">
        <v>58</v>
      </c>
      <c r="CJ14" s="191">
        <v>66</v>
      </c>
      <c r="CK14" s="196">
        <v>258</v>
      </c>
      <c r="CL14" s="195">
        <v>266</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1">
        <v>0</v>
      </c>
      <c r="E15" s="192">
        <v>0</v>
      </c>
      <c r="F15" s="193">
        <v>0</v>
      </c>
      <c r="G15" s="191">
        <v>7564</v>
      </c>
      <c r="H15" s="191">
        <v>9954</v>
      </c>
      <c r="I15" s="191">
        <v>11732</v>
      </c>
      <c r="J15" s="191">
        <v>15782</v>
      </c>
      <c r="K15" s="191">
        <v>14096</v>
      </c>
      <c r="L15" s="194">
        <v>59128</v>
      </c>
      <c r="M15" s="195">
        <v>59128</v>
      </c>
      <c r="N15" s="190">
        <v>0</v>
      </c>
      <c r="O15" s="191">
        <v>15</v>
      </c>
      <c r="P15" s="196">
        <v>15</v>
      </c>
      <c r="Q15" s="193">
        <v>0</v>
      </c>
      <c r="R15" s="191">
        <v>15</v>
      </c>
      <c r="S15" s="191">
        <v>94</v>
      </c>
      <c r="T15" s="191">
        <v>75</v>
      </c>
      <c r="U15" s="191">
        <v>313</v>
      </c>
      <c r="V15" s="191">
        <v>383</v>
      </c>
      <c r="W15" s="196">
        <v>880</v>
      </c>
      <c r="X15" s="195">
        <v>895</v>
      </c>
      <c r="Y15" s="190">
        <v>626</v>
      </c>
      <c r="Z15" s="191">
        <v>2060</v>
      </c>
      <c r="AA15" s="196">
        <v>2686</v>
      </c>
      <c r="AB15" s="193">
        <v>0</v>
      </c>
      <c r="AC15" s="191">
        <v>2383</v>
      </c>
      <c r="AD15" s="191">
        <v>3814</v>
      </c>
      <c r="AE15" s="191">
        <v>2374</v>
      </c>
      <c r="AF15" s="191">
        <v>2303</v>
      </c>
      <c r="AG15" s="191">
        <v>1776</v>
      </c>
      <c r="AH15" s="196">
        <v>12650</v>
      </c>
      <c r="AI15" s="195">
        <v>15336</v>
      </c>
      <c r="AJ15" s="190">
        <v>69</v>
      </c>
      <c r="AK15" s="191">
        <v>260</v>
      </c>
      <c r="AL15" s="196">
        <v>329</v>
      </c>
      <c r="AM15" s="193">
        <v>0</v>
      </c>
      <c r="AN15" s="191">
        <v>152</v>
      </c>
      <c r="AO15" s="191">
        <v>491</v>
      </c>
      <c r="AP15" s="191">
        <v>275</v>
      </c>
      <c r="AQ15" s="191">
        <v>226</v>
      </c>
      <c r="AR15" s="191">
        <v>143</v>
      </c>
      <c r="AS15" s="196">
        <v>1287</v>
      </c>
      <c r="AT15" s="195">
        <v>1616</v>
      </c>
      <c r="AU15" s="190">
        <v>0</v>
      </c>
      <c r="AV15" s="191">
        <v>0</v>
      </c>
      <c r="AW15" s="196">
        <v>0</v>
      </c>
      <c r="AX15" s="193">
        <v>0</v>
      </c>
      <c r="AY15" s="191">
        <v>6500</v>
      </c>
      <c r="AZ15" s="191">
        <v>4912</v>
      </c>
      <c r="BA15" s="191">
        <v>3269</v>
      </c>
      <c r="BB15" s="191">
        <v>2303</v>
      </c>
      <c r="BC15" s="191">
        <v>1049</v>
      </c>
      <c r="BD15" s="194">
        <v>18033</v>
      </c>
      <c r="BE15" s="195">
        <v>18033</v>
      </c>
      <c r="BF15" s="190">
        <v>0</v>
      </c>
      <c r="BG15" s="191">
        <v>0</v>
      </c>
      <c r="BH15" s="196">
        <v>0</v>
      </c>
      <c r="BI15" s="193">
        <v>0</v>
      </c>
      <c r="BJ15" s="191">
        <v>811</v>
      </c>
      <c r="BK15" s="191">
        <v>1426</v>
      </c>
      <c r="BL15" s="191">
        <v>825</v>
      </c>
      <c r="BM15" s="191">
        <v>540</v>
      </c>
      <c r="BN15" s="191">
        <v>185</v>
      </c>
      <c r="BO15" s="196">
        <v>3787</v>
      </c>
      <c r="BP15" s="195">
        <v>3787</v>
      </c>
      <c r="BQ15" s="190">
        <v>35</v>
      </c>
      <c r="BR15" s="191">
        <v>120</v>
      </c>
      <c r="BS15" s="196">
        <v>155</v>
      </c>
      <c r="BT15" s="193">
        <v>0</v>
      </c>
      <c r="BU15" s="191">
        <v>703</v>
      </c>
      <c r="BV15" s="191">
        <v>931</v>
      </c>
      <c r="BW15" s="191">
        <v>1323</v>
      </c>
      <c r="BX15" s="191">
        <v>1183</v>
      </c>
      <c r="BY15" s="191">
        <v>603</v>
      </c>
      <c r="BZ15" s="196">
        <v>4743</v>
      </c>
      <c r="CA15" s="195">
        <v>4898</v>
      </c>
      <c r="CB15" s="190">
        <v>0</v>
      </c>
      <c r="CC15" s="191">
        <v>6</v>
      </c>
      <c r="CD15" s="196">
        <v>6</v>
      </c>
      <c r="CE15" s="193">
        <v>0</v>
      </c>
      <c r="CF15" s="191">
        <v>32</v>
      </c>
      <c r="CG15" s="191">
        <v>37</v>
      </c>
      <c r="CH15" s="191">
        <v>47</v>
      </c>
      <c r="CI15" s="191">
        <v>37</v>
      </c>
      <c r="CJ15" s="191">
        <v>10</v>
      </c>
      <c r="CK15" s="196">
        <v>163</v>
      </c>
      <c r="CL15" s="195">
        <v>169</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1">
        <v>0</v>
      </c>
      <c r="E16" s="192">
        <v>0</v>
      </c>
      <c r="F16" s="193">
        <v>0</v>
      </c>
      <c r="G16" s="191">
        <v>2502</v>
      </c>
      <c r="H16" s="191">
        <v>3767</v>
      </c>
      <c r="I16" s="191">
        <v>4540</v>
      </c>
      <c r="J16" s="191">
        <v>5163</v>
      </c>
      <c r="K16" s="191">
        <v>5996</v>
      </c>
      <c r="L16" s="194">
        <v>21968</v>
      </c>
      <c r="M16" s="195">
        <v>21968</v>
      </c>
      <c r="N16" s="190">
        <v>0</v>
      </c>
      <c r="O16" s="191">
        <v>0</v>
      </c>
      <c r="P16" s="196">
        <v>0</v>
      </c>
      <c r="Q16" s="193">
        <v>0</v>
      </c>
      <c r="R16" s="191">
        <v>1</v>
      </c>
      <c r="S16" s="191">
        <v>12</v>
      </c>
      <c r="T16" s="191">
        <v>13</v>
      </c>
      <c r="U16" s="191">
        <v>88</v>
      </c>
      <c r="V16" s="191">
        <v>236</v>
      </c>
      <c r="W16" s="196">
        <v>350</v>
      </c>
      <c r="X16" s="195">
        <v>350</v>
      </c>
      <c r="Y16" s="190">
        <v>56</v>
      </c>
      <c r="Z16" s="191">
        <v>220</v>
      </c>
      <c r="AA16" s="196">
        <v>276</v>
      </c>
      <c r="AB16" s="193">
        <v>0</v>
      </c>
      <c r="AC16" s="191">
        <v>1212</v>
      </c>
      <c r="AD16" s="191">
        <v>1962</v>
      </c>
      <c r="AE16" s="191">
        <v>1017</v>
      </c>
      <c r="AF16" s="191">
        <v>762</v>
      </c>
      <c r="AG16" s="191">
        <v>732</v>
      </c>
      <c r="AH16" s="196">
        <v>5685</v>
      </c>
      <c r="AI16" s="195">
        <v>5961</v>
      </c>
      <c r="AJ16" s="190">
        <v>20</v>
      </c>
      <c r="AK16" s="191">
        <v>18</v>
      </c>
      <c r="AL16" s="196">
        <v>38</v>
      </c>
      <c r="AM16" s="193">
        <v>0</v>
      </c>
      <c r="AN16" s="191">
        <v>132</v>
      </c>
      <c r="AO16" s="191">
        <v>164</v>
      </c>
      <c r="AP16" s="191">
        <v>160</v>
      </c>
      <c r="AQ16" s="191">
        <v>41</v>
      </c>
      <c r="AR16" s="191">
        <v>103</v>
      </c>
      <c r="AS16" s="196">
        <v>600</v>
      </c>
      <c r="AT16" s="195">
        <v>638</v>
      </c>
      <c r="AU16" s="190">
        <v>0</v>
      </c>
      <c r="AV16" s="191">
        <v>0</v>
      </c>
      <c r="AW16" s="196">
        <v>0</v>
      </c>
      <c r="AX16" s="193">
        <v>0</v>
      </c>
      <c r="AY16" s="191">
        <v>1386</v>
      </c>
      <c r="AZ16" s="191">
        <v>1855</v>
      </c>
      <c r="BA16" s="191">
        <v>826</v>
      </c>
      <c r="BB16" s="191">
        <v>800</v>
      </c>
      <c r="BC16" s="191">
        <v>356</v>
      </c>
      <c r="BD16" s="194">
        <v>5223</v>
      </c>
      <c r="BE16" s="195">
        <v>5223</v>
      </c>
      <c r="BF16" s="190">
        <v>0</v>
      </c>
      <c r="BG16" s="191">
        <v>0</v>
      </c>
      <c r="BH16" s="196">
        <v>0</v>
      </c>
      <c r="BI16" s="193">
        <v>0</v>
      </c>
      <c r="BJ16" s="191">
        <v>227</v>
      </c>
      <c r="BK16" s="191">
        <v>287</v>
      </c>
      <c r="BL16" s="191">
        <v>165</v>
      </c>
      <c r="BM16" s="191">
        <v>177</v>
      </c>
      <c r="BN16" s="191">
        <v>87</v>
      </c>
      <c r="BO16" s="196">
        <v>943</v>
      </c>
      <c r="BP16" s="195">
        <v>943</v>
      </c>
      <c r="BQ16" s="190">
        <v>0</v>
      </c>
      <c r="BR16" s="191">
        <v>0</v>
      </c>
      <c r="BS16" s="196">
        <v>0</v>
      </c>
      <c r="BT16" s="193">
        <v>0</v>
      </c>
      <c r="BU16" s="191">
        <v>88</v>
      </c>
      <c r="BV16" s="191">
        <v>224</v>
      </c>
      <c r="BW16" s="191">
        <v>523</v>
      </c>
      <c r="BX16" s="191">
        <v>307</v>
      </c>
      <c r="BY16" s="191">
        <v>472</v>
      </c>
      <c r="BZ16" s="196">
        <v>1614</v>
      </c>
      <c r="CA16" s="195">
        <v>1614</v>
      </c>
      <c r="CB16" s="190">
        <v>0</v>
      </c>
      <c r="CC16" s="191">
        <v>0</v>
      </c>
      <c r="CD16" s="196">
        <v>0</v>
      </c>
      <c r="CE16" s="193">
        <v>0</v>
      </c>
      <c r="CF16" s="191">
        <v>0</v>
      </c>
      <c r="CG16" s="191">
        <v>23</v>
      </c>
      <c r="CH16" s="191">
        <v>34</v>
      </c>
      <c r="CI16" s="191">
        <v>23</v>
      </c>
      <c r="CJ16" s="191">
        <v>34</v>
      </c>
      <c r="CK16" s="196">
        <v>114</v>
      </c>
      <c r="CL16" s="195">
        <v>114</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1">
        <v>0</v>
      </c>
      <c r="E17" s="192">
        <v>0</v>
      </c>
      <c r="F17" s="193">
        <v>0</v>
      </c>
      <c r="G17" s="191">
        <v>885</v>
      </c>
      <c r="H17" s="191">
        <v>2166</v>
      </c>
      <c r="I17" s="191">
        <v>2081</v>
      </c>
      <c r="J17" s="191">
        <v>2953</v>
      </c>
      <c r="K17" s="191">
        <v>2870</v>
      </c>
      <c r="L17" s="194">
        <v>10955</v>
      </c>
      <c r="M17" s="195">
        <v>10955</v>
      </c>
      <c r="N17" s="190">
        <v>0</v>
      </c>
      <c r="O17" s="191">
        <v>0</v>
      </c>
      <c r="P17" s="196">
        <v>0</v>
      </c>
      <c r="Q17" s="193">
        <v>0</v>
      </c>
      <c r="R17" s="191">
        <v>0</v>
      </c>
      <c r="S17" s="191">
        <v>7</v>
      </c>
      <c r="T17" s="191">
        <v>41</v>
      </c>
      <c r="U17" s="191">
        <v>76</v>
      </c>
      <c r="V17" s="191">
        <v>106</v>
      </c>
      <c r="W17" s="196">
        <v>230</v>
      </c>
      <c r="X17" s="195">
        <v>230</v>
      </c>
      <c r="Y17" s="190">
        <v>21</v>
      </c>
      <c r="Z17" s="191">
        <v>103</v>
      </c>
      <c r="AA17" s="196">
        <v>124</v>
      </c>
      <c r="AB17" s="193">
        <v>0</v>
      </c>
      <c r="AC17" s="191">
        <v>396</v>
      </c>
      <c r="AD17" s="191">
        <v>595</v>
      </c>
      <c r="AE17" s="191">
        <v>451</v>
      </c>
      <c r="AF17" s="191">
        <v>365</v>
      </c>
      <c r="AG17" s="191">
        <v>383</v>
      </c>
      <c r="AH17" s="196">
        <v>2190</v>
      </c>
      <c r="AI17" s="195">
        <v>2314</v>
      </c>
      <c r="AJ17" s="190">
        <v>0</v>
      </c>
      <c r="AK17" s="191">
        <v>20</v>
      </c>
      <c r="AL17" s="196">
        <v>20</v>
      </c>
      <c r="AM17" s="193">
        <v>0</v>
      </c>
      <c r="AN17" s="191">
        <v>130</v>
      </c>
      <c r="AO17" s="191">
        <v>125</v>
      </c>
      <c r="AP17" s="191">
        <v>59</v>
      </c>
      <c r="AQ17" s="191">
        <v>38</v>
      </c>
      <c r="AR17" s="191">
        <v>80</v>
      </c>
      <c r="AS17" s="196">
        <v>432</v>
      </c>
      <c r="AT17" s="195">
        <v>452</v>
      </c>
      <c r="AU17" s="190">
        <v>0</v>
      </c>
      <c r="AV17" s="191">
        <v>0</v>
      </c>
      <c r="AW17" s="196">
        <v>0</v>
      </c>
      <c r="AX17" s="193">
        <v>0</v>
      </c>
      <c r="AY17" s="191">
        <v>836</v>
      </c>
      <c r="AZ17" s="191">
        <v>966</v>
      </c>
      <c r="BA17" s="191">
        <v>523</v>
      </c>
      <c r="BB17" s="191">
        <v>389</v>
      </c>
      <c r="BC17" s="191">
        <v>126</v>
      </c>
      <c r="BD17" s="194">
        <v>2840</v>
      </c>
      <c r="BE17" s="195">
        <v>2840</v>
      </c>
      <c r="BF17" s="190">
        <v>0</v>
      </c>
      <c r="BG17" s="191">
        <v>0</v>
      </c>
      <c r="BH17" s="196">
        <v>0</v>
      </c>
      <c r="BI17" s="193">
        <v>0</v>
      </c>
      <c r="BJ17" s="191">
        <v>241</v>
      </c>
      <c r="BK17" s="191">
        <v>296</v>
      </c>
      <c r="BL17" s="191">
        <v>189</v>
      </c>
      <c r="BM17" s="191">
        <v>105</v>
      </c>
      <c r="BN17" s="191">
        <v>60</v>
      </c>
      <c r="BO17" s="196">
        <v>891</v>
      </c>
      <c r="BP17" s="195">
        <v>891</v>
      </c>
      <c r="BQ17" s="190">
        <v>0</v>
      </c>
      <c r="BR17" s="191">
        <v>11</v>
      </c>
      <c r="BS17" s="196">
        <v>11</v>
      </c>
      <c r="BT17" s="193">
        <v>0</v>
      </c>
      <c r="BU17" s="191">
        <v>144</v>
      </c>
      <c r="BV17" s="191">
        <v>376</v>
      </c>
      <c r="BW17" s="191">
        <v>665</v>
      </c>
      <c r="BX17" s="191">
        <v>813</v>
      </c>
      <c r="BY17" s="191">
        <v>280</v>
      </c>
      <c r="BZ17" s="196">
        <v>2278</v>
      </c>
      <c r="CA17" s="195">
        <v>2289</v>
      </c>
      <c r="CB17" s="190">
        <v>0</v>
      </c>
      <c r="CC17" s="191">
        <v>0</v>
      </c>
      <c r="CD17" s="196">
        <v>0</v>
      </c>
      <c r="CE17" s="193">
        <v>0</v>
      </c>
      <c r="CF17" s="191">
        <v>7</v>
      </c>
      <c r="CG17" s="191">
        <v>57</v>
      </c>
      <c r="CH17" s="191">
        <v>5</v>
      </c>
      <c r="CI17" s="191">
        <v>11</v>
      </c>
      <c r="CJ17" s="191">
        <v>3</v>
      </c>
      <c r="CK17" s="196">
        <v>83</v>
      </c>
      <c r="CL17" s="195">
        <v>83</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1">
        <v>0</v>
      </c>
      <c r="E18" s="192">
        <v>0</v>
      </c>
      <c r="F18" s="193">
        <v>0</v>
      </c>
      <c r="G18" s="191">
        <v>2200</v>
      </c>
      <c r="H18" s="191">
        <v>4288</v>
      </c>
      <c r="I18" s="191">
        <v>5368</v>
      </c>
      <c r="J18" s="191">
        <v>6201</v>
      </c>
      <c r="K18" s="191">
        <v>3976</v>
      </c>
      <c r="L18" s="194">
        <v>22033</v>
      </c>
      <c r="M18" s="195">
        <v>22033</v>
      </c>
      <c r="N18" s="190">
        <v>0</v>
      </c>
      <c r="O18" s="191">
        <v>0</v>
      </c>
      <c r="P18" s="196">
        <v>0</v>
      </c>
      <c r="Q18" s="193">
        <v>0</v>
      </c>
      <c r="R18" s="191">
        <v>9</v>
      </c>
      <c r="S18" s="191">
        <v>23</v>
      </c>
      <c r="T18" s="191">
        <v>48</v>
      </c>
      <c r="U18" s="191">
        <v>81</v>
      </c>
      <c r="V18" s="191">
        <v>224</v>
      </c>
      <c r="W18" s="196">
        <v>385</v>
      </c>
      <c r="X18" s="195">
        <v>385</v>
      </c>
      <c r="Y18" s="190">
        <v>153</v>
      </c>
      <c r="Z18" s="191">
        <v>343</v>
      </c>
      <c r="AA18" s="196">
        <v>496</v>
      </c>
      <c r="AB18" s="193">
        <v>0</v>
      </c>
      <c r="AC18" s="191">
        <v>1107</v>
      </c>
      <c r="AD18" s="191">
        <v>2650</v>
      </c>
      <c r="AE18" s="191">
        <v>1544</v>
      </c>
      <c r="AF18" s="191">
        <v>1393</v>
      </c>
      <c r="AG18" s="191">
        <v>1150</v>
      </c>
      <c r="AH18" s="196">
        <v>7844</v>
      </c>
      <c r="AI18" s="195">
        <v>8340</v>
      </c>
      <c r="AJ18" s="190">
        <v>60</v>
      </c>
      <c r="AK18" s="191">
        <v>101</v>
      </c>
      <c r="AL18" s="196">
        <v>161</v>
      </c>
      <c r="AM18" s="193">
        <v>0</v>
      </c>
      <c r="AN18" s="191">
        <v>88</v>
      </c>
      <c r="AO18" s="191">
        <v>463</v>
      </c>
      <c r="AP18" s="191">
        <v>192</v>
      </c>
      <c r="AQ18" s="191">
        <v>102</v>
      </c>
      <c r="AR18" s="191">
        <v>188</v>
      </c>
      <c r="AS18" s="196">
        <v>1033</v>
      </c>
      <c r="AT18" s="195">
        <v>1194</v>
      </c>
      <c r="AU18" s="190">
        <v>0</v>
      </c>
      <c r="AV18" s="191">
        <v>0</v>
      </c>
      <c r="AW18" s="196">
        <v>0</v>
      </c>
      <c r="AX18" s="193">
        <v>0</v>
      </c>
      <c r="AY18" s="191">
        <v>3242</v>
      </c>
      <c r="AZ18" s="191">
        <v>4252</v>
      </c>
      <c r="BA18" s="191">
        <v>2897</v>
      </c>
      <c r="BB18" s="191">
        <v>2208</v>
      </c>
      <c r="BC18" s="191">
        <v>1085</v>
      </c>
      <c r="BD18" s="194">
        <v>13684</v>
      </c>
      <c r="BE18" s="195">
        <v>13684</v>
      </c>
      <c r="BF18" s="190">
        <v>0</v>
      </c>
      <c r="BG18" s="191">
        <v>0</v>
      </c>
      <c r="BH18" s="196">
        <v>0</v>
      </c>
      <c r="BI18" s="193">
        <v>0</v>
      </c>
      <c r="BJ18" s="191">
        <v>1329</v>
      </c>
      <c r="BK18" s="191">
        <v>2126</v>
      </c>
      <c r="BL18" s="191">
        <v>804</v>
      </c>
      <c r="BM18" s="191">
        <v>556</v>
      </c>
      <c r="BN18" s="191">
        <v>263</v>
      </c>
      <c r="BO18" s="196">
        <v>5078</v>
      </c>
      <c r="BP18" s="195">
        <v>5078</v>
      </c>
      <c r="BQ18" s="190">
        <v>17</v>
      </c>
      <c r="BR18" s="191">
        <v>26</v>
      </c>
      <c r="BS18" s="196">
        <v>43</v>
      </c>
      <c r="BT18" s="193">
        <v>0</v>
      </c>
      <c r="BU18" s="191">
        <v>228</v>
      </c>
      <c r="BV18" s="191">
        <v>614</v>
      </c>
      <c r="BW18" s="191">
        <v>834</v>
      </c>
      <c r="BX18" s="191">
        <v>537</v>
      </c>
      <c r="BY18" s="191">
        <v>284</v>
      </c>
      <c r="BZ18" s="196">
        <v>2497</v>
      </c>
      <c r="CA18" s="195">
        <v>2540</v>
      </c>
      <c r="CB18" s="190">
        <v>0</v>
      </c>
      <c r="CC18" s="191">
        <v>0</v>
      </c>
      <c r="CD18" s="196">
        <v>0</v>
      </c>
      <c r="CE18" s="193">
        <v>0</v>
      </c>
      <c r="CF18" s="191">
        <v>18</v>
      </c>
      <c r="CG18" s="191">
        <v>63</v>
      </c>
      <c r="CH18" s="191">
        <v>83</v>
      </c>
      <c r="CI18" s="191">
        <v>72</v>
      </c>
      <c r="CJ18" s="191">
        <v>14</v>
      </c>
      <c r="CK18" s="196">
        <v>250</v>
      </c>
      <c r="CL18" s="195">
        <v>250</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1">
        <v>0</v>
      </c>
      <c r="E19" s="192">
        <v>0</v>
      </c>
      <c r="F19" s="193">
        <v>0</v>
      </c>
      <c r="G19" s="191">
        <v>2473</v>
      </c>
      <c r="H19" s="191">
        <v>7816</v>
      </c>
      <c r="I19" s="191">
        <v>10470</v>
      </c>
      <c r="J19" s="191">
        <v>13997</v>
      </c>
      <c r="K19" s="191">
        <v>11060</v>
      </c>
      <c r="L19" s="194">
        <v>45816</v>
      </c>
      <c r="M19" s="195">
        <v>45816</v>
      </c>
      <c r="N19" s="190">
        <v>0</v>
      </c>
      <c r="O19" s="191">
        <v>11</v>
      </c>
      <c r="P19" s="196">
        <v>11</v>
      </c>
      <c r="Q19" s="193">
        <v>0</v>
      </c>
      <c r="R19" s="191">
        <v>5</v>
      </c>
      <c r="S19" s="191">
        <v>26</v>
      </c>
      <c r="T19" s="191">
        <v>69</v>
      </c>
      <c r="U19" s="191">
        <v>210</v>
      </c>
      <c r="V19" s="191">
        <v>397</v>
      </c>
      <c r="W19" s="196">
        <v>707</v>
      </c>
      <c r="X19" s="195">
        <v>718</v>
      </c>
      <c r="Y19" s="190">
        <v>131</v>
      </c>
      <c r="Z19" s="191">
        <v>645</v>
      </c>
      <c r="AA19" s="196">
        <v>776</v>
      </c>
      <c r="AB19" s="193">
        <v>0</v>
      </c>
      <c r="AC19" s="191">
        <v>1376</v>
      </c>
      <c r="AD19" s="191">
        <v>3431</v>
      </c>
      <c r="AE19" s="191">
        <v>2388</v>
      </c>
      <c r="AF19" s="191">
        <v>1915</v>
      </c>
      <c r="AG19" s="191">
        <v>1427</v>
      </c>
      <c r="AH19" s="196">
        <v>10537</v>
      </c>
      <c r="AI19" s="195">
        <v>11313</v>
      </c>
      <c r="AJ19" s="190">
        <v>81</v>
      </c>
      <c r="AK19" s="191">
        <v>111</v>
      </c>
      <c r="AL19" s="196">
        <v>192</v>
      </c>
      <c r="AM19" s="193">
        <v>0</v>
      </c>
      <c r="AN19" s="191">
        <v>159</v>
      </c>
      <c r="AO19" s="191">
        <v>510</v>
      </c>
      <c r="AP19" s="191">
        <v>338</v>
      </c>
      <c r="AQ19" s="191">
        <v>312</v>
      </c>
      <c r="AR19" s="191">
        <v>260</v>
      </c>
      <c r="AS19" s="196">
        <v>1579</v>
      </c>
      <c r="AT19" s="195">
        <v>1771</v>
      </c>
      <c r="AU19" s="190">
        <v>0</v>
      </c>
      <c r="AV19" s="191">
        <v>0</v>
      </c>
      <c r="AW19" s="196">
        <v>0</v>
      </c>
      <c r="AX19" s="193">
        <v>0</v>
      </c>
      <c r="AY19" s="191">
        <v>2714</v>
      </c>
      <c r="AZ19" s="191">
        <v>4513</v>
      </c>
      <c r="BA19" s="191">
        <v>3646</v>
      </c>
      <c r="BB19" s="191">
        <v>2159</v>
      </c>
      <c r="BC19" s="191">
        <v>1225</v>
      </c>
      <c r="BD19" s="194">
        <v>14257</v>
      </c>
      <c r="BE19" s="195">
        <v>14257</v>
      </c>
      <c r="BF19" s="190">
        <v>0</v>
      </c>
      <c r="BG19" s="191">
        <v>0</v>
      </c>
      <c r="BH19" s="196">
        <v>0</v>
      </c>
      <c r="BI19" s="193">
        <v>0</v>
      </c>
      <c r="BJ19" s="191">
        <v>489</v>
      </c>
      <c r="BK19" s="191">
        <v>1656</v>
      </c>
      <c r="BL19" s="191">
        <v>960</v>
      </c>
      <c r="BM19" s="191">
        <v>376</v>
      </c>
      <c r="BN19" s="191">
        <v>149</v>
      </c>
      <c r="BO19" s="196">
        <v>3630</v>
      </c>
      <c r="BP19" s="195">
        <v>3630</v>
      </c>
      <c r="BQ19" s="190">
        <v>5</v>
      </c>
      <c r="BR19" s="191">
        <v>23</v>
      </c>
      <c r="BS19" s="196">
        <v>28</v>
      </c>
      <c r="BT19" s="193">
        <v>0</v>
      </c>
      <c r="BU19" s="191">
        <v>401</v>
      </c>
      <c r="BV19" s="191">
        <v>1044</v>
      </c>
      <c r="BW19" s="191">
        <v>1565</v>
      </c>
      <c r="BX19" s="191">
        <v>1295</v>
      </c>
      <c r="BY19" s="191">
        <v>428</v>
      </c>
      <c r="BZ19" s="196">
        <v>4733</v>
      </c>
      <c r="CA19" s="195">
        <v>4761</v>
      </c>
      <c r="CB19" s="190">
        <v>0</v>
      </c>
      <c r="CC19" s="191">
        <v>0</v>
      </c>
      <c r="CD19" s="196">
        <v>0</v>
      </c>
      <c r="CE19" s="193">
        <v>0</v>
      </c>
      <c r="CF19" s="191">
        <v>28</v>
      </c>
      <c r="CG19" s="191">
        <v>84</v>
      </c>
      <c r="CH19" s="191">
        <v>90</v>
      </c>
      <c r="CI19" s="191">
        <v>113</v>
      </c>
      <c r="CJ19" s="191">
        <v>77</v>
      </c>
      <c r="CK19" s="196">
        <v>392</v>
      </c>
      <c r="CL19" s="195">
        <v>392</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1">
        <v>0</v>
      </c>
      <c r="E20" s="192">
        <v>0</v>
      </c>
      <c r="F20" s="193">
        <v>0</v>
      </c>
      <c r="G20" s="191">
        <v>6208</v>
      </c>
      <c r="H20" s="191">
        <v>8873</v>
      </c>
      <c r="I20" s="191">
        <v>10488</v>
      </c>
      <c r="J20" s="191">
        <v>13998</v>
      </c>
      <c r="K20" s="191">
        <v>14523</v>
      </c>
      <c r="L20" s="194">
        <v>54090</v>
      </c>
      <c r="M20" s="195">
        <v>54090</v>
      </c>
      <c r="N20" s="190">
        <v>0</v>
      </c>
      <c r="O20" s="191">
        <v>0</v>
      </c>
      <c r="P20" s="196">
        <v>0</v>
      </c>
      <c r="Q20" s="193">
        <v>0</v>
      </c>
      <c r="R20" s="191">
        <v>12</v>
      </c>
      <c r="S20" s="191">
        <v>40</v>
      </c>
      <c r="T20" s="191">
        <v>72</v>
      </c>
      <c r="U20" s="191">
        <v>303</v>
      </c>
      <c r="V20" s="191">
        <v>416</v>
      </c>
      <c r="W20" s="196">
        <v>843</v>
      </c>
      <c r="X20" s="195">
        <v>843</v>
      </c>
      <c r="Y20" s="190">
        <v>388</v>
      </c>
      <c r="Z20" s="191">
        <v>1035</v>
      </c>
      <c r="AA20" s="196">
        <v>1423</v>
      </c>
      <c r="AB20" s="193">
        <v>0</v>
      </c>
      <c r="AC20" s="191">
        <v>3253</v>
      </c>
      <c r="AD20" s="191">
        <v>3761</v>
      </c>
      <c r="AE20" s="191">
        <v>2533</v>
      </c>
      <c r="AF20" s="191">
        <v>2350</v>
      </c>
      <c r="AG20" s="191">
        <v>1714</v>
      </c>
      <c r="AH20" s="196">
        <v>13611</v>
      </c>
      <c r="AI20" s="195">
        <v>15034</v>
      </c>
      <c r="AJ20" s="190">
        <v>96</v>
      </c>
      <c r="AK20" s="191">
        <v>172</v>
      </c>
      <c r="AL20" s="196">
        <v>268</v>
      </c>
      <c r="AM20" s="193">
        <v>0</v>
      </c>
      <c r="AN20" s="191">
        <v>589</v>
      </c>
      <c r="AO20" s="191">
        <v>896</v>
      </c>
      <c r="AP20" s="191">
        <v>456</v>
      </c>
      <c r="AQ20" s="191">
        <v>419</v>
      </c>
      <c r="AR20" s="191">
        <v>244</v>
      </c>
      <c r="AS20" s="196">
        <v>2604</v>
      </c>
      <c r="AT20" s="195">
        <v>2872</v>
      </c>
      <c r="AU20" s="190">
        <v>0</v>
      </c>
      <c r="AV20" s="191">
        <v>0</v>
      </c>
      <c r="AW20" s="196">
        <v>0</v>
      </c>
      <c r="AX20" s="193">
        <v>0</v>
      </c>
      <c r="AY20" s="191">
        <v>6464</v>
      </c>
      <c r="AZ20" s="191">
        <v>6164</v>
      </c>
      <c r="BA20" s="191">
        <v>4802</v>
      </c>
      <c r="BB20" s="191">
        <v>2586</v>
      </c>
      <c r="BC20" s="191">
        <v>1263</v>
      </c>
      <c r="BD20" s="194">
        <v>21279</v>
      </c>
      <c r="BE20" s="195">
        <v>21279</v>
      </c>
      <c r="BF20" s="190">
        <v>0</v>
      </c>
      <c r="BG20" s="191">
        <v>0</v>
      </c>
      <c r="BH20" s="196">
        <v>0</v>
      </c>
      <c r="BI20" s="193">
        <v>0</v>
      </c>
      <c r="BJ20" s="191">
        <v>1179</v>
      </c>
      <c r="BK20" s="191">
        <v>1377</v>
      </c>
      <c r="BL20" s="191">
        <v>910</v>
      </c>
      <c r="BM20" s="191">
        <v>522</v>
      </c>
      <c r="BN20" s="191">
        <v>158</v>
      </c>
      <c r="BO20" s="196">
        <v>4146</v>
      </c>
      <c r="BP20" s="195">
        <v>4146</v>
      </c>
      <c r="BQ20" s="190">
        <v>4</v>
      </c>
      <c r="BR20" s="191">
        <v>25</v>
      </c>
      <c r="BS20" s="196">
        <v>29</v>
      </c>
      <c r="BT20" s="193">
        <v>0</v>
      </c>
      <c r="BU20" s="191">
        <v>367</v>
      </c>
      <c r="BV20" s="191">
        <v>839</v>
      </c>
      <c r="BW20" s="191">
        <v>1534</v>
      </c>
      <c r="BX20" s="191">
        <v>1261</v>
      </c>
      <c r="BY20" s="191">
        <v>716</v>
      </c>
      <c r="BZ20" s="196">
        <v>4717</v>
      </c>
      <c r="CA20" s="195">
        <v>4746</v>
      </c>
      <c r="CB20" s="190">
        <v>0</v>
      </c>
      <c r="CC20" s="191">
        <v>0</v>
      </c>
      <c r="CD20" s="196">
        <v>0</v>
      </c>
      <c r="CE20" s="193">
        <v>0</v>
      </c>
      <c r="CF20" s="191">
        <v>12</v>
      </c>
      <c r="CG20" s="191">
        <v>51</v>
      </c>
      <c r="CH20" s="191">
        <v>47</v>
      </c>
      <c r="CI20" s="191">
        <v>25</v>
      </c>
      <c r="CJ20" s="191">
        <v>7</v>
      </c>
      <c r="CK20" s="196">
        <v>142</v>
      </c>
      <c r="CL20" s="195">
        <v>142</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1">
        <v>0</v>
      </c>
      <c r="E21" s="192">
        <v>0</v>
      </c>
      <c r="F21" s="193">
        <v>0</v>
      </c>
      <c r="G21" s="191">
        <v>2153</v>
      </c>
      <c r="H21" s="191">
        <v>2607</v>
      </c>
      <c r="I21" s="191">
        <v>2850</v>
      </c>
      <c r="J21" s="191">
        <v>4044</v>
      </c>
      <c r="K21" s="191">
        <v>3288</v>
      </c>
      <c r="L21" s="194">
        <v>14942</v>
      </c>
      <c r="M21" s="195">
        <v>14942</v>
      </c>
      <c r="N21" s="190">
        <v>0</v>
      </c>
      <c r="O21" s="191">
        <v>0</v>
      </c>
      <c r="P21" s="196">
        <v>0</v>
      </c>
      <c r="Q21" s="193">
        <v>0</v>
      </c>
      <c r="R21" s="191">
        <v>16</v>
      </c>
      <c r="S21" s="191">
        <v>30</v>
      </c>
      <c r="T21" s="191">
        <v>57</v>
      </c>
      <c r="U21" s="191">
        <v>96</v>
      </c>
      <c r="V21" s="191">
        <v>120</v>
      </c>
      <c r="W21" s="196">
        <v>319</v>
      </c>
      <c r="X21" s="195">
        <v>319</v>
      </c>
      <c r="Y21" s="190">
        <v>189</v>
      </c>
      <c r="Z21" s="191">
        <v>311</v>
      </c>
      <c r="AA21" s="196">
        <v>500</v>
      </c>
      <c r="AB21" s="193">
        <v>0</v>
      </c>
      <c r="AC21" s="191">
        <v>1545</v>
      </c>
      <c r="AD21" s="191">
        <v>1338</v>
      </c>
      <c r="AE21" s="191">
        <v>1179</v>
      </c>
      <c r="AF21" s="191">
        <v>714</v>
      </c>
      <c r="AG21" s="191">
        <v>665</v>
      </c>
      <c r="AH21" s="196">
        <v>5441</v>
      </c>
      <c r="AI21" s="195">
        <v>5941</v>
      </c>
      <c r="AJ21" s="190">
        <v>16</v>
      </c>
      <c r="AK21" s="191">
        <v>46</v>
      </c>
      <c r="AL21" s="196">
        <v>62</v>
      </c>
      <c r="AM21" s="193">
        <v>0</v>
      </c>
      <c r="AN21" s="191">
        <v>198</v>
      </c>
      <c r="AO21" s="191">
        <v>183</v>
      </c>
      <c r="AP21" s="191">
        <v>104</v>
      </c>
      <c r="AQ21" s="191">
        <v>177</v>
      </c>
      <c r="AR21" s="191">
        <v>26</v>
      </c>
      <c r="AS21" s="196">
        <v>688</v>
      </c>
      <c r="AT21" s="195">
        <v>750</v>
      </c>
      <c r="AU21" s="190">
        <v>0</v>
      </c>
      <c r="AV21" s="191">
        <v>0</v>
      </c>
      <c r="AW21" s="196">
        <v>0</v>
      </c>
      <c r="AX21" s="193">
        <v>0</v>
      </c>
      <c r="AY21" s="191">
        <v>2197</v>
      </c>
      <c r="AZ21" s="191">
        <v>2300</v>
      </c>
      <c r="BA21" s="191">
        <v>1361</v>
      </c>
      <c r="BB21" s="191">
        <v>653</v>
      </c>
      <c r="BC21" s="191">
        <v>648</v>
      </c>
      <c r="BD21" s="194">
        <v>7159</v>
      </c>
      <c r="BE21" s="195">
        <v>7159</v>
      </c>
      <c r="BF21" s="190">
        <v>0</v>
      </c>
      <c r="BG21" s="191">
        <v>0</v>
      </c>
      <c r="BH21" s="196">
        <v>0</v>
      </c>
      <c r="BI21" s="193">
        <v>0</v>
      </c>
      <c r="BJ21" s="191">
        <v>877</v>
      </c>
      <c r="BK21" s="191">
        <v>876</v>
      </c>
      <c r="BL21" s="191">
        <v>438</v>
      </c>
      <c r="BM21" s="191">
        <v>258</v>
      </c>
      <c r="BN21" s="191">
        <v>59</v>
      </c>
      <c r="BO21" s="196">
        <v>2508</v>
      </c>
      <c r="BP21" s="195">
        <v>2508</v>
      </c>
      <c r="BQ21" s="190">
        <v>35</v>
      </c>
      <c r="BR21" s="191">
        <v>18</v>
      </c>
      <c r="BS21" s="196">
        <v>53</v>
      </c>
      <c r="BT21" s="193">
        <v>0</v>
      </c>
      <c r="BU21" s="191">
        <v>209</v>
      </c>
      <c r="BV21" s="191">
        <v>389</v>
      </c>
      <c r="BW21" s="191">
        <v>460</v>
      </c>
      <c r="BX21" s="191">
        <v>225</v>
      </c>
      <c r="BY21" s="191">
        <v>101</v>
      </c>
      <c r="BZ21" s="196">
        <v>1384</v>
      </c>
      <c r="CA21" s="195">
        <v>1437</v>
      </c>
      <c r="CB21" s="190">
        <v>0</v>
      </c>
      <c r="CC21" s="191">
        <v>0</v>
      </c>
      <c r="CD21" s="196">
        <v>0</v>
      </c>
      <c r="CE21" s="193">
        <v>0</v>
      </c>
      <c r="CF21" s="191">
        <v>52</v>
      </c>
      <c r="CG21" s="191">
        <v>46</v>
      </c>
      <c r="CH21" s="191">
        <v>58</v>
      </c>
      <c r="CI21" s="191">
        <v>62</v>
      </c>
      <c r="CJ21" s="191">
        <v>44</v>
      </c>
      <c r="CK21" s="196">
        <v>262</v>
      </c>
      <c r="CL21" s="195">
        <v>262</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1">
        <v>0</v>
      </c>
      <c r="E22" s="192">
        <v>0</v>
      </c>
      <c r="F22" s="193">
        <v>0</v>
      </c>
      <c r="G22" s="191">
        <v>3408</v>
      </c>
      <c r="H22" s="191">
        <v>4074</v>
      </c>
      <c r="I22" s="191">
        <v>5668</v>
      </c>
      <c r="J22" s="191">
        <v>6035</v>
      </c>
      <c r="K22" s="191">
        <v>6766</v>
      </c>
      <c r="L22" s="194">
        <v>25951</v>
      </c>
      <c r="M22" s="195">
        <v>25951</v>
      </c>
      <c r="N22" s="190">
        <v>0</v>
      </c>
      <c r="O22" s="191">
        <v>0</v>
      </c>
      <c r="P22" s="196">
        <v>0</v>
      </c>
      <c r="Q22" s="193">
        <v>0</v>
      </c>
      <c r="R22" s="191">
        <v>4</v>
      </c>
      <c r="S22" s="191">
        <v>23</v>
      </c>
      <c r="T22" s="191">
        <v>44</v>
      </c>
      <c r="U22" s="191">
        <v>152</v>
      </c>
      <c r="V22" s="191">
        <v>186</v>
      </c>
      <c r="W22" s="196">
        <v>409</v>
      </c>
      <c r="X22" s="195">
        <v>409</v>
      </c>
      <c r="Y22" s="190">
        <v>312</v>
      </c>
      <c r="Z22" s="191">
        <v>758</v>
      </c>
      <c r="AA22" s="196">
        <v>1070</v>
      </c>
      <c r="AB22" s="193">
        <v>0</v>
      </c>
      <c r="AC22" s="191">
        <v>2643</v>
      </c>
      <c r="AD22" s="191">
        <v>2384</v>
      </c>
      <c r="AE22" s="191">
        <v>1528</v>
      </c>
      <c r="AF22" s="191">
        <v>1152</v>
      </c>
      <c r="AG22" s="191">
        <v>763</v>
      </c>
      <c r="AH22" s="196">
        <v>8470</v>
      </c>
      <c r="AI22" s="195">
        <v>9540</v>
      </c>
      <c r="AJ22" s="190">
        <v>125</v>
      </c>
      <c r="AK22" s="191">
        <v>480</v>
      </c>
      <c r="AL22" s="196">
        <v>605</v>
      </c>
      <c r="AM22" s="193">
        <v>0</v>
      </c>
      <c r="AN22" s="191">
        <v>884</v>
      </c>
      <c r="AO22" s="191">
        <v>670</v>
      </c>
      <c r="AP22" s="191">
        <v>546</v>
      </c>
      <c r="AQ22" s="191">
        <v>417</v>
      </c>
      <c r="AR22" s="191">
        <v>130</v>
      </c>
      <c r="AS22" s="196">
        <v>2647</v>
      </c>
      <c r="AT22" s="195">
        <v>3252</v>
      </c>
      <c r="AU22" s="190">
        <v>0</v>
      </c>
      <c r="AV22" s="191">
        <v>0</v>
      </c>
      <c r="AW22" s="196">
        <v>0</v>
      </c>
      <c r="AX22" s="193">
        <v>0</v>
      </c>
      <c r="AY22" s="191">
        <v>3568</v>
      </c>
      <c r="AZ22" s="191">
        <v>2736</v>
      </c>
      <c r="BA22" s="191">
        <v>2114</v>
      </c>
      <c r="BB22" s="191">
        <v>1095</v>
      </c>
      <c r="BC22" s="191">
        <v>273</v>
      </c>
      <c r="BD22" s="194">
        <v>9786</v>
      </c>
      <c r="BE22" s="195">
        <v>9786</v>
      </c>
      <c r="BF22" s="190">
        <v>0</v>
      </c>
      <c r="BG22" s="191">
        <v>0</v>
      </c>
      <c r="BH22" s="196">
        <v>0</v>
      </c>
      <c r="BI22" s="193">
        <v>0</v>
      </c>
      <c r="BJ22" s="191">
        <v>966</v>
      </c>
      <c r="BK22" s="191">
        <v>728</v>
      </c>
      <c r="BL22" s="191">
        <v>316</v>
      </c>
      <c r="BM22" s="191">
        <v>340</v>
      </c>
      <c r="BN22" s="191">
        <v>113</v>
      </c>
      <c r="BO22" s="196">
        <v>2463</v>
      </c>
      <c r="BP22" s="195">
        <v>2463</v>
      </c>
      <c r="BQ22" s="190">
        <v>15</v>
      </c>
      <c r="BR22" s="191">
        <v>44</v>
      </c>
      <c r="BS22" s="196">
        <v>59</v>
      </c>
      <c r="BT22" s="193">
        <v>0</v>
      </c>
      <c r="BU22" s="191">
        <v>374</v>
      </c>
      <c r="BV22" s="191">
        <v>546</v>
      </c>
      <c r="BW22" s="191">
        <v>1162</v>
      </c>
      <c r="BX22" s="191">
        <v>559</v>
      </c>
      <c r="BY22" s="191">
        <v>327</v>
      </c>
      <c r="BZ22" s="196">
        <v>2968</v>
      </c>
      <c r="CA22" s="195">
        <v>3027</v>
      </c>
      <c r="CB22" s="190">
        <v>0</v>
      </c>
      <c r="CC22" s="191">
        <v>0</v>
      </c>
      <c r="CD22" s="196">
        <v>0</v>
      </c>
      <c r="CE22" s="193">
        <v>0</v>
      </c>
      <c r="CF22" s="191">
        <v>35</v>
      </c>
      <c r="CG22" s="191">
        <v>39</v>
      </c>
      <c r="CH22" s="191">
        <v>19</v>
      </c>
      <c r="CI22" s="191">
        <v>52</v>
      </c>
      <c r="CJ22" s="191">
        <v>42</v>
      </c>
      <c r="CK22" s="196">
        <v>187</v>
      </c>
      <c r="CL22" s="195">
        <v>187</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1">
        <v>0</v>
      </c>
      <c r="E23" s="192">
        <v>0</v>
      </c>
      <c r="F23" s="193">
        <v>0</v>
      </c>
      <c r="G23" s="191">
        <v>3347</v>
      </c>
      <c r="H23" s="191">
        <v>6290</v>
      </c>
      <c r="I23" s="191">
        <v>8274</v>
      </c>
      <c r="J23" s="191">
        <v>6864</v>
      </c>
      <c r="K23" s="191">
        <v>7324</v>
      </c>
      <c r="L23" s="194">
        <v>32099</v>
      </c>
      <c r="M23" s="195">
        <v>32099</v>
      </c>
      <c r="N23" s="190">
        <v>0</v>
      </c>
      <c r="O23" s="191">
        <v>0</v>
      </c>
      <c r="P23" s="196">
        <v>0</v>
      </c>
      <c r="Q23" s="193">
        <v>0</v>
      </c>
      <c r="R23" s="191">
        <v>0</v>
      </c>
      <c r="S23" s="191">
        <v>15</v>
      </c>
      <c r="T23" s="191">
        <v>43</v>
      </c>
      <c r="U23" s="191">
        <v>125</v>
      </c>
      <c r="V23" s="191">
        <v>233</v>
      </c>
      <c r="W23" s="196">
        <v>416</v>
      </c>
      <c r="X23" s="195">
        <v>416</v>
      </c>
      <c r="Y23" s="190">
        <v>312</v>
      </c>
      <c r="Z23" s="191">
        <v>747</v>
      </c>
      <c r="AA23" s="196">
        <v>1059</v>
      </c>
      <c r="AB23" s="193">
        <v>0</v>
      </c>
      <c r="AC23" s="191">
        <v>2275</v>
      </c>
      <c r="AD23" s="191">
        <v>2674</v>
      </c>
      <c r="AE23" s="191">
        <v>2077</v>
      </c>
      <c r="AF23" s="191">
        <v>1376</v>
      </c>
      <c r="AG23" s="191">
        <v>1026</v>
      </c>
      <c r="AH23" s="196">
        <v>9428</v>
      </c>
      <c r="AI23" s="195">
        <v>10487</v>
      </c>
      <c r="AJ23" s="190">
        <v>134</v>
      </c>
      <c r="AK23" s="191">
        <v>370</v>
      </c>
      <c r="AL23" s="196">
        <v>504</v>
      </c>
      <c r="AM23" s="193">
        <v>0</v>
      </c>
      <c r="AN23" s="191">
        <v>238</v>
      </c>
      <c r="AO23" s="191">
        <v>540</v>
      </c>
      <c r="AP23" s="191">
        <v>358</v>
      </c>
      <c r="AQ23" s="191">
        <v>131</v>
      </c>
      <c r="AR23" s="191">
        <v>74</v>
      </c>
      <c r="AS23" s="196">
        <v>1341</v>
      </c>
      <c r="AT23" s="195">
        <v>1845</v>
      </c>
      <c r="AU23" s="190">
        <v>0</v>
      </c>
      <c r="AV23" s="191">
        <v>0</v>
      </c>
      <c r="AW23" s="196">
        <v>0</v>
      </c>
      <c r="AX23" s="193">
        <v>0</v>
      </c>
      <c r="AY23" s="191">
        <v>3073</v>
      </c>
      <c r="AZ23" s="191">
        <v>3385</v>
      </c>
      <c r="BA23" s="191">
        <v>2421</v>
      </c>
      <c r="BB23" s="191">
        <v>992</v>
      </c>
      <c r="BC23" s="191">
        <v>404</v>
      </c>
      <c r="BD23" s="194">
        <v>10275</v>
      </c>
      <c r="BE23" s="195">
        <v>10275</v>
      </c>
      <c r="BF23" s="190">
        <v>0</v>
      </c>
      <c r="BG23" s="191">
        <v>0</v>
      </c>
      <c r="BH23" s="196">
        <v>0</v>
      </c>
      <c r="BI23" s="193">
        <v>0</v>
      </c>
      <c r="BJ23" s="191">
        <v>439</v>
      </c>
      <c r="BK23" s="191">
        <v>397</v>
      </c>
      <c r="BL23" s="191">
        <v>295</v>
      </c>
      <c r="BM23" s="191">
        <v>94</v>
      </c>
      <c r="BN23" s="191">
        <v>42</v>
      </c>
      <c r="BO23" s="196">
        <v>1267</v>
      </c>
      <c r="BP23" s="195">
        <v>1267</v>
      </c>
      <c r="BQ23" s="190">
        <v>0</v>
      </c>
      <c r="BR23" s="191">
        <v>19</v>
      </c>
      <c r="BS23" s="196">
        <v>19</v>
      </c>
      <c r="BT23" s="193">
        <v>0</v>
      </c>
      <c r="BU23" s="191">
        <v>188</v>
      </c>
      <c r="BV23" s="191">
        <v>323</v>
      </c>
      <c r="BW23" s="191">
        <v>664</v>
      </c>
      <c r="BX23" s="191">
        <v>559</v>
      </c>
      <c r="BY23" s="191">
        <v>259</v>
      </c>
      <c r="BZ23" s="196">
        <v>1993</v>
      </c>
      <c r="CA23" s="195">
        <v>2012</v>
      </c>
      <c r="CB23" s="190">
        <v>0</v>
      </c>
      <c r="CC23" s="191">
        <v>12</v>
      </c>
      <c r="CD23" s="196">
        <v>12</v>
      </c>
      <c r="CE23" s="193">
        <v>0</v>
      </c>
      <c r="CF23" s="191">
        <v>2</v>
      </c>
      <c r="CG23" s="191">
        <v>5</v>
      </c>
      <c r="CH23" s="191">
        <v>25</v>
      </c>
      <c r="CI23" s="191">
        <v>33</v>
      </c>
      <c r="CJ23" s="191">
        <v>45</v>
      </c>
      <c r="CK23" s="196">
        <v>110</v>
      </c>
      <c r="CL23" s="195">
        <v>122</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1">
        <v>0</v>
      </c>
      <c r="E24" s="192">
        <v>0</v>
      </c>
      <c r="F24" s="193">
        <v>0</v>
      </c>
      <c r="G24" s="191">
        <v>735</v>
      </c>
      <c r="H24" s="191">
        <v>1541</v>
      </c>
      <c r="I24" s="191">
        <v>662</v>
      </c>
      <c r="J24" s="191">
        <v>2232</v>
      </c>
      <c r="K24" s="191">
        <v>1746</v>
      </c>
      <c r="L24" s="194">
        <v>6916</v>
      </c>
      <c r="M24" s="195">
        <v>6916</v>
      </c>
      <c r="N24" s="190">
        <v>0</v>
      </c>
      <c r="O24" s="191">
        <v>0</v>
      </c>
      <c r="P24" s="196">
        <v>0</v>
      </c>
      <c r="Q24" s="193">
        <v>0</v>
      </c>
      <c r="R24" s="191">
        <v>12</v>
      </c>
      <c r="S24" s="191">
        <v>0</v>
      </c>
      <c r="T24" s="191">
        <v>9</v>
      </c>
      <c r="U24" s="191">
        <v>53</v>
      </c>
      <c r="V24" s="191">
        <v>137</v>
      </c>
      <c r="W24" s="196">
        <v>211</v>
      </c>
      <c r="X24" s="195">
        <v>211</v>
      </c>
      <c r="Y24" s="190">
        <v>36</v>
      </c>
      <c r="Z24" s="191">
        <v>88</v>
      </c>
      <c r="AA24" s="196">
        <v>124</v>
      </c>
      <c r="AB24" s="193">
        <v>0</v>
      </c>
      <c r="AC24" s="191">
        <v>453</v>
      </c>
      <c r="AD24" s="191">
        <v>691</v>
      </c>
      <c r="AE24" s="191">
        <v>285</v>
      </c>
      <c r="AF24" s="191">
        <v>465</v>
      </c>
      <c r="AG24" s="191">
        <v>393</v>
      </c>
      <c r="AH24" s="196">
        <v>2287</v>
      </c>
      <c r="AI24" s="195">
        <v>2411</v>
      </c>
      <c r="AJ24" s="190">
        <v>12</v>
      </c>
      <c r="AK24" s="191">
        <v>0</v>
      </c>
      <c r="AL24" s="196">
        <v>12</v>
      </c>
      <c r="AM24" s="193">
        <v>0</v>
      </c>
      <c r="AN24" s="191">
        <v>159</v>
      </c>
      <c r="AO24" s="191">
        <v>141</v>
      </c>
      <c r="AP24" s="191">
        <v>39</v>
      </c>
      <c r="AQ24" s="191">
        <v>68</v>
      </c>
      <c r="AR24" s="191">
        <v>18</v>
      </c>
      <c r="AS24" s="196">
        <v>425</v>
      </c>
      <c r="AT24" s="195">
        <v>437</v>
      </c>
      <c r="AU24" s="190">
        <v>0</v>
      </c>
      <c r="AV24" s="191">
        <v>0</v>
      </c>
      <c r="AW24" s="196">
        <v>0</v>
      </c>
      <c r="AX24" s="193">
        <v>0</v>
      </c>
      <c r="AY24" s="191">
        <v>922</v>
      </c>
      <c r="AZ24" s="191">
        <v>1241</v>
      </c>
      <c r="BA24" s="191">
        <v>854</v>
      </c>
      <c r="BB24" s="191">
        <v>472</v>
      </c>
      <c r="BC24" s="191">
        <v>143</v>
      </c>
      <c r="BD24" s="194">
        <v>3632</v>
      </c>
      <c r="BE24" s="195">
        <v>3632</v>
      </c>
      <c r="BF24" s="190">
        <v>0</v>
      </c>
      <c r="BG24" s="191">
        <v>0</v>
      </c>
      <c r="BH24" s="196">
        <v>0</v>
      </c>
      <c r="BI24" s="193">
        <v>0</v>
      </c>
      <c r="BJ24" s="191">
        <v>164</v>
      </c>
      <c r="BK24" s="191">
        <v>230</v>
      </c>
      <c r="BL24" s="191">
        <v>51</v>
      </c>
      <c r="BM24" s="191">
        <v>83</v>
      </c>
      <c r="BN24" s="191">
        <v>42</v>
      </c>
      <c r="BO24" s="196">
        <v>570</v>
      </c>
      <c r="BP24" s="195">
        <v>570</v>
      </c>
      <c r="BQ24" s="190">
        <v>0</v>
      </c>
      <c r="BR24" s="191">
        <v>15</v>
      </c>
      <c r="BS24" s="196">
        <v>15</v>
      </c>
      <c r="BT24" s="193">
        <v>0</v>
      </c>
      <c r="BU24" s="191">
        <v>42</v>
      </c>
      <c r="BV24" s="191">
        <v>145</v>
      </c>
      <c r="BW24" s="191">
        <v>403</v>
      </c>
      <c r="BX24" s="191">
        <v>201</v>
      </c>
      <c r="BY24" s="191">
        <v>155</v>
      </c>
      <c r="BZ24" s="196">
        <v>946</v>
      </c>
      <c r="CA24" s="195">
        <v>961</v>
      </c>
      <c r="CB24" s="190">
        <v>0</v>
      </c>
      <c r="CC24" s="191">
        <v>0</v>
      </c>
      <c r="CD24" s="196">
        <v>0</v>
      </c>
      <c r="CE24" s="193">
        <v>0</v>
      </c>
      <c r="CF24" s="191">
        <v>13</v>
      </c>
      <c r="CG24" s="191">
        <v>0</v>
      </c>
      <c r="CH24" s="191">
        <v>8</v>
      </c>
      <c r="CI24" s="191">
        <v>9</v>
      </c>
      <c r="CJ24" s="191">
        <v>6</v>
      </c>
      <c r="CK24" s="196">
        <v>36</v>
      </c>
      <c r="CL24" s="195">
        <v>36</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1">
        <v>0</v>
      </c>
      <c r="E25" s="192">
        <v>0</v>
      </c>
      <c r="F25" s="193">
        <v>0</v>
      </c>
      <c r="G25" s="191">
        <v>1619</v>
      </c>
      <c r="H25" s="191">
        <v>2424</v>
      </c>
      <c r="I25" s="191">
        <v>2199</v>
      </c>
      <c r="J25" s="191">
        <v>3879</v>
      </c>
      <c r="K25" s="191">
        <v>3744</v>
      </c>
      <c r="L25" s="194">
        <v>13865</v>
      </c>
      <c r="M25" s="195">
        <v>13865</v>
      </c>
      <c r="N25" s="190">
        <v>0</v>
      </c>
      <c r="O25" s="191">
        <v>0</v>
      </c>
      <c r="P25" s="196">
        <v>0</v>
      </c>
      <c r="Q25" s="193">
        <v>0</v>
      </c>
      <c r="R25" s="191">
        <v>0</v>
      </c>
      <c r="S25" s="191">
        <v>23</v>
      </c>
      <c r="T25" s="191">
        <v>25</v>
      </c>
      <c r="U25" s="191">
        <v>117</v>
      </c>
      <c r="V25" s="191">
        <v>142</v>
      </c>
      <c r="W25" s="196">
        <v>307</v>
      </c>
      <c r="X25" s="195">
        <v>307</v>
      </c>
      <c r="Y25" s="190">
        <v>240</v>
      </c>
      <c r="Z25" s="191">
        <v>668</v>
      </c>
      <c r="AA25" s="196">
        <v>908</v>
      </c>
      <c r="AB25" s="193">
        <v>0</v>
      </c>
      <c r="AC25" s="191">
        <v>992</v>
      </c>
      <c r="AD25" s="191">
        <v>2057</v>
      </c>
      <c r="AE25" s="191">
        <v>932</v>
      </c>
      <c r="AF25" s="191">
        <v>955</v>
      </c>
      <c r="AG25" s="191">
        <v>613</v>
      </c>
      <c r="AH25" s="196">
        <v>5549</v>
      </c>
      <c r="AI25" s="195">
        <v>6457</v>
      </c>
      <c r="AJ25" s="190">
        <v>42</v>
      </c>
      <c r="AK25" s="191">
        <v>164</v>
      </c>
      <c r="AL25" s="196">
        <v>206</v>
      </c>
      <c r="AM25" s="193">
        <v>0</v>
      </c>
      <c r="AN25" s="191">
        <v>104</v>
      </c>
      <c r="AO25" s="191">
        <v>210</v>
      </c>
      <c r="AP25" s="191">
        <v>154</v>
      </c>
      <c r="AQ25" s="191">
        <v>95</v>
      </c>
      <c r="AR25" s="191">
        <v>22</v>
      </c>
      <c r="AS25" s="196">
        <v>585</v>
      </c>
      <c r="AT25" s="195">
        <v>791</v>
      </c>
      <c r="AU25" s="190">
        <v>0</v>
      </c>
      <c r="AV25" s="191">
        <v>0</v>
      </c>
      <c r="AW25" s="196">
        <v>0</v>
      </c>
      <c r="AX25" s="193">
        <v>0</v>
      </c>
      <c r="AY25" s="191">
        <v>2399</v>
      </c>
      <c r="AZ25" s="191">
        <v>2602</v>
      </c>
      <c r="BA25" s="191">
        <v>1539</v>
      </c>
      <c r="BB25" s="191">
        <v>830</v>
      </c>
      <c r="BC25" s="191">
        <v>327</v>
      </c>
      <c r="BD25" s="194">
        <v>7697</v>
      </c>
      <c r="BE25" s="195">
        <v>7697</v>
      </c>
      <c r="BF25" s="190">
        <v>0</v>
      </c>
      <c r="BG25" s="191">
        <v>0</v>
      </c>
      <c r="BH25" s="196">
        <v>0</v>
      </c>
      <c r="BI25" s="193">
        <v>0</v>
      </c>
      <c r="BJ25" s="191">
        <v>254</v>
      </c>
      <c r="BK25" s="191">
        <v>361</v>
      </c>
      <c r="BL25" s="191">
        <v>227</v>
      </c>
      <c r="BM25" s="191">
        <v>199</v>
      </c>
      <c r="BN25" s="191">
        <v>29</v>
      </c>
      <c r="BO25" s="196">
        <v>1070</v>
      </c>
      <c r="BP25" s="195">
        <v>1070</v>
      </c>
      <c r="BQ25" s="190">
        <v>6</v>
      </c>
      <c r="BR25" s="191">
        <v>10</v>
      </c>
      <c r="BS25" s="196">
        <v>16</v>
      </c>
      <c r="BT25" s="193">
        <v>0</v>
      </c>
      <c r="BU25" s="191">
        <v>329</v>
      </c>
      <c r="BV25" s="191">
        <v>333</v>
      </c>
      <c r="BW25" s="191">
        <v>484</v>
      </c>
      <c r="BX25" s="191">
        <v>430</v>
      </c>
      <c r="BY25" s="191">
        <v>127</v>
      </c>
      <c r="BZ25" s="196">
        <v>1703</v>
      </c>
      <c r="CA25" s="195">
        <v>1719</v>
      </c>
      <c r="CB25" s="190">
        <v>0</v>
      </c>
      <c r="CC25" s="191">
        <v>0</v>
      </c>
      <c r="CD25" s="196">
        <v>0</v>
      </c>
      <c r="CE25" s="193">
        <v>0</v>
      </c>
      <c r="CF25" s="191">
        <v>3</v>
      </c>
      <c r="CG25" s="191">
        <v>7</v>
      </c>
      <c r="CH25" s="191">
        <v>3</v>
      </c>
      <c r="CI25" s="191">
        <v>26</v>
      </c>
      <c r="CJ25" s="191">
        <v>22</v>
      </c>
      <c r="CK25" s="196">
        <v>61</v>
      </c>
      <c r="CL25" s="195">
        <v>61</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1">
        <v>0</v>
      </c>
      <c r="E26" s="192">
        <v>0</v>
      </c>
      <c r="F26" s="193">
        <v>0</v>
      </c>
      <c r="G26" s="191">
        <v>879</v>
      </c>
      <c r="H26" s="191">
        <v>1200</v>
      </c>
      <c r="I26" s="191">
        <v>1261</v>
      </c>
      <c r="J26" s="191">
        <v>2320</v>
      </c>
      <c r="K26" s="191">
        <v>1683</v>
      </c>
      <c r="L26" s="194">
        <v>7343</v>
      </c>
      <c r="M26" s="195">
        <v>7343</v>
      </c>
      <c r="N26" s="190">
        <v>0</v>
      </c>
      <c r="O26" s="191">
        <v>0</v>
      </c>
      <c r="P26" s="196">
        <v>0</v>
      </c>
      <c r="Q26" s="193">
        <v>0</v>
      </c>
      <c r="R26" s="191">
        <v>0</v>
      </c>
      <c r="S26" s="191">
        <v>11</v>
      </c>
      <c r="T26" s="191">
        <v>20</v>
      </c>
      <c r="U26" s="191">
        <v>34</v>
      </c>
      <c r="V26" s="191">
        <v>114</v>
      </c>
      <c r="W26" s="196">
        <v>179</v>
      </c>
      <c r="X26" s="195">
        <v>179</v>
      </c>
      <c r="Y26" s="190">
        <v>98</v>
      </c>
      <c r="Z26" s="191">
        <v>220</v>
      </c>
      <c r="AA26" s="196">
        <v>318</v>
      </c>
      <c r="AB26" s="193">
        <v>0</v>
      </c>
      <c r="AC26" s="191">
        <v>522</v>
      </c>
      <c r="AD26" s="191">
        <v>583</v>
      </c>
      <c r="AE26" s="191">
        <v>458</v>
      </c>
      <c r="AF26" s="191">
        <v>409</v>
      </c>
      <c r="AG26" s="191">
        <v>323</v>
      </c>
      <c r="AH26" s="196">
        <v>2295</v>
      </c>
      <c r="AI26" s="195">
        <v>2613</v>
      </c>
      <c r="AJ26" s="190">
        <v>8</v>
      </c>
      <c r="AK26" s="191">
        <v>10</v>
      </c>
      <c r="AL26" s="196">
        <v>18</v>
      </c>
      <c r="AM26" s="193">
        <v>0</v>
      </c>
      <c r="AN26" s="191">
        <v>47</v>
      </c>
      <c r="AO26" s="191">
        <v>56</v>
      </c>
      <c r="AP26" s="191">
        <v>48</v>
      </c>
      <c r="AQ26" s="191">
        <v>52</v>
      </c>
      <c r="AR26" s="191">
        <v>42</v>
      </c>
      <c r="AS26" s="196">
        <v>245</v>
      </c>
      <c r="AT26" s="195">
        <v>263</v>
      </c>
      <c r="AU26" s="190">
        <v>0</v>
      </c>
      <c r="AV26" s="191">
        <v>0</v>
      </c>
      <c r="AW26" s="196">
        <v>0</v>
      </c>
      <c r="AX26" s="193">
        <v>0</v>
      </c>
      <c r="AY26" s="191">
        <v>967</v>
      </c>
      <c r="AZ26" s="191">
        <v>798</v>
      </c>
      <c r="BA26" s="191">
        <v>426</v>
      </c>
      <c r="BB26" s="191">
        <v>238</v>
      </c>
      <c r="BC26" s="191">
        <v>89</v>
      </c>
      <c r="BD26" s="194">
        <v>2518</v>
      </c>
      <c r="BE26" s="195">
        <v>2518</v>
      </c>
      <c r="BF26" s="190">
        <v>0</v>
      </c>
      <c r="BG26" s="191">
        <v>0</v>
      </c>
      <c r="BH26" s="196">
        <v>0</v>
      </c>
      <c r="BI26" s="193">
        <v>0</v>
      </c>
      <c r="BJ26" s="191">
        <v>387</v>
      </c>
      <c r="BK26" s="191">
        <v>239</v>
      </c>
      <c r="BL26" s="191">
        <v>180</v>
      </c>
      <c r="BM26" s="191">
        <v>108</v>
      </c>
      <c r="BN26" s="191">
        <v>67</v>
      </c>
      <c r="BO26" s="196">
        <v>981</v>
      </c>
      <c r="BP26" s="195">
        <v>981</v>
      </c>
      <c r="BQ26" s="190">
        <v>10</v>
      </c>
      <c r="BR26" s="191">
        <v>14</v>
      </c>
      <c r="BS26" s="196">
        <v>24</v>
      </c>
      <c r="BT26" s="193">
        <v>0</v>
      </c>
      <c r="BU26" s="191">
        <v>61</v>
      </c>
      <c r="BV26" s="191">
        <v>311</v>
      </c>
      <c r="BW26" s="191">
        <v>193</v>
      </c>
      <c r="BX26" s="191">
        <v>215</v>
      </c>
      <c r="BY26" s="191">
        <v>114</v>
      </c>
      <c r="BZ26" s="196">
        <v>894</v>
      </c>
      <c r="CA26" s="195">
        <v>918</v>
      </c>
      <c r="CB26" s="190">
        <v>0</v>
      </c>
      <c r="CC26" s="191">
        <v>0</v>
      </c>
      <c r="CD26" s="196">
        <v>0</v>
      </c>
      <c r="CE26" s="193">
        <v>0</v>
      </c>
      <c r="CF26" s="191">
        <v>3</v>
      </c>
      <c r="CG26" s="191">
        <v>8</v>
      </c>
      <c r="CH26" s="191">
        <v>10</v>
      </c>
      <c r="CI26" s="191">
        <v>5</v>
      </c>
      <c r="CJ26" s="191">
        <v>6</v>
      </c>
      <c r="CK26" s="196">
        <v>32</v>
      </c>
      <c r="CL26" s="195">
        <v>32</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1">
        <v>0</v>
      </c>
      <c r="E27" s="192">
        <v>0</v>
      </c>
      <c r="F27" s="193">
        <v>0</v>
      </c>
      <c r="G27" s="191">
        <v>1399</v>
      </c>
      <c r="H27" s="191">
        <v>1884</v>
      </c>
      <c r="I27" s="191">
        <v>1879</v>
      </c>
      <c r="J27" s="191">
        <v>2951</v>
      </c>
      <c r="K27" s="191">
        <v>1987</v>
      </c>
      <c r="L27" s="194">
        <v>10100</v>
      </c>
      <c r="M27" s="195">
        <v>10100</v>
      </c>
      <c r="N27" s="190">
        <v>0</v>
      </c>
      <c r="O27" s="191">
        <v>0</v>
      </c>
      <c r="P27" s="196">
        <v>0</v>
      </c>
      <c r="Q27" s="193">
        <v>0</v>
      </c>
      <c r="R27" s="191">
        <v>13</v>
      </c>
      <c r="S27" s="191">
        <v>36</v>
      </c>
      <c r="T27" s="191">
        <v>50</v>
      </c>
      <c r="U27" s="191">
        <v>79</v>
      </c>
      <c r="V27" s="191">
        <v>74</v>
      </c>
      <c r="W27" s="196">
        <v>252</v>
      </c>
      <c r="X27" s="195">
        <v>252</v>
      </c>
      <c r="Y27" s="190">
        <v>133</v>
      </c>
      <c r="Z27" s="191">
        <v>326</v>
      </c>
      <c r="AA27" s="196">
        <v>459</v>
      </c>
      <c r="AB27" s="193">
        <v>0</v>
      </c>
      <c r="AC27" s="191">
        <v>568</v>
      </c>
      <c r="AD27" s="191">
        <v>882</v>
      </c>
      <c r="AE27" s="191">
        <v>410</v>
      </c>
      <c r="AF27" s="191">
        <v>452</v>
      </c>
      <c r="AG27" s="191">
        <v>330</v>
      </c>
      <c r="AH27" s="196">
        <v>2642</v>
      </c>
      <c r="AI27" s="195">
        <v>3101</v>
      </c>
      <c r="AJ27" s="190">
        <v>10</v>
      </c>
      <c r="AK27" s="191">
        <v>52</v>
      </c>
      <c r="AL27" s="196">
        <v>62</v>
      </c>
      <c r="AM27" s="193">
        <v>0</v>
      </c>
      <c r="AN27" s="191">
        <v>0</v>
      </c>
      <c r="AO27" s="191">
        <v>188</v>
      </c>
      <c r="AP27" s="191">
        <v>59</v>
      </c>
      <c r="AQ27" s="191">
        <v>73</v>
      </c>
      <c r="AR27" s="191">
        <v>24</v>
      </c>
      <c r="AS27" s="196">
        <v>344</v>
      </c>
      <c r="AT27" s="195">
        <v>406</v>
      </c>
      <c r="AU27" s="190">
        <v>0</v>
      </c>
      <c r="AV27" s="191">
        <v>0</v>
      </c>
      <c r="AW27" s="196">
        <v>0</v>
      </c>
      <c r="AX27" s="193">
        <v>0</v>
      </c>
      <c r="AY27" s="191">
        <v>1660</v>
      </c>
      <c r="AZ27" s="191">
        <v>1135</v>
      </c>
      <c r="BA27" s="191">
        <v>704</v>
      </c>
      <c r="BB27" s="191">
        <v>567</v>
      </c>
      <c r="BC27" s="191">
        <v>140</v>
      </c>
      <c r="BD27" s="194">
        <v>4206</v>
      </c>
      <c r="BE27" s="195">
        <v>4206</v>
      </c>
      <c r="BF27" s="190">
        <v>0</v>
      </c>
      <c r="BG27" s="191">
        <v>0</v>
      </c>
      <c r="BH27" s="196">
        <v>0</v>
      </c>
      <c r="BI27" s="193">
        <v>0</v>
      </c>
      <c r="BJ27" s="191">
        <v>213</v>
      </c>
      <c r="BK27" s="191">
        <v>416</v>
      </c>
      <c r="BL27" s="191">
        <v>143</v>
      </c>
      <c r="BM27" s="191">
        <v>101</v>
      </c>
      <c r="BN27" s="191">
        <v>9</v>
      </c>
      <c r="BO27" s="196">
        <v>882</v>
      </c>
      <c r="BP27" s="195">
        <v>882</v>
      </c>
      <c r="BQ27" s="190">
        <v>0</v>
      </c>
      <c r="BR27" s="191">
        <v>10</v>
      </c>
      <c r="BS27" s="196">
        <v>10</v>
      </c>
      <c r="BT27" s="193">
        <v>0</v>
      </c>
      <c r="BU27" s="191">
        <v>132</v>
      </c>
      <c r="BV27" s="191">
        <v>202</v>
      </c>
      <c r="BW27" s="191">
        <v>252</v>
      </c>
      <c r="BX27" s="191">
        <v>166</v>
      </c>
      <c r="BY27" s="191">
        <v>103</v>
      </c>
      <c r="BZ27" s="196">
        <v>855</v>
      </c>
      <c r="CA27" s="195">
        <v>865</v>
      </c>
      <c r="CB27" s="190">
        <v>0</v>
      </c>
      <c r="CC27" s="191">
        <v>0</v>
      </c>
      <c r="CD27" s="196">
        <v>0</v>
      </c>
      <c r="CE27" s="193">
        <v>0</v>
      </c>
      <c r="CF27" s="191">
        <v>0</v>
      </c>
      <c r="CG27" s="191">
        <v>37</v>
      </c>
      <c r="CH27" s="191">
        <v>18</v>
      </c>
      <c r="CI27" s="191">
        <v>36</v>
      </c>
      <c r="CJ27" s="191">
        <v>14</v>
      </c>
      <c r="CK27" s="196">
        <v>105</v>
      </c>
      <c r="CL27" s="195">
        <v>105</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1">
        <v>0</v>
      </c>
      <c r="E28" s="192">
        <v>0</v>
      </c>
      <c r="F28" s="193">
        <v>0</v>
      </c>
      <c r="G28" s="191">
        <v>748</v>
      </c>
      <c r="H28" s="191">
        <v>1804</v>
      </c>
      <c r="I28" s="191">
        <v>1606</v>
      </c>
      <c r="J28" s="191">
        <v>1525</v>
      </c>
      <c r="K28" s="191">
        <v>2169</v>
      </c>
      <c r="L28" s="194">
        <v>7852</v>
      </c>
      <c r="M28" s="195">
        <v>7852</v>
      </c>
      <c r="N28" s="190">
        <v>0</v>
      </c>
      <c r="O28" s="191">
        <v>0</v>
      </c>
      <c r="P28" s="196">
        <v>0</v>
      </c>
      <c r="Q28" s="193">
        <v>0</v>
      </c>
      <c r="R28" s="191">
        <v>0</v>
      </c>
      <c r="S28" s="191">
        <v>11</v>
      </c>
      <c r="T28" s="191">
        <v>17</v>
      </c>
      <c r="U28" s="191">
        <v>41</v>
      </c>
      <c r="V28" s="191">
        <v>65</v>
      </c>
      <c r="W28" s="196">
        <v>134</v>
      </c>
      <c r="X28" s="195">
        <v>134</v>
      </c>
      <c r="Y28" s="190">
        <v>98</v>
      </c>
      <c r="Z28" s="191">
        <v>103</v>
      </c>
      <c r="AA28" s="196">
        <v>201</v>
      </c>
      <c r="AB28" s="193">
        <v>0</v>
      </c>
      <c r="AC28" s="191">
        <v>525</v>
      </c>
      <c r="AD28" s="191">
        <v>672</v>
      </c>
      <c r="AE28" s="191">
        <v>329</v>
      </c>
      <c r="AF28" s="191">
        <v>421</v>
      </c>
      <c r="AG28" s="191">
        <v>404</v>
      </c>
      <c r="AH28" s="196">
        <v>2351</v>
      </c>
      <c r="AI28" s="195">
        <v>2552</v>
      </c>
      <c r="AJ28" s="190">
        <v>23</v>
      </c>
      <c r="AK28" s="191">
        <v>18</v>
      </c>
      <c r="AL28" s="196">
        <v>41</v>
      </c>
      <c r="AM28" s="193">
        <v>0</v>
      </c>
      <c r="AN28" s="191">
        <v>49</v>
      </c>
      <c r="AO28" s="191">
        <v>38</v>
      </c>
      <c r="AP28" s="191">
        <v>59</v>
      </c>
      <c r="AQ28" s="191">
        <v>18</v>
      </c>
      <c r="AR28" s="191">
        <v>36</v>
      </c>
      <c r="AS28" s="196">
        <v>200</v>
      </c>
      <c r="AT28" s="195">
        <v>241</v>
      </c>
      <c r="AU28" s="190">
        <v>0</v>
      </c>
      <c r="AV28" s="191">
        <v>0</v>
      </c>
      <c r="AW28" s="196">
        <v>0</v>
      </c>
      <c r="AX28" s="193">
        <v>0</v>
      </c>
      <c r="AY28" s="191">
        <v>885</v>
      </c>
      <c r="AZ28" s="191">
        <v>903</v>
      </c>
      <c r="BA28" s="191">
        <v>456</v>
      </c>
      <c r="BB28" s="191">
        <v>225</v>
      </c>
      <c r="BC28" s="191">
        <v>184</v>
      </c>
      <c r="BD28" s="194">
        <v>2653</v>
      </c>
      <c r="BE28" s="195">
        <v>2653</v>
      </c>
      <c r="BF28" s="190">
        <v>0</v>
      </c>
      <c r="BG28" s="191">
        <v>0</v>
      </c>
      <c r="BH28" s="196">
        <v>0</v>
      </c>
      <c r="BI28" s="193">
        <v>0</v>
      </c>
      <c r="BJ28" s="191">
        <v>120</v>
      </c>
      <c r="BK28" s="191">
        <v>220</v>
      </c>
      <c r="BL28" s="191">
        <v>111</v>
      </c>
      <c r="BM28" s="191">
        <v>79</v>
      </c>
      <c r="BN28" s="191">
        <v>44</v>
      </c>
      <c r="BO28" s="196">
        <v>574</v>
      </c>
      <c r="BP28" s="195">
        <v>574</v>
      </c>
      <c r="BQ28" s="190">
        <v>4</v>
      </c>
      <c r="BR28" s="191">
        <v>0</v>
      </c>
      <c r="BS28" s="196">
        <v>4</v>
      </c>
      <c r="BT28" s="193">
        <v>0</v>
      </c>
      <c r="BU28" s="191">
        <v>62</v>
      </c>
      <c r="BV28" s="191">
        <v>286</v>
      </c>
      <c r="BW28" s="191">
        <v>242</v>
      </c>
      <c r="BX28" s="191">
        <v>233</v>
      </c>
      <c r="BY28" s="191">
        <v>184</v>
      </c>
      <c r="BZ28" s="196">
        <v>1007</v>
      </c>
      <c r="CA28" s="195">
        <v>1011</v>
      </c>
      <c r="CB28" s="190">
        <v>0</v>
      </c>
      <c r="CC28" s="191">
        <v>0</v>
      </c>
      <c r="CD28" s="196">
        <v>0</v>
      </c>
      <c r="CE28" s="193">
        <v>0</v>
      </c>
      <c r="CF28" s="191">
        <v>8</v>
      </c>
      <c r="CG28" s="191">
        <v>16</v>
      </c>
      <c r="CH28" s="191">
        <v>29</v>
      </c>
      <c r="CI28" s="191">
        <v>17</v>
      </c>
      <c r="CJ28" s="191">
        <v>14</v>
      </c>
      <c r="CK28" s="196">
        <v>84</v>
      </c>
      <c r="CL28" s="195">
        <v>84</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1">
        <v>0</v>
      </c>
      <c r="E29" s="192">
        <v>0</v>
      </c>
      <c r="F29" s="193">
        <v>0</v>
      </c>
      <c r="G29" s="191">
        <v>677</v>
      </c>
      <c r="H29" s="191">
        <v>1016</v>
      </c>
      <c r="I29" s="191">
        <v>1357</v>
      </c>
      <c r="J29" s="191">
        <v>1790</v>
      </c>
      <c r="K29" s="191">
        <v>1322</v>
      </c>
      <c r="L29" s="194">
        <v>6162</v>
      </c>
      <c r="M29" s="195">
        <v>6162</v>
      </c>
      <c r="N29" s="190">
        <v>0</v>
      </c>
      <c r="O29" s="191">
        <v>0</v>
      </c>
      <c r="P29" s="196">
        <v>0</v>
      </c>
      <c r="Q29" s="193">
        <v>0</v>
      </c>
      <c r="R29" s="191">
        <v>6</v>
      </c>
      <c r="S29" s="191">
        <v>29</v>
      </c>
      <c r="T29" s="191">
        <v>34</v>
      </c>
      <c r="U29" s="191">
        <v>28</v>
      </c>
      <c r="V29" s="191">
        <v>89</v>
      </c>
      <c r="W29" s="196">
        <v>186</v>
      </c>
      <c r="X29" s="195">
        <v>186</v>
      </c>
      <c r="Y29" s="190">
        <v>125</v>
      </c>
      <c r="Z29" s="191">
        <v>338</v>
      </c>
      <c r="AA29" s="196">
        <v>463</v>
      </c>
      <c r="AB29" s="193">
        <v>0</v>
      </c>
      <c r="AC29" s="191">
        <v>219</v>
      </c>
      <c r="AD29" s="191">
        <v>512</v>
      </c>
      <c r="AE29" s="191">
        <v>327</v>
      </c>
      <c r="AF29" s="191">
        <v>333</v>
      </c>
      <c r="AG29" s="191">
        <v>269</v>
      </c>
      <c r="AH29" s="196">
        <v>1660</v>
      </c>
      <c r="AI29" s="195">
        <v>2123</v>
      </c>
      <c r="AJ29" s="190">
        <v>9</v>
      </c>
      <c r="AK29" s="191">
        <v>12</v>
      </c>
      <c r="AL29" s="196">
        <v>21</v>
      </c>
      <c r="AM29" s="193">
        <v>0</v>
      </c>
      <c r="AN29" s="191">
        <v>6</v>
      </c>
      <c r="AO29" s="191">
        <v>0</v>
      </c>
      <c r="AP29" s="191">
        <v>21</v>
      </c>
      <c r="AQ29" s="191">
        <v>6</v>
      </c>
      <c r="AR29" s="191">
        <v>20</v>
      </c>
      <c r="AS29" s="196">
        <v>53</v>
      </c>
      <c r="AT29" s="195">
        <v>74</v>
      </c>
      <c r="AU29" s="190">
        <v>0</v>
      </c>
      <c r="AV29" s="191">
        <v>0</v>
      </c>
      <c r="AW29" s="196">
        <v>0</v>
      </c>
      <c r="AX29" s="193">
        <v>0</v>
      </c>
      <c r="AY29" s="191">
        <v>987</v>
      </c>
      <c r="AZ29" s="191">
        <v>435</v>
      </c>
      <c r="BA29" s="191">
        <v>393</v>
      </c>
      <c r="BB29" s="191">
        <v>366</v>
      </c>
      <c r="BC29" s="191">
        <v>130</v>
      </c>
      <c r="BD29" s="194">
        <v>2311</v>
      </c>
      <c r="BE29" s="195">
        <v>2311</v>
      </c>
      <c r="BF29" s="190">
        <v>0</v>
      </c>
      <c r="BG29" s="191">
        <v>0</v>
      </c>
      <c r="BH29" s="196">
        <v>0</v>
      </c>
      <c r="BI29" s="193">
        <v>0</v>
      </c>
      <c r="BJ29" s="191">
        <v>186</v>
      </c>
      <c r="BK29" s="191">
        <v>239</v>
      </c>
      <c r="BL29" s="191">
        <v>176</v>
      </c>
      <c r="BM29" s="191">
        <v>29</v>
      </c>
      <c r="BN29" s="191">
        <v>61</v>
      </c>
      <c r="BO29" s="196">
        <v>691</v>
      </c>
      <c r="BP29" s="195">
        <v>691</v>
      </c>
      <c r="BQ29" s="190">
        <v>2</v>
      </c>
      <c r="BR29" s="191">
        <v>14</v>
      </c>
      <c r="BS29" s="196">
        <v>16</v>
      </c>
      <c r="BT29" s="193">
        <v>0</v>
      </c>
      <c r="BU29" s="191">
        <v>171</v>
      </c>
      <c r="BV29" s="191">
        <v>49</v>
      </c>
      <c r="BW29" s="191">
        <v>130</v>
      </c>
      <c r="BX29" s="191">
        <v>153</v>
      </c>
      <c r="BY29" s="191">
        <v>55</v>
      </c>
      <c r="BZ29" s="196">
        <v>558</v>
      </c>
      <c r="CA29" s="195">
        <v>574</v>
      </c>
      <c r="CB29" s="190">
        <v>2</v>
      </c>
      <c r="CC29" s="191">
        <v>0</v>
      </c>
      <c r="CD29" s="196">
        <v>2</v>
      </c>
      <c r="CE29" s="193">
        <v>0</v>
      </c>
      <c r="CF29" s="191">
        <v>10</v>
      </c>
      <c r="CG29" s="191">
        <v>9</v>
      </c>
      <c r="CH29" s="191">
        <v>3</v>
      </c>
      <c r="CI29" s="191">
        <v>46</v>
      </c>
      <c r="CJ29" s="191">
        <v>0</v>
      </c>
      <c r="CK29" s="196">
        <v>68</v>
      </c>
      <c r="CL29" s="195">
        <v>70</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1">
        <v>0</v>
      </c>
      <c r="E30" s="192">
        <v>0</v>
      </c>
      <c r="F30" s="193">
        <v>0</v>
      </c>
      <c r="G30" s="191">
        <v>118</v>
      </c>
      <c r="H30" s="191">
        <v>252</v>
      </c>
      <c r="I30" s="191">
        <v>159</v>
      </c>
      <c r="J30" s="191">
        <v>233</v>
      </c>
      <c r="K30" s="191">
        <v>329</v>
      </c>
      <c r="L30" s="194">
        <v>1091</v>
      </c>
      <c r="M30" s="195">
        <v>1091</v>
      </c>
      <c r="N30" s="190">
        <v>0</v>
      </c>
      <c r="O30" s="191">
        <v>0</v>
      </c>
      <c r="P30" s="196">
        <v>0</v>
      </c>
      <c r="Q30" s="193">
        <v>0</v>
      </c>
      <c r="R30" s="191">
        <v>0</v>
      </c>
      <c r="S30" s="191">
        <v>0</v>
      </c>
      <c r="T30" s="191">
        <v>14</v>
      </c>
      <c r="U30" s="191">
        <v>7</v>
      </c>
      <c r="V30" s="191">
        <v>12</v>
      </c>
      <c r="W30" s="196">
        <v>33</v>
      </c>
      <c r="X30" s="195">
        <v>33</v>
      </c>
      <c r="Y30" s="190">
        <v>11</v>
      </c>
      <c r="Z30" s="191">
        <v>26</v>
      </c>
      <c r="AA30" s="196">
        <v>37</v>
      </c>
      <c r="AB30" s="193">
        <v>0</v>
      </c>
      <c r="AC30" s="191">
        <v>46</v>
      </c>
      <c r="AD30" s="191">
        <v>85</v>
      </c>
      <c r="AE30" s="191">
        <v>65</v>
      </c>
      <c r="AF30" s="191">
        <v>108</v>
      </c>
      <c r="AG30" s="191">
        <v>72</v>
      </c>
      <c r="AH30" s="196">
        <v>376</v>
      </c>
      <c r="AI30" s="195">
        <v>413</v>
      </c>
      <c r="AJ30" s="190">
        <v>0</v>
      </c>
      <c r="AK30" s="191">
        <v>0</v>
      </c>
      <c r="AL30" s="196">
        <v>0</v>
      </c>
      <c r="AM30" s="193">
        <v>0</v>
      </c>
      <c r="AN30" s="191">
        <v>8</v>
      </c>
      <c r="AO30" s="191">
        <v>0</v>
      </c>
      <c r="AP30" s="191">
        <v>21</v>
      </c>
      <c r="AQ30" s="191">
        <v>3</v>
      </c>
      <c r="AR30" s="191">
        <v>14</v>
      </c>
      <c r="AS30" s="196">
        <v>46</v>
      </c>
      <c r="AT30" s="195">
        <v>46</v>
      </c>
      <c r="AU30" s="190">
        <v>0</v>
      </c>
      <c r="AV30" s="191">
        <v>0</v>
      </c>
      <c r="AW30" s="196">
        <v>0</v>
      </c>
      <c r="AX30" s="193">
        <v>0</v>
      </c>
      <c r="AY30" s="191">
        <v>223</v>
      </c>
      <c r="AZ30" s="191">
        <v>373</v>
      </c>
      <c r="BA30" s="191">
        <v>224</v>
      </c>
      <c r="BB30" s="191">
        <v>133</v>
      </c>
      <c r="BC30" s="191">
        <v>79</v>
      </c>
      <c r="BD30" s="194">
        <v>1032</v>
      </c>
      <c r="BE30" s="195">
        <v>1032</v>
      </c>
      <c r="BF30" s="190">
        <v>0</v>
      </c>
      <c r="BG30" s="191">
        <v>0</v>
      </c>
      <c r="BH30" s="196">
        <v>0</v>
      </c>
      <c r="BI30" s="193">
        <v>0</v>
      </c>
      <c r="BJ30" s="191">
        <v>91</v>
      </c>
      <c r="BK30" s="191">
        <v>123</v>
      </c>
      <c r="BL30" s="191">
        <v>58</v>
      </c>
      <c r="BM30" s="191">
        <v>92</v>
      </c>
      <c r="BN30" s="191">
        <v>21</v>
      </c>
      <c r="BO30" s="196">
        <v>385</v>
      </c>
      <c r="BP30" s="195">
        <v>385</v>
      </c>
      <c r="BQ30" s="190">
        <v>0</v>
      </c>
      <c r="BR30" s="191">
        <v>0</v>
      </c>
      <c r="BS30" s="196">
        <v>0</v>
      </c>
      <c r="BT30" s="193">
        <v>0</v>
      </c>
      <c r="BU30" s="191">
        <v>4</v>
      </c>
      <c r="BV30" s="191">
        <v>25</v>
      </c>
      <c r="BW30" s="191">
        <v>59</v>
      </c>
      <c r="BX30" s="191">
        <v>58</v>
      </c>
      <c r="BY30" s="191">
        <v>28</v>
      </c>
      <c r="BZ30" s="196">
        <v>174</v>
      </c>
      <c r="CA30" s="195">
        <v>174</v>
      </c>
      <c r="CB30" s="190">
        <v>0</v>
      </c>
      <c r="CC30" s="191">
        <v>0</v>
      </c>
      <c r="CD30" s="196">
        <v>0</v>
      </c>
      <c r="CE30" s="193">
        <v>0</v>
      </c>
      <c r="CF30" s="191">
        <v>3</v>
      </c>
      <c r="CG30" s="191">
        <v>0</v>
      </c>
      <c r="CH30" s="191">
        <v>15</v>
      </c>
      <c r="CI30" s="191">
        <v>31</v>
      </c>
      <c r="CJ30" s="191">
        <v>4</v>
      </c>
      <c r="CK30" s="196">
        <v>53</v>
      </c>
      <c r="CL30" s="195">
        <v>53</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1">
        <v>0</v>
      </c>
      <c r="E31" s="192">
        <v>0</v>
      </c>
      <c r="F31" s="193">
        <v>0</v>
      </c>
      <c r="G31" s="191">
        <v>217</v>
      </c>
      <c r="H31" s="191">
        <v>363</v>
      </c>
      <c r="I31" s="191">
        <v>540</v>
      </c>
      <c r="J31" s="191">
        <v>2182</v>
      </c>
      <c r="K31" s="191">
        <v>708</v>
      </c>
      <c r="L31" s="194">
        <v>4010</v>
      </c>
      <c r="M31" s="195">
        <v>4010</v>
      </c>
      <c r="N31" s="190">
        <v>0</v>
      </c>
      <c r="O31" s="191">
        <v>0</v>
      </c>
      <c r="P31" s="196">
        <v>0</v>
      </c>
      <c r="Q31" s="193">
        <v>0</v>
      </c>
      <c r="R31" s="191">
        <v>0</v>
      </c>
      <c r="S31" s="191">
        <v>2</v>
      </c>
      <c r="T31" s="191">
        <v>0</v>
      </c>
      <c r="U31" s="191">
        <v>14</v>
      </c>
      <c r="V31" s="191">
        <v>35</v>
      </c>
      <c r="W31" s="196">
        <v>51</v>
      </c>
      <c r="X31" s="195">
        <v>51</v>
      </c>
      <c r="Y31" s="190">
        <v>8</v>
      </c>
      <c r="Z31" s="191">
        <v>47</v>
      </c>
      <c r="AA31" s="196">
        <v>55</v>
      </c>
      <c r="AB31" s="193">
        <v>0</v>
      </c>
      <c r="AC31" s="191">
        <v>164</v>
      </c>
      <c r="AD31" s="191">
        <v>237</v>
      </c>
      <c r="AE31" s="191">
        <v>197</v>
      </c>
      <c r="AF31" s="191">
        <v>182</v>
      </c>
      <c r="AG31" s="191">
        <v>133</v>
      </c>
      <c r="AH31" s="196">
        <v>913</v>
      </c>
      <c r="AI31" s="195">
        <v>968</v>
      </c>
      <c r="AJ31" s="190">
        <v>0</v>
      </c>
      <c r="AK31" s="191">
        <v>9</v>
      </c>
      <c r="AL31" s="196">
        <v>9</v>
      </c>
      <c r="AM31" s="193">
        <v>0</v>
      </c>
      <c r="AN31" s="191">
        <v>54</v>
      </c>
      <c r="AO31" s="191">
        <v>33</v>
      </c>
      <c r="AP31" s="191">
        <v>24</v>
      </c>
      <c r="AQ31" s="191">
        <v>18</v>
      </c>
      <c r="AR31" s="191">
        <v>0</v>
      </c>
      <c r="AS31" s="196">
        <v>129</v>
      </c>
      <c r="AT31" s="195">
        <v>138</v>
      </c>
      <c r="AU31" s="190">
        <v>0</v>
      </c>
      <c r="AV31" s="191">
        <v>0</v>
      </c>
      <c r="AW31" s="196">
        <v>0</v>
      </c>
      <c r="AX31" s="193">
        <v>0</v>
      </c>
      <c r="AY31" s="191">
        <v>315</v>
      </c>
      <c r="AZ31" s="191">
        <v>373</v>
      </c>
      <c r="BA31" s="191">
        <v>354</v>
      </c>
      <c r="BB31" s="191">
        <v>150</v>
      </c>
      <c r="BC31" s="191">
        <v>65</v>
      </c>
      <c r="BD31" s="194">
        <v>1257</v>
      </c>
      <c r="BE31" s="195">
        <v>1257</v>
      </c>
      <c r="BF31" s="190">
        <v>0</v>
      </c>
      <c r="BG31" s="191">
        <v>0</v>
      </c>
      <c r="BH31" s="196">
        <v>0</v>
      </c>
      <c r="BI31" s="193">
        <v>0</v>
      </c>
      <c r="BJ31" s="191">
        <v>71</v>
      </c>
      <c r="BK31" s="191">
        <v>105</v>
      </c>
      <c r="BL31" s="191">
        <v>102</v>
      </c>
      <c r="BM31" s="191">
        <v>21</v>
      </c>
      <c r="BN31" s="191">
        <v>12</v>
      </c>
      <c r="BO31" s="196">
        <v>311</v>
      </c>
      <c r="BP31" s="195">
        <v>311</v>
      </c>
      <c r="BQ31" s="190">
        <v>0</v>
      </c>
      <c r="BR31" s="191">
        <v>0</v>
      </c>
      <c r="BS31" s="196">
        <v>0</v>
      </c>
      <c r="BT31" s="193">
        <v>0</v>
      </c>
      <c r="BU31" s="191">
        <v>47</v>
      </c>
      <c r="BV31" s="191">
        <v>26</v>
      </c>
      <c r="BW31" s="191">
        <v>139</v>
      </c>
      <c r="BX31" s="191">
        <v>105</v>
      </c>
      <c r="BY31" s="191">
        <v>107</v>
      </c>
      <c r="BZ31" s="196">
        <v>424</v>
      </c>
      <c r="CA31" s="195">
        <v>424</v>
      </c>
      <c r="CB31" s="190">
        <v>0</v>
      </c>
      <c r="CC31" s="191">
        <v>9</v>
      </c>
      <c r="CD31" s="196">
        <v>9</v>
      </c>
      <c r="CE31" s="193">
        <v>0</v>
      </c>
      <c r="CF31" s="191">
        <v>0</v>
      </c>
      <c r="CG31" s="191">
        <v>7</v>
      </c>
      <c r="CH31" s="191">
        <v>6</v>
      </c>
      <c r="CI31" s="191">
        <v>9</v>
      </c>
      <c r="CJ31" s="191">
        <v>0</v>
      </c>
      <c r="CK31" s="196">
        <v>22</v>
      </c>
      <c r="CL31" s="195">
        <v>31</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1">
        <v>0</v>
      </c>
      <c r="E32" s="192">
        <v>0</v>
      </c>
      <c r="F32" s="193">
        <v>0</v>
      </c>
      <c r="G32" s="191">
        <v>511</v>
      </c>
      <c r="H32" s="191">
        <v>244</v>
      </c>
      <c r="I32" s="191">
        <v>535</v>
      </c>
      <c r="J32" s="191">
        <v>885</v>
      </c>
      <c r="K32" s="191">
        <v>482</v>
      </c>
      <c r="L32" s="194">
        <v>2657</v>
      </c>
      <c r="M32" s="195">
        <v>2657</v>
      </c>
      <c r="N32" s="190">
        <v>0</v>
      </c>
      <c r="O32" s="191">
        <v>0</v>
      </c>
      <c r="P32" s="196">
        <v>0</v>
      </c>
      <c r="Q32" s="193">
        <v>0</v>
      </c>
      <c r="R32" s="191">
        <v>4</v>
      </c>
      <c r="S32" s="191">
        <v>4</v>
      </c>
      <c r="T32" s="191">
        <v>21</v>
      </c>
      <c r="U32" s="191">
        <v>26</v>
      </c>
      <c r="V32" s="191">
        <v>10</v>
      </c>
      <c r="W32" s="196">
        <v>65</v>
      </c>
      <c r="X32" s="195">
        <v>65</v>
      </c>
      <c r="Y32" s="190">
        <v>17</v>
      </c>
      <c r="Z32" s="191">
        <v>60</v>
      </c>
      <c r="AA32" s="196">
        <v>77</v>
      </c>
      <c r="AB32" s="193">
        <v>0</v>
      </c>
      <c r="AC32" s="191">
        <v>279</v>
      </c>
      <c r="AD32" s="191">
        <v>145</v>
      </c>
      <c r="AE32" s="191">
        <v>117</v>
      </c>
      <c r="AF32" s="191">
        <v>97</v>
      </c>
      <c r="AG32" s="191">
        <v>40</v>
      </c>
      <c r="AH32" s="196">
        <v>678</v>
      </c>
      <c r="AI32" s="195">
        <v>755</v>
      </c>
      <c r="AJ32" s="190">
        <v>12</v>
      </c>
      <c r="AK32" s="191">
        <v>0</v>
      </c>
      <c r="AL32" s="196">
        <v>12</v>
      </c>
      <c r="AM32" s="193">
        <v>0</v>
      </c>
      <c r="AN32" s="191">
        <v>35</v>
      </c>
      <c r="AO32" s="191">
        <v>38</v>
      </c>
      <c r="AP32" s="191">
        <v>57</v>
      </c>
      <c r="AQ32" s="191">
        <v>0</v>
      </c>
      <c r="AR32" s="191">
        <v>0</v>
      </c>
      <c r="AS32" s="196">
        <v>130</v>
      </c>
      <c r="AT32" s="195">
        <v>142</v>
      </c>
      <c r="AU32" s="190">
        <v>0</v>
      </c>
      <c r="AV32" s="191">
        <v>0</v>
      </c>
      <c r="AW32" s="196">
        <v>0</v>
      </c>
      <c r="AX32" s="193">
        <v>0</v>
      </c>
      <c r="AY32" s="191">
        <v>313</v>
      </c>
      <c r="AZ32" s="191">
        <v>161</v>
      </c>
      <c r="BA32" s="191">
        <v>156</v>
      </c>
      <c r="BB32" s="191">
        <v>117</v>
      </c>
      <c r="BC32" s="191">
        <v>14</v>
      </c>
      <c r="BD32" s="194">
        <v>761</v>
      </c>
      <c r="BE32" s="195">
        <v>761</v>
      </c>
      <c r="BF32" s="190">
        <v>0</v>
      </c>
      <c r="BG32" s="191">
        <v>0</v>
      </c>
      <c r="BH32" s="196">
        <v>0</v>
      </c>
      <c r="BI32" s="193">
        <v>0</v>
      </c>
      <c r="BJ32" s="191">
        <v>58</v>
      </c>
      <c r="BK32" s="191">
        <v>72</v>
      </c>
      <c r="BL32" s="191">
        <v>23</v>
      </c>
      <c r="BM32" s="191">
        <v>25</v>
      </c>
      <c r="BN32" s="191">
        <v>9</v>
      </c>
      <c r="BO32" s="196">
        <v>187</v>
      </c>
      <c r="BP32" s="195">
        <v>187</v>
      </c>
      <c r="BQ32" s="190">
        <v>0</v>
      </c>
      <c r="BR32" s="191">
        <v>0</v>
      </c>
      <c r="BS32" s="196">
        <v>0</v>
      </c>
      <c r="BT32" s="193">
        <v>0</v>
      </c>
      <c r="BU32" s="191">
        <v>30</v>
      </c>
      <c r="BV32" s="191">
        <v>92</v>
      </c>
      <c r="BW32" s="191">
        <v>115</v>
      </c>
      <c r="BX32" s="191">
        <v>60</v>
      </c>
      <c r="BY32" s="191">
        <v>5</v>
      </c>
      <c r="BZ32" s="196">
        <v>302</v>
      </c>
      <c r="CA32" s="195">
        <v>302</v>
      </c>
      <c r="CB32" s="190">
        <v>0</v>
      </c>
      <c r="CC32" s="191">
        <v>0</v>
      </c>
      <c r="CD32" s="196">
        <v>0</v>
      </c>
      <c r="CE32" s="193">
        <v>0</v>
      </c>
      <c r="CF32" s="191">
        <v>22</v>
      </c>
      <c r="CG32" s="191">
        <v>7</v>
      </c>
      <c r="CH32" s="191">
        <v>5</v>
      </c>
      <c r="CI32" s="191">
        <v>2</v>
      </c>
      <c r="CJ32" s="191">
        <v>4</v>
      </c>
      <c r="CK32" s="196">
        <v>40</v>
      </c>
      <c r="CL32" s="195">
        <v>40</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1">
        <v>0</v>
      </c>
      <c r="E33" s="192">
        <v>0</v>
      </c>
      <c r="F33" s="193">
        <v>0</v>
      </c>
      <c r="G33" s="191">
        <v>114</v>
      </c>
      <c r="H33" s="191">
        <v>202</v>
      </c>
      <c r="I33" s="191">
        <v>258</v>
      </c>
      <c r="J33" s="191">
        <v>334</v>
      </c>
      <c r="K33" s="191">
        <v>335</v>
      </c>
      <c r="L33" s="194">
        <v>1243</v>
      </c>
      <c r="M33" s="195">
        <v>1243</v>
      </c>
      <c r="N33" s="190">
        <v>0</v>
      </c>
      <c r="O33" s="191">
        <v>0</v>
      </c>
      <c r="P33" s="196">
        <v>0</v>
      </c>
      <c r="Q33" s="193">
        <v>0</v>
      </c>
      <c r="R33" s="191">
        <v>14</v>
      </c>
      <c r="S33" s="191">
        <v>18</v>
      </c>
      <c r="T33" s="191">
        <v>9</v>
      </c>
      <c r="U33" s="191">
        <v>35</v>
      </c>
      <c r="V33" s="191">
        <v>37</v>
      </c>
      <c r="W33" s="196">
        <v>113</v>
      </c>
      <c r="X33" s="195">
        <v>113</v>
      </c>
      <c r="Y33" s="190">
        <v>14</v>
      </c>
      <c r="Z33" s="191">
        <v>31</v>
      </c>
      <c r="AA33" s="196">
        <v>45</v>
      </c>
      <c r="AB33" s="193">
        <v>0</v>
      </c>
      <c r="AC33" s="191">
        <v>125</v>
      </c>
      <c r="AD33" s="191">
        <v>146</v>
      </c>
      <c r="AE33" s="191">
        <v>147</v>
      </c>
      <c r="AF33" s="191">
        <v>110</v>
      </c>
      <c r="AG33" s="191">
        <v>63</v>
      </c>
      <c r="AH33" s="196">
        <v>591</v>
      </c>
      <c r="AI33" s="195">
        <v>636</v>
      </c>
      <c r="AJ33" s="190">
        <v>0</v>
      </c>
      <c r="AK33" s="191">
        <v>21</v>
      </c>
      <c r="AL33" s="196">
        <v>21</v>
      </c>
      <c r="AM33" s="193">
        <v>0</v>
      </c>
      <c r="AN33" s="191">
        <v>42</v>
      </c>
      <c r="AO33" s="191">
        <v>12</v>
      </c>
      <c r="AP33" s="191">
        <v>9</v>
      </c>
      <c r="AQ33" s="191">
        <v>27</v>
      </c>
      <c r="AR33" s="191">
        <v>0</v>
      </c>
      <c r="AS33" s="196">
        <v>90</v>
      </c>
      <c r="AT33" s="195">
        <v>111</v>
      </c>
      <c r="AU33" s="190">
        <v>0</v>
      </c>
      <c r="AV33" s="191">
        <v>0</v>
      </c>
      <c r="AW33" s="196">
        <v>0</v>
      </c>
      <c r="AX33" s="193">
        <v>0</v>
      </c>
      <c r="AY33" s="191">
        <v>413</v>
      </c>
      <c r="AZ33" s="191">
        <v>394</v>
      </c>
      <c r="BA33" s="191">
        <v>190</v>
      </c>
      <c r="BB33" s="191">
        <v>45</v>
      </c>
      <c r="BC33" s="191">
        <v>56</v>
      </c>
      <c r="BD33" s="194">
        <v>1098</v>
      </c>
      <c r="BE33" s="195">
        <v>1098</v>
      </c>
      <c r="BF33" s="190">
        <v>0</v>
      </c>
      <c r="BG33" s="191">
        <v>0</v>
      </c>
      <c r="BH33" s="196">
        <v>0</v>
      </c>
      <c r="BI33" s="193">
        <v>0</v>
      </c>
      <c r="BJ33" s="191">
        <v>41</v>
      </c>
      <c r="BK33" s="191">
        <v>47</v>
      </c>
      <c r="BL33" s="191">
        <v>57</v>
      </c>
      <c r="BM33" s="191">
        <v>43</v>
      </c>
      <c r="BN33" s="191">
        <v>8</v>
      </c>
      <c r="BO33" s="196">
        <v>196</v>
      </c>
      <c r="BP33" s="195">
        <v>196</v>
      </c>
      <c r="BQ33" s="190">
        <v>0</v>
      </c>
      <c r="BR33" s="191">
        <v>6</v>
      </c>
      <c r="BS33" s="196">
        <v>6</v>
      </c>
      <c r="BT33" s="193">
        <v>0</v>
      </c>
      <c r="BU33" s="191">
        <v>27</v>
      </c>
      <c r="BV33" s="191">
        <v>68</v>
      </c>
      <c r="BW33" s="191">
        <v>226</v>
      </c>
      <c r="BX33" s="191">
        <v>49</v>
      </c>
      <c r="BY33" s="191">
        <v>0</v>
      </c>
      <c r="BZ33" s="196">
        <v>370</v>
      </c>
      <c r="CA33" s="195">
        <v>376</v>
      </c>
      <c r="CB33" s="190">
        <v>0</v>
      </c>
      <c r="CC33" s="191">
        <v>0</v>
      </c>
      <c r="CD33" s="196">
        <v>0</v>
      </c>
      <c r="CE33" s="193">
        <v>0</v>
      </c>
      <c r="CF33" s="191">
        <v>11</v>
      </c>
      <c r="CG33" s="191">
        <v>8</v>
      </c>
      <c r="CH33" s="191">
        <v>7</v>
      </c>
      <c r="CI33" s="191">
        <v>0</v>
      </c>
      <c r="CJ33" s="191">
        <v>5</v>
      </c>
      <c r="CK33" s="196">
        <v>31</v>
      </c>
      <c r="CL33" s="195">
        <v>31</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1">
        <v>0</v>
      </c>
      <c r="E34" s="192">
        <v>0</v>
      </c>
      <c r="F34" s="193">
        <v>0</v>
      </c>
      <c r="G34" s="191">
        <v>370</v>
      </c>
      <c r="H34" s="191">
        <v>336</v>
      </c>
      <c r="I34" s="191">
        <v>411</v>
      </c>
      <c r="J34" s="191">
        <v>436</v>
      </c>
      <c r="K34" s="191">
        <v>589</v>
      </c>
      <c r="L34" s="194">
        <v>2142</v>
      </c>
      <c r="M34" s="195">
        <v>2142</v>
      </c>
      <c r="N34" s="190">
        <v>0</v>
      </c>
      <c r="O34" s="191">
        <v>0</v>
      </c>
      <c r="P34" s="196">
        <v>0</v>
      </c>
      <c r="Q34" s="193">
        <v>0</v>
      </c>
      <c r="R34" s="191">
        <v>0</v>
      </c>
      <c r="S34" s="191">
        <v>0</v>
      </c>
      <c r="T34" s="191">
        <v>5</v>
      </c>
      <c r="U34" s="191">
        <v>39</v>
      </c>
      <c r="V34" s="191">
        <v>38</v>
      </c>
      <c r="W34" s="196">
        <v>82</v>
      </c>
      <c r="X34" s="195">
        <v>82</v>
      </c>
      <c r="Y34" s="190">
        <v>43</v>
      </c>
      <c r="Z34" s="191">
        <v>92</v>
      </c>
      <c r="AA34" s="196">
        <v>135</v>
      </c>
      <c r="AB34" s="193">
        <v>0</v>
      </c>
      <c r="AC34" s="191">
        <v>268</v>
      </c>
      <c r="AD34" s="191">
        <v>214</v>
      </c>
      <c r="AE34" s="191">
        <v>128</v>
      </c>
      <c r="AF34" s="191">
        <v>112</v>
      </c>
      <c r="AG34" s="191">
        <v>112</v>
      </c>
      <c r="AH34" s="196">
        <v>834</v>
      </c>
      <c r="AI34" s="195">
        <v>969</v>
      </c>
      <c r="AJ34" s="190">
        <v>0</v>
      </c>
      <c r="AK34" s="191">
        <v>0</v>
      </c>
      <c r="AL34" s="196">
        <v>0</v>
      </c>
      <c r="AM34" s="193">
        <v>0</v>
      </c>
      <c r="AN34" s="191">
        <v>48</v>
      </c>
      <c r="AO34" s="191">
        <v>6</v>
      </c>
      <c r="AP34" s="191">
        <v>0</v>
      </c>
      <c r="AQ34" s="191">
        <v>45</v>
      </c>
      <c r="AR34" s="191">
        <v>18</v>
      </c>
      <c r="AS34" s="196">
        <v>117</v>
      </c>
      <c r="AT34" s="195">
        <v>117</v>
      </c>
      <c r="AU34" s="190">
        <v>0</v>
      </c>
      <c r="AV34" s="191">
        <v>0</v>
      </c>
      <c r="AW34" s="196">
        <v>0</v>
      </c>
      <c r="AX34" s="193">
        <v>0</v>
      </c>
      <c r="AY34" s="191">
        <v>470</v>
      </c>
      <c r="AZ34" s="191">
        <v>589</v>
      </c>
      <c r="BA34" s="191">
        <v>257</v>
      </c>
      <c r="BB34" s="191">
        <v>235</v>
      </c>
      <c r="BC34" s="191">
        <v>73</v>
      </c>
      <c r="BD34" s="194">
        <v>1624</v>
      </c>
      <c r="BE34" s="195">
        <v>1624</v>
      </c>
      <c r="BF34" s="190">
        <v>0</v>
      </c>
      <c r="BG34" s="191">
        <v>0</v>
      </c>
      <c r="BH34" s="196">
        <v>0</v>
      </c>
      <c r="BI34" s="193">
        <v>0</v>
      </c>
      <c r="BJ34" s="191">
        <v>75</v>
      </c>
      <c r="BK34" s="191">
        <v>78</v>
      </c>
      <c r="BL34" s="191">
        <v>36</v>
      </c>
      <c r="BM34" s="191">
        <v>24</v>
      </c>
      <c r="BN34" s="191">
        <v>22</v>
      </c>
      <c r="BO34" s="196">
        <v>235</v>
      </c>
      <c r="BP34" s="195">
        <v>235</v>
      </c>
      <c r="BQ34" s="190">
        <v>0</v>
      </c>
      <c r="BR34" s="191">
        <v>3</v>
      </c>
      <c r="BS34" s="196">
        <v>3</v>
      </c>
      <c r="BT34" s="193">
        <v>0</v>
      </c>
      <c r="BU34" s="191">
        <v>22</v>
      </c>
      <c r="BV34" s="191">
        <v>80</v>
      </c>
      <c r="BW34" s="191">
        <v>107</v>
      </c>
      <c r="BX34" s="191">
        <v>38</v>
      </c>
      <c r="BY34" s="191">
        <v>41</v>
      </c>
      <c r="BZ34" s="196">
        <v>288</v>
      </c>
      <c r="CA34" s="195">
        <v>291</v>
      </c>
      <c r="CB34" s="190">
        <v>0</v>
      </c>
      <c r="CC34" s="191">
        <v>0</v>
      </c>
      <c r="CD34" s="196">
        <v>0</v>
      </c>
      <c r="CE34" s="193">
        <v>0</v>
      </c>
      <c r="CF34" s="191">
        <v>0</v>
      </c>
      <c r="CG34" s="191">
        <v>7</v>
      </c>
      <c r="CH34" s="191">
        <v>3</v>
      </c>
      <c r="CI34" s="191">
        <v>0</v>
      </c>
      <c r="CJ34" s="191">
        <v>10</v>
      </c>
      <c r="CK34" s="196">
        <v>20</v>
      </c>
      <c r="CL34" s="195">
        <v>20</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1">
        <v>0</v>
      </c>
      <c r="E35" s="192">
        <v>0</v>
      </c>
      <c r="F35" s="193">
        <v>0</v>
      </c>
      <c r="G35" s="191">
        <v>274</v>
      </c>
      <c r="H35" s="191">
        <v>295</v>
      </c>
      <c r="I35" s="191">
        <v>467</v>
      </c>
      <c r="J35" s="191">
        <v>54</v>
      </c>
      <c r="K35" s="191">
        <v>442</v>
      </c>
      <c r="L35" s="194">
        <v>1532</v>
      </c>
      <c r="M35" s="195">
        <v>1532</v>
      </c>
      <c r="N35" s="190">
        <v>0</v>
      </c>
      <c r="O35" s="191">
        <v>0</v>
      </c>
      <c r="P35" s="196">
        <v>0</v>
      </c>
      <c r="Q35" s="193">
        <v>0</v>
      </c>
      <c r="R35" s="191">
        <v>0</v>
      </c>
      <c r="S35" s="191">
        <v>5</v>
      </c>
      <c r="T35" s="191">
        <v>4</v>
      </c>
      <c r="U35" s="191">
        <v>8</v>
      </c>
      <c r="V35" s="191">
        <v>19</v>
      </c>
      <c r="W35" s="196">
        <v>36</v>
      </c>
      <c r="X35" s="195">
        <v>36</v>
      </c>
      <c r="Y35" s="190">
        <v>0</v>
      </c>
      <c r="Z35" s="191">
        <v>33</v>
      </c>
      <c r="AA35" s="196">
        <v>33</v>
      </c>
      <c r="AB35" s="193">
        <v>0</v>
      </c>
      <c r="AC35" s="191">
        <v>141</v>
      </c>
      <c r="AD35" s="191">
        <v>97</v>
      </c>
      <c r="AE35" s="191">
        <v>29</v>
      </c>
      <c r="AF35" s="191">
        <v>14</v>
      </c>
      <c r="AG35" s="191">
        <v>16</v>
      </c>
      <c r="AH35" s="196">
        <v>297</v>
      </c>
      <c r="AI35" s="195">
        <v>330</v>
      </c>
      <c r="AJ35" s="190">
        <v>89</v>
      </c>
      <c r="AK35" s="191">
        <v>169</v>
      </c>
      <c r="AL35" s="196">
        <v>258</v>
      </c>
      <c r="AM35" s="193">
        <v>0</v>
      </c>
      <c r="AN35" s="191">
        <v>545</v>
      </c>
      <c r="AO35" s="191">
        <v>242</v>
      </c>
      <c r="AP35" s="191">
        <v>109</v>
      </c>
      <c r="AQ35" s="191">
        <v>45</v>
      </c>
      <c r="AR35" s="191">
        <v>30</v>
      </c>
      <c r="AS35" s="196">
        <v>971</v>
      </c>
      <c r="AT35" s="195">
        <v>1229</v>
      </c>
      <c r="AU35" s="190">
        <v>0</v>
      </c>
      <c r="AV35" s="191">
        <v>0</v>
      </c>
      <c r="AW35" s="196">
        <v>0</v>
      </c>
      <c r="AX35" s="193">
        <v>0</v>
      </c>
      <c r="AY35" s="191">
        <v>78</v>
      </c>
      <c r="AZ35" s="191">
        <v>92</v>
      </c>
      <c r="BA35" s="191">
        <v>32</v>
      </c>
      <c r="BB35" s="191">
        <v>17</v>
      </c>
      <c r="BC35" s="191">
        <v>24</v>
      </c>
      <c r="BD35" s="194">
        <v>243</v>
      </c>
      <c r="BE35" s="195">
        <v>243</v>
      </c>
      <c r="BF35" s="190">
        <v>0</v>
      </c>
      <c r="BG35" s="191">
        <v>0</v>
      </c>
      <c r="BH35" s="196">
        <v>0</v>
      </c>
      <c r="BI35" s="193">
        <v>0</v>
      </c>
      <c r="BJ35" s="191">
        <v>221</v>
      </c>
      <c r="BK35" s="191">
        <v>118</v>
      </c>
      <c r="BL35" s="191">
        <v>48</v>
      </c>
      <c r="BM35" s="191">
        <v>27</v>
      </c>
      <c r="BN35" s="191">
        <v>10</v>
      </c>
      <c r="BO35" s="196">
        <v>424</v>
      </c>
      <c r="BP35" s="195">
        <v>424</v>
      </c>
      <c r="BQ35" s="190">
        <v>0</v>
      </c>
      <c r="BR35" s="191">
        <v>11</v>
      </c>
      <c r="BS35" s="196">
        <v>11</v>
      </c>
      <c r="BT35" s="193">
        <v>0</v>
      </c>
      <c r="BU35" s="191">
        <v>12</v>
      </c>
      <c r="BV35" s="191">
        <v>100</v>
      </c>
      <c r="BW35" s="191">
        <v>90</v>
      </c>
      <c r="BX35" s="191">
        <v>109</v>
      </c>
      <c r="BY35" s="191">
        <v>31</v>
      </c>
      <c r="BZ35" s="196">
        <v>342</v>
      </c>
      <c r="CA35" s="195">
        <v>353</v>
      </c>
      <c r="CB35" s="190">
        <v>0</v>
      </c>
      <c r="CC35" s="191">
        <v>0</v>
      </c>
      <c r="CD35" s="196">
        <v>0</v>
      </c>
      <c r="CE35" s="193">
        <v>0</v>
      </c>
      <c r="CF35" s="191">
        <v>8</v>
      </c>
      <c r="CG35" s="191">
        <v>0</v>
      </c>
      <c r="CH35" s="191">
        <v>0</v>
      </c>
      <c r="CI35" s="191">
        <v>0</v>
      </c>
      <c r="CJ35" s="191">
        <v>0</v>
      </c>
      <c r="CK35" s="196">
        <v>8</v>
      </c>
      <c r="CL35" s="195">
        <v>8</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8</v>
      </c>
      <c r="DC35" s="191">
        <v>0</v>
      </c>
      <c r="DD35" s="191">
        <v>0</v>
      </c>
      <c r="DE35" s="191">
        <v>0</v>
      </c>
      <c r="DF35" s="191">
        <v>0</v>
      </c>
      <c r="DG35" s="196">
        <v>8</v>
      </c>
      <c r="DH35" s="195">
        <v>8</v>
      </c>
    </row>
    <row r="36" spans="2:112" ht="21" customHeight="1" x14ac:dyDescent="0.2">
      <c r="B36" s="106" t="s">
        <v>34</v>
      </c>
      <c r="C36" s="190">
        <v>0</v>
      </c>
      <c r="D36" s="191">
        <v>0</v>
      </c>
      <c r="E36" s="192">
        <v>0</v>
      </c>
      <c r="F36" s="193">
        <v>0</v>
      </c>
      <c r="G36" s="191">
        <v>162</v>
      </c>
      <c r="H36" s="191">
        <v>529</v>
      </c>
      <c r="I36" s="191">
        <v>104</v>
      </c>
      <c r="J36" s="191">
        <v>298</v>
      </c>
      <c r="K36" s="191">
        <v>404</v>
      </c>
      <c r="L36" s="194">
        <v>1497</v>
      </c>
      <c r="M36" s="195">
        <v>1497</v>
      </c>
      <c r="N36" s="190">
        <v>0</v>
      </c>
      <c r="O36" s="191">
        <v>0</v>
      </c>
      <c r="P36" s="196">
        <v>0</v>
      </c>
      <c r="Q36" s="193">
        <v>0</v>
      </c>
      <c r="R36" s="191">
        <v>0</v>
      </c>
      <c r="S36" s="191">
        <v>5</v>
      </c>
      <c r="T36" s="191">
        <v>3</v>
      </c>
      <c r="U36" s="191">
        <v>5</v>
      </c>
      <c r="V36" s="191">
        <v>39</v>
      </c>
      <c r="W36" s="196">
        <v>52</v>
      </c>
      <c r="X36" s="195">
        <v>52</v>
      </c>
      <c r="Y36" s="190">
        <v>33</v>
      </c>
      <c r="Z36" s="191">
        <v>75</v>
      </c>
      <c r="AA36" s="196">
        <v>108</v>
      </c>
      <c r="AB36" s="193">
        <v>0</v>
      </c>
      <c r="AC36" s="191">
        <v>186</v>
      </c>
      <c r="AD36" s="191">
        <v>144</v>
      </c>
      <c r="AE36" s="191">
        <v>37</v>
      </c>
      <c r="AF36" s="191">
        <v>78</v>
      </c>
      <c r="AG36" s="191">
        <v>95</v>
      </c>
      <c r="AH36" s="196">
        <v>540</v>
      </c>
      <c r="AI36" s="195">
        <v>648</v>
      </c>
      <c r="AJ36" s="190">
        <v>0</v>
      </c>
      <c r="AK36" s="191">
        <v>0</v>
      </c>
      <c r="AL36" s="196">
        <v>0</v>
      </c>
      <c r="AM36" s="193">
        <v>0</v>
      </c>
      <c r="AN36" s="191">
        <v>65</v>
      </c>
      <c r="AO36" s="191">
        <v>46</v>
      </c>
      <c r="AP36" s="191">
        <v>36</v>
      </c>
      <c r="AQ36" s="191">
        <v>20</v>
      </c>
      <c r="AR36" s="191">
        <v>34</v>
      </c>
      <c r="AS36" s="196">
        <v>201</v>
      </c>
      <c r="AT36" s="195">
        <v>201</v>
      </c>
      <c r="AU36" s="190">
        <v>0</v>
      </c>
      <c r="AV36" s="191">
        <v>0</v>
      </c>
      <c r="AW36" s="196">
        <v>0</v>
      </c>
      <c r="AX36" s="193">
        <v>0</v>
      </c>
      <c r="AY36" s="191">
        <v>275</v>
      </c>
      <c r="AZ36" s="191">
        <v>153</v>
      </c>
      <c r="BA36" s="191">
        <v>200</v>
      </c>
      <c r="BB36" s="191">
        <v>122</v>
      </c>
      <c r="BC36" s="191">
        <v>27</v>
      </c>
      <c r="BD36" s="194">
        <v>777</v>
      </c>
      <c r="BE36" s="195">
        <v>777</v>
      </c>
      <c r="BF36" s="190">
        <v>0</v>
      </c>
      <c r="BG36" s="191">
        <v>0</v>
      </c>
      <c r="BH36" s="196">
        <v>0</v>
      </c>
      <c r="BI36" s="193">
        <v>0</v>
      </c>
      <c r="BJ36" s="191">
        <v>53</v>
      </c>
      <c r="BK36" s="191">
        <v>18</v>
      </c>
      <c r="BL36" s="191">
        <v>15</v>
      </c>
      <c r="BM36" s="191">
        <v>9</v>
      </c>
      <c r="BN36" s="191">
        <v>0</v>
      </c>
      <c r="BO36" s="196">
        <v>95</v>
      </c>
      <c r="BP36" s="195">
        <v>95</v>
      </c>
      <c r="BQ36" s="190">
        <v>0</v>
      </c>
      <c r="BR36" s="191">
        <v>0</v>
      </c>
      <c r="BS36" s="196">
        <v>0</v>
      </c>
      <c r="BT36" s="193">
        <v>0</v>
      </c>
      <c r="BU36" s="191">
        <v>26</v>
      </c>
      <c r="BV36" s="191">
        <v>11</v>
      </c>
      <c r="BW36" s="191">
        <v>15</v>
      </c>
      <c r="BX36" s="191">
        <v>93</v>
      </c>
      <c r="BY36" s="191">
        <v>10</v>
      </c>
      <c r="BZ36" s="196">
        <v>155</v>
      </c>
      <c r="CA36" s="195">
        <v>155</v>
      </c>
      <c r="CB36" s="190">
        <v>0</v>
      </c>
      <c r="CC36" s="191">
        <v>0</v>
      </c>
      <c r="CD36" s="196">
        <v>0</v>
      </c>
      <c r="CE36" s="193">
        <v>0</v>
      </c>
      <c r="CF36" s="191">
        <v>9</v>
      </c>
      <c r="CG36" s="191">
        <v>0</v>
      </c>
      <c r="CH36" s="191">
        <v>16</v>
      </c>
      <c r="CI36" s="191">
        <v>0</v>
      </c>
      <c r="CJ36" s="191">
        <v>0</v>
      </c>
      <c r="CK36" s="196">
        <v>25</v>
      </c>
      <c r="CL36" s="195">
        <v>25</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1">
        <v>0</v>
      </c>
      <c r="E37" s="192">
        <v>0</v>
      </c>
      <c r="F37" s="193">
        <v>0</v>
      </c>
      <c r="G37" s="191">
        <v>910</v>
      </c>
      <c r="H37" s="191">
        <v>757</v>
      </c>
      <c r="I37" s="191">
        <v>1379</v>
      </c>
      <c r="J37" s="191">
        <v>1441</v>
      </c>
      <c r="K37" s="191">
        <v>1665</v>
      </c>
      <c r="L37" s="194">
        <v>6152</v>
      </c>
      <c r="M37" s="195">
        <v>6152</v>
      </c>
      <c r="N37" s="190">
        <v>0</v>
      </c>
      <c r="O37" s="191">
        <v>0</v>
      </c>
      <c r="P37" s="196">
        <v>0</v>
      </c>
      <c r="Q37" s="193">
        <v>0</v>
      </c>
      <c r="R37" s="191">
        <v>0</v>
      </c>
      <c r="S37" s="191">
        <v>8</v>
      </c>
      <c r="T37" s="191">
        <v>20</v>
      </c>
      <c r="U37" s="191">
        <v>51</v>
      </c>
      <c r="V37" s="191">
        <v>51</v>
      </c>
      <c r="W37" s="196">
        <v>130</v>
      </c>
      <c r="X37" s="195">
        <v>130</v>
      </c>
      <c r="Y37" s="190">
        <v>34</v>
      </c>
      <c r="Z37" s="191">
        <v>111</v>
      </c>
      <c r="AA37" s="196">
        <v>145</v>
      </c>
      <c r="AB37" s="193">
        <v>0</v>
      </c>
      <c r="AC37" s="191">
        <v>595</v>
      </c>
      <c r="AD37" s="191">
        <v>325</v>
      </c>
      <c r="AE37" s="191">
        <v>269</v>
      </c>
      <c r="AF37" s="191">
        <v>165</v>
      </c>
      <c r="AG37" s="191">
        <v>268</v>
      </c>
      <c r="AH37" s="196">
        <v>1622</v>
      </c>
      <c r="AI37" s="195">
        <v>1767</v>
      </c>
      <c r="AJ37" s="190">
        <v>82</v>
      </c>
      <c r="AK37" s="191">
        <v>189</v>
      </c>
      <c r="AL37" s="196">
        <v>271</v>
      </c>
      <c r="AM37" s="193">
        <v>0</v>
      </c>
      <c r="AN37" s="191">
        <v>223</v>
      </c>
      <c r="AO37" s="191">
        <v>253</v>
      </c>
      <c r="AP37" s="191">
        <v>76</v>
      </c>
      <c r="AQ37" s="191">
        <v>139</v>
      </c>
      <c r="AR37" s="191">
        <v>66</v>
      </c>
      <c r="AS37" s="196">
        <v>757</v>
      </c>
      <c r="AT37" s="195">
        <v>1028</v>
      </c>
      <c r="AU37" s="190">
        <v>0</v>
      </c>
      <c r="AV37" s="191">
        <v>0</v>
      </c>
      <c r="AW37" s="196">
        <v>0</v>
      </c>
      <c r="AX37" s="193">
        <v>0</v>
      </c>
      <c r="AY37" s="191">
        <v>1179</v>
      </c>
      <c r="AZ37" s="191">
        <v>835</v>
      </c>
      <c r="BA37" s="191">
        <v>651</v>
      </c>
      <c r="BB37" s="191">
        <v>440</v>
      </c>
      <c r="BC37" s="191">
        <v>253</v>
      </c>
      <c r="BD37" s="194">
        <v>3358</v>
      </c>
      <c r="BE37" s="195">
        <v>3358</v>
      </c>
      <c r="BF37" s="190">
        <v>0</v>
      </c>
      <c r="BG37" s="191">
        <v>0</v>
      </c>
      <c r="BH37" s="196">
        <v>0</v>
      </c>
      <c r="BI37" s="193">
        <v>0</v>
      </c>
      <c r="BJ37" s="191">
        <v>516</v>
      </c>
      <c r="BK37" s="191">
        <v>222</v>
      </c>
      <c r="BL37" s="191">
        <v>126</v>
      </c>
      <c r="BM37" s="191">
        <v>73</v>
      </c>
      <c r="BN37" s="191">
        <v>8</v>
      </c>
      <c r="BO37" s="196">
        <v>945</v>
      </c>
      <c r="BP37" s="195">
        <v>945</v>
      </c>
      <c r="BQ37" s="190">
        <v>3</v>
      </c>
      <c r="BR37" s="191">
        <v>0</v>
      </c>
      <c r="BS37" s="196">
        <v>3</v>
      </c>
      <c r="BT37" s="193">
        <v>0</v>
      </c>
      <c r="BU37" s="191">
        <v>73</v>
      </c>
      <c r="BV37" s="191">
        <v>32</v>
      </c>
      <c r="BW37" s="191">
        <v>98</v>
      </c>
      <c r="BX37" s="191">
        <v>152</v>
      </c>
      <c r="BY37" s="191">
        <v>67</v>
      </c>
      <c r="BZ37" s="196">
        <v>422</v>
      </c>
      <c r="CA37" s="195">
        <v>425</v>
      </c>
      <c r="CB37" s="190">
        <v>0</v>
      </c>
      <c r="CC37" s="191">
        <v>0</v>
      </c>
      <c r="CD37" s="196">
        <v>0</v>
      </c>
      <c r="CE37" s="193">
        <v>0</v>
      </c>
      <c r="CF37" s="191">
        <v>14</v>
      </c>
      <c r="CG37" s="191">
        <v>29</v>
      </c>
      <c r="CH37" s="191">
        <v>18</v>
      </c>
      <c r="CI37" s="191">
        <v>27</v>
      </c>
      <c r="CJ37" s="191">
        <v>7</v>
      </c>
      <c r="CK37" s="196">
        <v>95</v>
      </c>
      <c r="CL37" s="195">
        <v>95</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1">
        <v>0</v>
      </c>
      <c r="E38" s="192">
        <v>0</v>
      </c>
      <c r="F38" s="193">
        <v>0</v>
      </c>
      <c r="G38" s="191">
        <v>602</v>
      </c>
      <c r="H38" s="191">
        <v>1707</v>
      </c>
      <c r="I38" s="191">
        <v>1330</v>
      </c>
      <c r="J38" s="191">
        <v>1293</v>
      </c>
      <c r="K38" s="191">
        <v>2329</v>
      </c>
      <c r="L38" s="194">
        <v>7261</v>
      </c>
      <c r="M38" s="195">
        <v>7261</v>
      </c>
      <c r="N38" s="190">
        <v>0</v>
      </c>
      <c r="O38" s="191">
        <v>5</v>
      </c>
      <c r="P38" s="196">
        <v>5</v>
      </c>
      <c r="Q38" s="193">
        <v>0</v>
      </c>
      <c r="R38" s="191">
        <v>7</v>
      </c>
      <c r="S38" s="191">
        <v>15</v>
      </c>
      <c r="T38" s="191">
        <v>45</v>
      </c>
      <c r="U38" s="191">
        <v>50</v>
      </c>
      <c r="V38" s="191">
        <v>47</v>
      </c>
      <c r="W38" s="196">
        <v>164</v>
      </c>
      <c r="X38" s="195">
        <v>169</v>
      </c>
      <c r="Y38" s="190">
        <v>31</v>
      </c>
      <c r="Z38" s="191">
        <v>189</v>
      </c>
      <c r="AA38" s="196">
        <v>220</v>
      </c>
      <c r="AB38" s="193">
        <v>0</v>
      </c>
      <c r="AC38" s="191">
        <v>522</v>
      </c>
      <c r="AD38" s="191">
        <v>552</v>
      </c>
      <c r="AE38" s="191">
        <v>499</v>
      </c>
      <c r="AF38" s="191">
        <v>389</v>
      </c>
      <c r="AG38" s="191">
        <v>431</v>
      </c>
      <c r="AH38" s="196">
        <v>2393</v>
      </c>
      <c r="AI38" s="195">
        <v>2613</v>
      </c>
      <c r="AJ38" s="190">
        <v>4</v>
      </c>
      <c r="AK38" s="191">
        <v>164</v>
      </c>
      <c r="AL38" s="196">
        <v>168</v>
      </c>
      <c r="AM38" s="193">
        <v>0</v>
      </c>
      <c r="AN38" s="191">
        <v>195</v>
      </c>
      <c r="AO38" s="191">
        <v>205</v>
      </c>
      <c r="AP38" s="191">
        <v>87</v>
      </c>
      <c r="AQ38" s="191">
        <v>46</v>
      </c>
      <c r="AR38" s="191">
        <v>50</v>
      </c>
      <c r="AS38" s="196">
        <v>583</v>
      </c>
      <c r="AT38" s="195">
        <v>751</v>
      </c>
      <c r="AU38" s="190">
        <v>0</v>
      </c>
      <c r="AV38" s="191">
        <v>0</v>
      </c>
      <c r="AW38" s="196">
        <v>0</v>
      </c>
      <c r="AX38" s="193">
        <v>0</v>
      </c>
      <c r="AY38" s="191">
        <v>635</v>
      </c>
      <c r="AZ38" s="191">
        <v>925</v>
      </c>
      <c r="BA38" s="191">
        <v>470</v>
      </c>
      <c r="BB38" s="191">
        <v>379</v>
      </c>
      <c r="BC38" s="191">
        <v>291</v>
      </c>
      <c r="BD38" s="194">
        <v>2700</v>
      </c>
      <c r="BE38" s="195">
        <v>2700</v>
      </c>
      <c r="BF38" s="190">
        <v>0</v>
      </c>
      <c r="BG38" s="191">
        <v>0</v>
      </c>
      <c r="BH38" s="196">
        <v>0</v>
      </c>
      <c r="BI38" s="193">
        <v>0</v>
      </c>
      <c r="BJ38" s="191">
        <v>231</v>
      </c>
      <c r="BK38" s="191">
        <v>329</v>
      </c>
      <c r="BL38" s="191">
        <v>161</v>
      </c>
      <c r="BM38" s="191">
        <v>60</v>
      </c>
      <c r="BN38" s="191">
        <v>17</v>
      </c>
      <c r="BO38" s="196">
        <v>798</v>
      </c>
      <c r="BP38" s="195">
        <v>798</v>
      </c>
      <c r="BQ38" s="190">
        <v>0</v>
      </c>
      <c r="BR38" s="191">
        <v>0</v>
      </c>
      <c r="BS38" s="196">
        <v>0</v>
      </c>
      <c r="BT38" s="193">
        <v>0</v>
      </c>
      <c r="BU38" s="191">
        <v>83</v>
      </c>
      <c r="BV38" s="191">
        <v>154</v>
      </c>
      <c r="BW38" s="191">
        <v>179</v>
      </c>
      <c r="BX38" s="191">
        <v>209</v>
      </c>
      <c r="BY38" s="191">
        <v>145</v>
      </c>
      <c r="BZ38" s="196">
        <v>770</v>
      </c>
      <c r="CA38" s="195">
        <v>770</v>
      </c>
      <c r="CB38" s="190">
        <v>0</v>
      </c>
      <c r="CC38" s="191">
        <v>0</v>
      </c>
      <c r="CD38" s="196">
        <v>0</v>
      </c>
      <c r="CE38" s="193">
        <v>0</v>
      </c>
      <c r="CF38" s="191">
        <v>5</v>
      </c>
      <c r="CG38" s="191">
        <v>15</v>
      </c>
      <c r="CH38" s="191">
        <v>0</v>
      </c>
      <c r="CI38" s="191">
        <v>10</v>
      </c>
      <c r="CJ38" s="191">
        <v>0</v>
      </c>
      <c r="CK38" s="196">
        <v>30</v>
      </c>
      <c r="CL38" s="195">
        <v>30</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198">
        <v>0</v>
      </c>
      <c r="E39" s="199">
        <v>0</v>
      </c>
      <c r="F39" s="200">
        <v>0</v>
      </c>
      <c r="G39" s="198">
        <v>31</v>
      </c>
      <c r="H39" s="198">
        <v>45</v>
      </c>
      <c r="I39" s="198">
        <v>180</v>
      </c>
      <c r="J39" s="198">
        <v>4</v>
      </c>
      <c r="K39" s="198">
        <v>108</v>
      </c>
      <c r="L39" s="201">
        <v>368</v>
      </c>
      <c r="M39" s="202">
        <v>368</v>
      </c>
      <c r="N39" s="197">
        <v>0</v>
      </c>
      <c r="O39" s="198">
        <v>0</v>
      </c>
      <c r="P39" s="203">
        <v>0</v>
      </c>
      <c r="Q39" s="200">
        <v>0</v>
      </c>
      <c r="R39" s="198">
        <v>0</v>
      </c>
      <c r="S39" s="198">
        <v>0</v>
      </c>
      <c r="T39" s="198">
        <v>0</v>
      </c>
      <c r="U39" s="198">
        <v>0</v>
      </c>
      <c r="V39" s="198">
        <v>0</v>
      </c>
      <c r="W39" s="203">
        <v>0</v>
      </c>
      <c r="X39" s="202">
        <v>0</v>
      </c>
      <c r="Y39" s="197">
        <v>4</v>
      </c>
      <c r="Z39" s="198">
        <v>4</v>
      </c>
      <c r="AA39" s="203">
        <v>8</v>
      </c>
      <c r="AB39" s="200">
        <v>0</v>
      </c>
      <c r="AC39" s="198">
        <v>22</v>
      </c>
      <c r="AD39" s="198">
        <v>65</v>
      </c>
      <c r="AE39" s="198">
        <v>29</v>
      </c>
      <c r="AF39" s="198">
        <v>18</v>
      </c>
      <c r="AG39" s="198">
        <v>35</v>
      </c>
      <c r="AH39" s="203">
        <v>169</v>
      </c>
      <c r="AI39" s="202">
        <v>177</v>
      </c>
      <c r="AJ39" s="197">
        <v>0</v>
      </c>
      <c r="AK39" s="198">
        <v>0</v>
      </c>
      <c r="AL39" s="203">
        <v>0</v>
      </c>
      <c r="AM39" s="200">
        <v>0</v>
      </c>
      <c r="AN39" s="198">
        <v>6</v>
      </c>
      <c r="AO39" s="198">
        <v>10</v>
      </c>
      <c r="AP39" s="198">
        <v>0</v>
      </c>
      <c r="AQ39" s="198">
        <v>10</v>
      </c>
      <c r="AR39" s="198">
        <v>4</v>
      </c>
      <c r="AS39" s="203">
        <v>30</v>
      </c>
      <c r="AT39" s="202">
        <v>30</v>
      </c>
      <c r="AU39" s="197">
        <v>0</v>
      </c>
      <c r="AV39" s="198">
        <v>0</v>
      </c>
      <c r="AW39" s="203">
        <v>0</v>
      </c>
      <c r="AX39" s="200">
        <v>0</v>
      </c>
      <c r="AY39" s="198">
        <v>41</v>
      </c>
      <c r="AZ39" s="198">
        <v>42</v>
      </c>
      <c r="BA39" s="198">
        <v>79</v>
      </c>
      <c r="BB39" s="198">
        <v>12</v>
      </c>
      <c r="BC39" s="198">
        <v>4</v>
      </c>
      <c r="BD39" s="201">
        <v>178</v>
      </c>
      <c r="BE39" s="202">
        <v>178</v>
      </c>
      <c r="BF39" s="197">
        <v>0</v>
      </c>
      <c r="BG39" s="198">
        <v>0</v>
      </c>
      <c r="BH39" s="203">
        <v>0</v>
      </c>
      <c r="BI39" s="200">
        <v>0</v>
      </c>
      <c r="BJ39" s="198">
        <v>53</v>
      </c>
      <c r="BK39" s="198">
        <v>50</v>
      </c>
      <c r="BL39" s="198">
        <v>12</v>
      </c>
      <c r="BM39" s="198">
        <v>15</v>
      </c>
      <c r="BN39" s="198">
        <v>4</v>
      </c>
      <c r="BO39" s="203">
        <v>134</v>
      </c>
      <c r="BP39" s="202">
        <v>134</v>
      </c>
      <c r="BQ39" s="197">
        <v>0</v>
      </c>
      <c r="BR39" s="198">
        <v>0</v>
      </c>
      <c r="BS39" s="203">
        <v>0</v>
      </c>
      <c r="BT39" s="200">
        <v>0</v>
      </c>
      <c r="BU39" s="198">
        <v>8</v>
      </c>
      <c r="BV39" s="198">
        <v>16</v>
      </c>
      <c r="BW39" s="198">
        <v>29</v>
      </c>
      <c r="BX39" s="198">
        <v>4</v>
      </c>
      <c r="BY39" s="198">
        <v>0</v>
      </c>
      <c r="BZ39" s="203">
        <v>57</v>
      </c>
      <c r="CA39" s="202">
        <v>57</v>
      </c>
      <c r="CB39" s="197">
        <v>0</v>
      </c>
      <c r="CC39" s="198">
        <v>0</v>
      </c>
      <c r="CD39" s="203">
        <v>0</v>
      </c>
      <c r="CE39" s="200">
        <v>0</v>
      </c>
      <c r="CF39" s="198">
        <v>0</v>
      </c>
      <c r="CG39" s="198">
        <v>0</v>
      </c>
      <c r="CH39" s="198">
        <v>0</v>
      </c>
      <c r="CI39" s="198">
        <v>3</v>
      </c>
      <c r="CJ39" s="198">
        <v>11</v>
      </c>
      <c r="CK39" s="203">
        <v>14</v>
      </c>
      <c r="CL39" s="202">
        <v>14</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J1:K1"/>
    <mergeCell ref="M1:N1"/>
    <mergeCell ref="CB3:CL3"/>
    <mergeCell ref="CM3:CW3"/>
    <mergeCell ref="N3:X3"/>
    <mergeCell ref="Y3:AI3"/>
    <mergeCell ref="AJ3:AT3"/>
    <mergeCell ref="AU3:BE3"/>
    <mergeCell ref="BF3:BP3"/>
    <mergeCell ref="BQ3:CA3"/>
    <mergeCell ref="CW4:CW5"/>
    <mergeCell ref="BF4:BH4"/>
    <mergeCell ref="BI4:BO4"/>
    <mergeCell ref="BP4:BP5"/>
    <mergeCell ref="BQ4:BS4"/>
    <mergeCell ref="BT4:BZ4"/>
    <mergeCell ref="CA4:CA5"/>
    <mergeCell ref="CB4:CD4"/>
    <mergeCell ref="CE4:CK4"/>
    <mergeCell ref="CL4:CL5"/>
    <mergeCell ref="CM4:CO4"/>
    <mergeCell ref="CP4:CV4"/>
    <mergeCell ref="AJ4:AL4"/>
    <mergeCell ref="AM4:AS4"/>
    <mergeCell ref="AT4:AT5"/>
    <mergeCell ref="AU4:AW4"/>
    <mergeCell ref="AX4:BD4"/>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3-10-11T06:18:35Z</cp:lastPrinted>
  <dcterms:created xsi:type="dcterms:W3CDTF">2008-02-08T04:23:07Z</dcterms:created>
  <dcterms:modified xsi:type="dcterms:W3CDTF">2025-01-15T02:26:43Z</dcterms:modified>
</cp:coreProperties>
</file>